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drawings/drawing23.xml" ContentType="application/vnd.openxmlformats-officedocument.drawing+xml"/>
  <Override PartName="/xl/drawings/drawing24.xml" ContentType="application/vnd.openxmlformats-officedocument.drawing+xml"/>
  <Override PartName="/xl/drawings/drawing25.xml" ContentType="application/vnd.openxmlformats-officedocument.drawing+xml"/>
  <Override PartName="/xl/drawings/drawing26.xml" ContentType="application/vnd.openxmlformats-officedocument.drawing+xml"/>
  <Override PartName="/xl/drawings/drawing27.xml" ContentType="application/vnd.openxmlformats-officedocument.drawing+xml"/>
  <Override PartName="/xl/drawings/drawing28.xml" ContentType="application/vnd.openxmlformats-officedocument.drawing+xml"/>
  <Override PartName="/xl/drawings/drawing29.xml" ContentType="application/vnd.openxmlformats-officedocument.drawing+xml"/>
  <Override PartName="/xl/drawings/drawing30.xml" ContentType="application/vnd.openxmlformats-officedocument.drawing+xml"/>
  <Override PartName="/xl/drawings/drawing31.xml" ContentType="application/vnd.openxmlformats-officedocument.drawing+xml"/>
  <Override PartName="/xl/drawings/drawing32.xml" ContentType="application/vnd.openxmlformats-officedocument.drawing+xml"/>
  <Override PartName="/xl/drawings/drawing3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0103\03_行政G\01_行政企画チーム\06_市町村関係情報\01_市町村要覧\01_市町村要覧\2025年度(R7)　市町村要覧\09_完成版\02_Excel（HP搭載用）\"/>
    </mc:Choice>
  </mc:AlternateContent>
  <bookViews>
    <workbookView xWindow="0" yWindow="0" windowWidth="14370" windowHeight="12150" tabRatio="810" activeTab="32"/>
  </bookViews>
  <sheets>
    <sheet name="01横浜" sheetId="81" r:id="rId1"/>
    <sheet name="02川崎" sheetId="98" r:id="rId2"/>
    <sheet name="03相模原" sheetId="41" r:id="rId3"/>
    <sheet name="04横須賀" sheetId="99" r:id="rId4"/>
    <sheet name="05平塚" sheetId="82" r:id="rId5"/>
    <sheet name="06鎌倉" sheetId="92" r:id="rId6"/>
    <sheet name="07藤沢" sheetId="91" r:id="rId7"/>
    <sheet name="08小田原" sheetId="88" r:id="rId8"/>
    <sheet name="09茅ヶ崎" sheetId="84" r:id="rId9"/>
    <sheet name="10逗子" sheetId="48" r:id="rId10"/>
    <sheet name="11三浦" sheetId="87" r:id="rId11"/>
    <sheet name="12秦野" sheetId="51" r:id="rId12"/>
    <sheet name="13厚木" sheetId="80" r:id="rId13"/>
    <sheet name="14大和" sheetId="85" r:id="rId14"/>
    <sheet name="15伊勢原" sheetId="53" r:id="rId15"/>
    <sheet name="16海老名" sheetId="54" r:id="rId16"/>
    <sheet name="17座間" sheetId="73" r:id="rId17"/>
    <sheet name="18南足柄" sheetId="90" r:id="rId18"/>
    <sheet name="19綾瀬" sheetId="96" r:id="rId19"/>
    <sheet name="20葉山" sheetId="97" r:id="rId20"/>
    <sheet name="21寒川" sheetId="93" r:id="rId21"/>
    <sheet name="22大磯" sheetId="86" r:id="rId22"/>
    <sheet name="23二宮" sheetId="89" r:id="rId23"/>
    <sheet name="24中井" sheetId="78" r:id="rId24"/>
    <sheet name="25大井" sheetId="79" r:id="rId25"/>
    <sheet name="26松田" sheetId="95" r:id="rId26"/>
    <sheet name="27山北" sheetId="74" r:id="rId27"/>
    <sheet name="28開成" sheetId="72" r:id="rId28"/>
    <sheet name="29箱根" sheetId="76" r:id="rId29"/>
    <sheet name="30真鶴" sheetId="94" r:id="rId30"/>
    <sheet name="31湯河原" sheetId="77" r:id="rId31"/>
    <sheet name="32愛川" sheetId="83" r:id="rId32"/>
    <sheet name="33清川" sheetId="75" r:id="rId33"/>
  </sheets>
  <definedNames>
    <definedName name="_xlnm.Print_Area" localSheetId="0">'01横浜'!$A$1:$CM$50</definedName>
    <definedName name="_xlnm.Print_Area" localSheetId="1">'02川崎'!$A$1:$CM$50</definedName>
    <definedName name="_xlnm.Print_Area" localSheetId="2">'03相模原'!$A$1:$CM$50</definedName>
    <definedName name="_xlnm.Print_Area" localSheetId="3">'04横須賀'!$A$1:$CM$50</definedName>
    <definedName name="_xlnm.Print_Area" localSheetId="5">'06鎌倉'!$A$1:$CM$50</definedName>
    <definedName name="_xlnm.Print_Area" localSheetId="11">'12秦野'!$A$1:$CM$50</definedName>
    <definedName name="_xlnm.Print_Area" localSheetId="13">'14大和'!$A$1:$CM$50</definedName>
    <definedName name="_xlnm.Print_Area" localSheetId="16">'17座間'!$A$1:$CM$50</definedName>
    <definedName name="_xlnm.Print_Area" localSheetId="18">'19綾瀬'!$A$1:$CM$50</definedName>
    <definedName name="_xlnm.Print_Area" localSheetId="22">'23二宮'!$A$1:$CM$50</definedName>
    <definedName name="_xlnm.Print_Area" localSheetId="23">'24中井'!$A$1:$CM$50</definedName>
    <definedName name="_xlnm.Print_Area" localSheetId="24">'25大井'!$A$1:$CM$50</definedName>
    <definedName name="_xlnm.Print_Area" localSheetId="25">'26松田'!$A$1:$CM$50</definedName>
    <definedName name="_xlnm.Print_Area" localSheetId="26">'27山北'!$A$1:$CM$50</definedName>
    <definedName name="_xlnm.Print_Area" localSheetId="27">'28開成'!$A$1:$CM$50</definedName>
    <definedName name="_xlnm.Print_Area" localSheetId="28">'29箱根'!$A$1:$CM$50</definedName>
    <definedName name="_xlnm.Print_Area" localSheetId="29">'30真鶴'!$A$1:$CM$50</definedName>
    <definedName name="_xlnm.Print_Area" localSheetId="30">'31湯河原'!$A$1:$CM$50</definedName>
    <definedName name="_xlnm.Print_Area" localSheetId="31">'32愛川'!$A$1:$CM$50</definedName>
    <definedName name="_xlnm.Print_Area" localSheetId="32">'33清川'!$A$1:$CM$50</definedName>
  </definedNames>
  <calcPr calcId="162913" calcMode="manual"/>
</workbook>
</file>

<file path=xl/sharedStrings.xml><?xml version="1.0" encoding="utf-8"?>
<sst xmlns="http://schemas.openxmlformats.org/spreadsheetml/2006/main" count="4358" uniqueCount="1723">
  <si>
    <t>〒</t>
    <phoneticPr fontId="3" type="Hiragana" alignment="distributed"/>
  </si>
  <si>
    <t>257-8501</t>
  </si>
  <si>
    <t>0463(82)5111</t>
  </si>
  <si>
    <t>秦野ささら踊り、瓜生野盆踊り</t>
  </si>
  <si>
    <t>市民の日　11月３日</t>
  </si>
  <si>
    <t>諏訪市（長野県・昭和59年10月25日提携）、パサデナ市（アメリカ・昭和39年9月29日提携）、坡州市（大韓民国・平成17年10月20日提携）</t>
  </si>
  <si>
    <t>鳥もすめる環境都市宣言</t>
  </si>
  <si>
    <t>秦野市伊勢原市環境衛生組合加入</t>
  </si>
  <si>
    <t>秦野市平和都市宣言</t>
  </si>
  <si>
    <t>公共下水道大根・鶴巻処理区の下水処理事務委託（伊勢原市）</t>
  </si>
  <si>
    <t>秦野市</t>
    <rPh sb="0" eb="3">
      <t>はだのし</t>
    </rPh>
    <phoneticPr fontId="3" type="Hiragana" alignment="distributed"/>
  </si>
  <si>
    <t>秦野市桜町一丁目3番2号</t>
    <rPh sb="5" eb="6">
      <t>1</t>
    </rPh>
    <phoneticPr fontId="3" type="Hiragana" alignment="noControl"/>
  </si>
  <si>
    <t>合体（市制施行）　秦野町、南秦野町、東秦野村、北
　　　　　　　　　　　 秦野村</t>
    <rPh sb="0" eb="2">
      <t>がったい</t>
    </rPh>
    <rPh sb="4" eb="5">
      <t>せい</t>
    </rPh>
    <rPh sb="9" eb="11">
      <t>はだの</t>
    </rPh>
    <rPh sb="11" eb="12">
      <t>まち</t>
    </rPh>
    <rPh sb="13" eb="14">
      <t>みなみ</t>
    </rPh>
    <rPh sb="14" eb="16">
      <t>はだの</t>
    </rPh>
    <rPh sb="16" eb="17">
      <t>まち</t>
    </rPh>
    <rPh sb="18" eb="19">
      <t>ひがし</t>
    </rPh>
    <rPh sb="19" eb="21">
      <t>はだの</t>
    </rPh>
    <rPh sb="21" eb="22">
      <t>むら</t>
    </rPh>
    <rPh sb="23" eb="24">
      <t>きた</t>
    </rPh>
    <rPh sb="37" eb="39">
      <t>はだの</t>
    </rPh>
    <rPh sb="39" eb="40">
      <t>むら</t>
    </rPh>
    <phoneticPr fontId="3" type="Hiragana" alignment="distributed"/>
  </si>
  <si>
    <t>大根村大字落幡、北矢名、南矢名、下大槻</t>
    <rPh sb="0" eb="2">
      <t>おおね</t>
    </rPh>
    <rPh sb="2" eb="3">
      <t>むら</t>
    </rPh>
    <rPh sb="3" eb="5">
      <t>おおあざ</t>
    </rPh>
    <rPh sb="5" eb="6">
      <t>お</t>
    </rPh>
    <rPh sb="6" eb="7">
      <t>はた</t>
    </rPh>
    <rPh sb="8" eb="11">
      <t>きたやな</t>
    </rPh>
    <rPh sb="12" eb="15">
      <t>みなみやな</t>
    </rPh>
    <rPh sb="16" eb="17">
      <t>しも</t>
    </rPh>
    <rPh sb="17" eb="19">
      <t>おおつき</t>
    </rPh>
    <phoneticPr fontId="3" type="Hiragana" alignment="distributed"/>
  </si>
  <si>
    <t>西秦野町</t>
    <rPh sb="0" eb="1">
      <t>にし</t>
    </rPh>
    <rPh sb="1" eb="3">
      <t>はだの</t>
    </rPh>
    <rPh sb="3" eb="4">
      <t>まち</t>
    </rPh>
    <phoneticPr fontId="3" type="Hiragana" alignment="distributed"/>
  </si>
  <si>
    <t>昭和４７年4月1日、平成17年4月23日</t>
    <rPh sb="0" eb="2">
      <t>ショウワ</t>
    </rPh>
    <rPh sb="4" eb="5">
      <t>ネン</t>
    </rPh>
    <rPh sb="6" eb="7">
      <t>ガツ</t>
    </rPh>
    <rPh sb="8" eb="9">
      <t>ニチ</t>
    </rPh>
    <rPh sb="10" eb="12">
      <t>ヘイセイ</t>
    </rPh>
    <rPh sb="14" eb="15">
      <t>ネン</t>
    </rPh>
    <rPh sb="16" eb="17">
      <t>ガツ</t>
    </rPh>
    <rPh sb="19" eb="20">
      <t>ニチ</t>
    </rPh>
    <phoneticPr fontId="8"/>
  </si>
  <si>
    <t>○</t>
    <phoneticPr fontId="3" type="Hiragana" alignment="distributed"/>
  </si>
  <si>
    <t>昭和30年３月22日制定</t>
  </si>
  <si>
    <t>243-8511</t>
  </si>
  <si>
    <t>046(223)1511</t>
  </si>
  <si>
    <t>厚木市制施行記念日　２月１日</t>
  </si>
  <si>
    <t>親孝行都市宣言</t>
  </si>
  <si>
    <t>厚木市</t>
    <rPh sb="0" eb="3">
      <t>あつぎし</t>
    </rPh>
    <phoneticPr fontId="3" type="Hiragana" alignment="distributed"/>
  </si>
  <si>
    <t>厚木市中町三丁目17番17号</t>
    <rPh sb="5" eb="6">
      <t>3</t>
    </rPh>
    <phoneticPr fontId="3" type="Hiragana" alignment="distributed"/>
  </si>
  <si>
    <t>相川村、依知村</t>
    <rPh sb="0" eb="2">
      <t>あいかわ</t>
    </rPh>
    <rPh sb="2" eb="3">
      <t>むら</t>
    </rPh>
    <rPh sb="4" eb="5">
      <t>い</t>
    </rPh>
    <rPh sb="5" eb="6">
      <t>し</t>
    </rPh>
    <rPh sb="6" eb="7">
      <t>むら</t>
    </rPh>
    <phoneticPr fontId="3" type="Hiragana" alignment="distributed"/>
  </si>
  <si>
    <t>荻野村</t>
    <rPh sb="0" eb="2">
      <t>おぎの</t>
    </rPh>
    <rPh sb="2" eb="3">
      <t>むら</t>
    </rPh>
    <phoneticPr fontId="3" type="Hiragana" alignment="distributed"/>
  </si>
  <si>
    <t>愛川町中津字新戸境の一部及び字蟹沢の一部</t>
    <rPh sb="0" eb="3">
      <t>あいかわまち</t>
    </rPh>
    <rPh sb="3" eb="5">
      <t>なかつ</t>
    </rPh>
    <rPh sb="5" eb="6">
      <t>じ</t>
    </rPh>
    <rPh sb="6" eb="7">
      <t>しん</t>
    </rPh>
    <rPh sb="7" eb="8">
      <t>と</t>
    </rPh>
    <rPh sb="8" eb="9">
      <t>さかい</t>
    </rPh>
    <rPh sb="10" eb="12">
      <t>いちぶ</t>
    </rPh>
    <rPh sb="12" eb="13">
      <t>およ</t>
    </rPh>
    <rPh sb="14" eb="15">
      <t>じ</t>
    </rPh>
    <rPh sb="15" eb="16">
      <t>かに</t>
    </rPh>
    <rPh sb="16" eb="17">
      <t>さわ</t>
    </rPh>
    <rPh sb="18" eb="20">
      <t>いちぶ</t>
    </rPh>
    <phoneticPr fontId="3" type="Hiragana" alignment="distributed"/>
  </si>
  <si>
    <t>鎌倉源氏の紋所であったといわれる「ささりんどう」は、鎌倉の山々に多く野生するリンドウの葉と花をあしらったものである。古くから市内の神社、寺院などに散見された古風な紋章に、新しい感覚を盛り込み作成された。</t>
  </si>
  <si>
    <t>昭和27年11月３日制定</t>
  </si>
  <si>
    <t>古都としての風格を保ちながら、生きる喜びと新しい魅力を創造するまち</t>
  </si>
  <si>
    <t>248-8686</t>
  </si>
  <si>
    <t>0467(23)3000</t>
  </si>
  <si>
    <t>鎌倉市御成町18番10号</t>
  </si>
  <si>
    <t>まつお　たかし</t>
  </si>
  <si>
    <t>市制記念日　11月３日</t>
  </si>
  <si>
    <t>平和都市宣言</t>
  </si>
  <si>
    <t>鎌倉市</t>
    <rPh sb="0" eb="3">
      <t>かまくらし</t>
    </rPh>
    <phoneticPr fontId="3" type="Hiragana" alignment="distributed"/>
  </si>
  <si>
    <t>URL</t>
    <phoneticPr fontId="3" type="Hiragana" alignment="distributed"/>
  </si>
  <si>
    <t>深沢村</t>
    <rPh sb="0" eb="2">
      <t>ふかざわ</t>
    </rPh>
    <rPh sb="2" eb="3">
      <t>むら</t>
    </rPh>
    <phoneticPr fontId="3" type="Hiragana" alignment="distributed"/>
  </si>
  <si>
    <t>大船町</t>
    <rPh sb="0" eb="2">
      <t>おおふな</t>
    </rPh>
    <rPh sb="2" eb="3">
      <t>まち</t>
    </rPh>
    <phoneticPr fontId="3" type="Hiragana" alignment="distributed"/>
  </si>
  <si>
    <t>藤沢市の首字「フジ」を図案化して、躍進し、発展しつつある市の姿を簡潔に力強く表現したものである。昭和25年市制施行10周年記念として市歌とともに一般公募して制定した。</t>
  </si>
  <si>
    <t>251-8601</t>
  </si>
  <si>
    <t>0466(25)1111</t>
  </si>
  <si>
    <t>藤沢市朝日町1番地の1</t>
  </si>
  <si>
    <t>江の島囃子、鵠沼皇大神宮人形山車、ささら踊り</t>
  </si>
  <si>
    <t>市制記念日　10月１日</t>
  </si>
  <si>
    <t>クロマツ</t>
  </si>
  <si>
    <t>カワセミ</t>
  </si>
  <si>
    <t>マイアミビーチ市（アメリカ・昭和34年3月5日提携）、松本市（長野県・昭和36年7月29日提携）、昆明市（中国・昭和56年11月5日提携）、ウィンザー市（カナダ・昭和62年12月2日提携）、保寧市（大韓民国・平成14年11月15日提携）</t>
  </si>
  <si>
    <t>河川をきれいにする都市宣言</t>
  </si>
  <si>
    <t>藤沢市核兵器廃絶平和都市宣言</t>
  </si>
  <si>
    <t>藤沢市交通安全都市宣言</t>
  </si>
  <si>
    <t>私たちの藤沢　健康都市宣言</t>
  </si>
  <si>
    <t>藤沢市</t>
    <rPh sb="0" eb="3">
      <t>ふじさわし</t>
    </rPh>
    <phoneticPr fontId="3" type="Hiragana" alignment="distributed"/>
  </si>
  <si>
    <t>市民憲章（昭和39年７月１日制定)
前文
　わたくしたち藤沢市民は、藤沢市を豊かな明るい美しい産業、文化、観光都市とするために、市民ひとりひとりが守るべき規範として、ここに市民憲章を定めます。
本文
１　元気で働き、明るい家庭をつくりましょう。
１　つねに健康な心とからだをきたえましょう。
１　いつもだれにも親切にしましょう。
１　きまりをまもり良い風習をそだてましょう。
１　教養を深め、文化の高いまちをきずきましょう。</t>
    <rPh sb="97" eb="98">
      <t>ホン</t>
    </rPh>
    <phoneticPr fontId="8"/>
  </si>
  <si>
    <t>小中学校の教育事務受託（茅ヶ崎市）</t>
    <rPh sb="0" eb="2">
      <t>ショウチュウ</t>
    </rPh>
    <phoneticPr fontId="8"/>
  </si>
  <si>
    <t>一般旅券の申請受理等事務受託（茅ヶ崎市・寒川町）</t>
    <rPh sb="0" eb="2">
      <t>イッパン</t>
    </rPh>
    <rPh sb="2" eb="4">
      <t>リョケン</t>
    </rPh>
    <rPh sb="5" eb="7">
      <t>シンセイ</t>
    </rPh>
    <rPh sb="7" eb="8">
      <t>ウケ</t>
    </rPh>
    <rPh sb="8" eb="9">
      <t>リ</t>
    </rPh>
    <rPh sb="10" eb="12">
      <t>ジム</t>
    </rPh>
    <rPh sb="12" eb="14">
      <t>ジュタク</t>
    </rPh>
    <phoneticPr fontId="8"/>
  </si>
  <si>
    <t>湘南広域都市行政協議会加入（茅ヶ崎市・寒川町）</t>
    <rPh sb="0" eb="2">
      <t>しょうなん</t>
    </rPh>
    <rPh sb="2" eb="4">
      <t>こういき</t>
    </rPh>
    <rPh sb="4" eb="5">
      <t>と</t>
    </rPh>
    <rPh sb="5" eb="6">
      <t>し</t>
    </rPh>
    <rPh sb="6" eb="8">
      <t>ぎょうせい</t>
    </rPh>
    <rPh sb="8" eb="11">
      <t>きょうぎかい</t>
    </rPh>
    <rPh sb="11" eb="13">
      <t>かにゅう</t>
    </rPh>
    <rPh sb="14" eb="18">
      <t>ちがさきし</t>
    </rPh>
    <rPh sb="19" eb="21">
      <t>さむかわ</t>
    </rPh>
    <rPh sb="21" eb="22">
      <t>まち</t>
    </rPh>
    <phoneticPr fontId="3" type="Hiragana" alignment="distributed"/>
  </si>
  <si>
    <t>古くから梅の名所として知られ、また、ぶり網漁業をはじめ各種漁業が盛んであるところから、これらの地方色を象徴するため、波がしらで梅の花を形づくったものである。</t>
  </si>
  <si>
    <t>昭和16年６月26日制定</t>
  </si>
  <si>
    <t>250-8555</t>
  </si>
  <si>
    <t>0465(33)1300</t>
  </si>
  <si>
    <t>小田原市荻窪300番地</t>
  </si>
  <si>
    <t>市制記念日　12月20日</t>
  </si>
  <si>
    <t>うめ</t>
  </si>
  <si>
    <t>くろまつ</t>
  </si>
  <si>
    <t>コアジサシ</t>
  </si>
  <si>
    <t>メダカ、アジ</t>
  </si>
  <si>
    <t>小田原市平和都市宣言</t>
  </si>
  <si>
    <t>小田原市外二ヶ市町組合加入</t>
  </si>
  <si>
    <t>南足柄市外五ケ市町組合加入</t>
  </si>
  <si>
    <t>小田原市教育都市宣言</t>
  </si>
  <si>
    <t>南足柄市外二ケ市町組合加入</t>
  </si>
  <si>
    <t>箱根町外二カ市組合加入</t>
  </si>
  <si>
    <t>南足柄市外四ケ市町組合加入</t>
  </si>
  <si>
    <t>小田原市</t>
    <rPh sb="0" eb="4">
      <t>おだわらし</t>
    </rPh>
    <phoneticPr fontId="3" type="Hiragana" alignment="distributed"/>
  </si>
  <si>
    <t>市制施行</t>
    <rPh sb="1" eb="2">
      <t>せい</t>
    </rPh>
    <rPh sb="2" eb="4">
      <t>しこう</t>
    </rPh>
    <phoneticPr fontId="3" type="Hiragana" alignment="distributed"/>
  </si>
  <si>
    <t>下府中村</t>
    <rPh sb="0" eb="1">
      <t>しも</t>
    </rPh>
    <rPh sb="1" eb="2">
      <t>ふ</t>
    </rPh>
    <rPh sb="2" eb="4">
      <t>なかむら</t>
    </rPh>
    <phoneticPr fontId="3" type="Hiragana" alignment="distributed"/>
  </si>
  <si>
    <t>桜井村</t>
    <rPh sb="0" eb="2">
      <t>さくらい</t>
    </rPh>
    <rPh sb="2" eb="3">
      <t>むら</t>
    </rPh>
    <phoneticPr fontId="3" type="Hiragana" alignment="distributed"/>
  </si>
  <si>
    <t>豊川村</t>
    <rPh sb="0" eb="2">
      <t>とよかわ</t>
    </rPh>
    <rPh sb="2" eb="3">
      <t>むら</t>
    </rPh>
    <phoneticPr fontId="3" type="Hiragana" alignment="distributed"/>
  </si>
  <si>
    <t>国府津町、酒匂町、上府中村、片浦村、下曽我村</t>
    <rPh sb="0" eb="3">
      <t>こうづ</t>
    </rPh>
    <rPh sb="3" eb="4">
      <t>まち</t>
    </rPh>
    <rPh sb="5" eb="7">
      <t>さかわ</t>
    </rPh>
    <rPh sb="7" eb="8">
      <t>まち</t>
    </rPh>
    <rPh sb="9" eb="10">
      <t>かみ</t>
    </rPh>
    <rPh sb="10" eb="11">
      <t>ふ</t>
    </rPh>
    <rPh sb="11" eb="12">
      <t>なか</t>
    </rPh>
    <rPh sb="12" eb="13">
      <t>むら</t>
    </rPh>
    <rPh sb="14" eb="15">
      <t>かた</t>
    </rPh>
    <rPh sb="15" eb="16">
      <t>うら</t>
    </rPh>
    <rPh sb="16" eb="17">
      <t>むら</t>
    </rPh>
    <rPh sb="18" eb="19">
      <t>しも</t>
    </rPh>
    <rPh sb="19" eb="21">
      <t>そが</t>
    </rPh>
    <rPh sb="21" eb="22">
      <t>むら</t>
    </rPh>
    <phoneticPr fontId="3" type="Hiragana" alignment="distributed"/>
  </si>
  <si>
    <t>曽我村大字上曽我、下大井、鬼柳及び曽我大沢</t>
    <rPh sb="0" eb="2">
      <t>そが</t>
    </rPh>
    <rPh sb="2" eb="3">
      <t>むら</t>
    </rPh>
    <rPh sb="3" eb="5">
      <t>おおあざ</t>
    </rPh>
    <rPh sb="5" eb="6">
      <t>かみ</t>
    </rPh>
    <rPh sb="6" eb="8">
      <t>そが</t>
    </rPh>
    <rPh sb="9" eb="10">
      <t>しも</t>
    </rPh>
    <rPh sb="10" eb="12">
      <t>おおい</t>
    </rPh>
    <rPh sb="13" eb="14">
      <t>おに</t>
    </rPh>
    <rPh sb="14" eb="15">
      <t>やなぎ</t>
    </rPh>
    <rPh sb="15" eb="16">
      <t>およ</t>
    </rPh>
    <rPh sb="17" eb="19">
      <t>そが</t>
    </rPh>
    <rPh sb="19" eb="21">
      <t>おおさわ</t>
    </rPh>
    <phoneticPr fontId="3" type="Hiragana" alignment="distributed"/>
  </si>
  <si>
    <t>橘町</t>
    <rPh sb="0" eb="2">
      <t>たちばなまち</t>
    </rPh>
    <phoneticPr fontId="3" type="Hiragana" alignment="distributed"/>
  </si>
  <si>
    <t>魚</t>
    <rPh sb="0" eb="1">
      <t>さかな</t>
    </rPh>
    <phoneticPr fontId="3" type="Hiragana" alignment="distributed"/>
  </si>
  <si>
    <t>「チガサキ」の「チ」を図案化した円形は、市の融和と団結をあらわし、翼状平行線は市勢の飛躍発展を象徴している。</t>
  </si>
  <si>
    <t>昭和32年10月１日制定</t>
  </si>
  <si>
    <t>253-8686</t>
  </si>
  <si>
    <t>0467(82)1111</t>
  </si>
  <si>
    <t>茅ヶ崎市茅ヶ崎一丁目1番1号</t>
  </si>
  <si>
    <t>円蔵祭囃子、柳島エンコロ節、南湖麦打唄、芹沢焼米搗唄</t>
  </si>
  <si>
    <t>茅ヶ崎市核兵器廃絶平和都市宣言</t>
  </si>
  <si>
    <t>子どもの安全を守る都市宣言</t>
  </si>
  <si>
    <t>茅ヶ崎市</t>
    <rPh sb="0" eb="3">
      <t>ちがさき</t>
    </rPh>
    <rPh sb="3" eb="4">
      <t>し</t>
    </rPh>
    <phoneticPr fontId="3" type="Hiragana" alignment="distributed"/>
  </si>
  <si>
    <t>小出村大字堤、下寺尾、行谷、芹沢</t>
    <rPh sb="0" eb="1">
      <t>こ</t>
    </rPh>
    <rPh sb="1" eb="2">
      <t>で</t>
    </rPh>
    <rPh sb="2" eb="3">
      <t>むら</t>
    </rPh>
    <rPh sb="3" eb="5">
      <t>おおあざ</t>
    </rPh>
    <rPh sb="5" eb="6">
      <t>つつみ</t>
    </rPh>
    <rPh sb="7" eb="8">
      <t>しも</t>
    </rPh>
    <rPh sb="8" eb="10">
      <t>てらお</t>
    </rPh>
    <rPh sb="11" eb="12">
      <t>い</t>
    </rPh>
    <rPh sb="12" eb="13">
      <t>たに</t>
    </rPh>
    <rPh sb="14" eb="16">
      <t>せりざわ</t>
    </rPh>
    <phoneticPr fontId="3" type="Hiragana" alignment="distributed"/>
  </si>
  <si>
    <t>小中学校の教育事務委託（藤沢市）</t>
    <rPh sb="0" eb="4">
      <t>しょうちゅうがっこう</t>
    </rPh>
    <phoneticPr fontId="3" type="Hiragana" alignment="distributed"/>
  </si>
  <si>
    <t>資源物処理に関する事務委託（寒川町）</t>
    <rPh sb="11" eb="13">
      <t>イタク</t>
    </rPh>
    <phoneticPr fontId="8"/>
  </si>
  <si>
    <t>一般旅券の申請受理等事務委託（藤沢市）</t>
    <rPh sb="0" eb="2">
      <t>イッパン</t>
    </rPh>
    <rPh sb="2" eb="4">
      <t>リョケン</t>
    </rPh>
    <rPh sb="5" eb="7">
      <t>シンセイ</t>
    </rPh>
    <rPh sb="7" eb="10">
      <t>ジュリナド</t>
    </rPh>
    <rPh sb="10" eb="12">
      <t>ジム</t>
    </rPh>
    <rPh sb="12" eb="14">
      <t>イタク</t>
    </rPh>
    <rPh sb="15" eb="18">
      <t>フジサワシ</t>
    </rPh>
    <phoneticPr fontId="8"/>
  </si>
  <si>
    <t>湘南広域都市行政協議会加入（藤沢市・寒川町）</t>
    <rPh sb="0" eb="2">
      <t>しょうなん</t>
    </rPh>
    <rPh sb="2" eb="4">
      <t>こういき</t>
    </rPh>
    <rPh sb="4" eb="5">
      <t>と</t>
    </rPh>
    <rPh sb="5" eb="6">
      <t>し</t>
    </rPh>
    <rPh sb="6" eb="8">
      <t>ぎょうせい</t>
    </rPh>
    <rPh sb="8" eb="11">
      <t>きょうぎかい</t>
    </rPh>
    <rPh sb="11" eb="13">
      <t>かにゅう</t>
    </rPh>
    <rPh sb="14" eb="16">
      <t>ふじさわ</t>
    </rPh>
    <rPh sb="16" eb="17">
      <t>し</t>
    </rPh>
    <rPh sb="18" eb="20">
      <t>さむかわ</t>
    </rPh>
    <rPh sb="20" eb="21">
      <t>まち</t>
    </rPh>
    <phoneticPr fontId="3" type="Hiragana" alignment="distributed"/>
  </si>
  <si>
    <t>逗子の「逗」を図案化したもので、円満平和を象徴している。</t>
  </si>
  <si>
    <t>昭和25年11月30日制定</t>
  </si>
  <si>
    <t>都市宣言「青い海とみどり豊かな平和都市」</t>
  </si>
  <si>
    <t>249-8686</t>
  </si>
  <si>
    <t>046(873)1111</t>
  </si>
  <si>
    <t>小坪の祭ばやし、小坪のいかつりうた</t>
  </si>
  <si>
    <t>市制記念日　４月15日</t>
  </si>
  <si>
    <t>ナザレ市（ポルトガル・平成16年7月8日提携）</t>
  </si>
  <si>
    <t>スポーツ都市宣言</t>
  </si>
  <si>
    <t>非核平和都市宣言</t>
  </si>
  <si>
    <t>逗子市</t>
    <rPh sb="0" eb="3">
      <t>ずしし</t>
    </rPh>
    <phoneticPr fontId="3" type="Hiragana" alignment="distributed"/>
  </si>
  <si>
    <t>逗子市逗子五丁目2番16号</t>
    <rPh sb="5" eb="6">
      <t>5</t>
    </rPh>
    <phoneticPr fontId="3" type="Hiragana" alignment="distributed"/>
  </si>
  <si>
    <t>分立</t>
    <rPh sb="0" eb="2">
      <t>ぶんりつ</t>
    </rPh>
    <phoneticPr fontId="3" type="Hiragana" alignment="distributed"/>
  </si>
  <si>
    <t>“みうら”の「み」を、鮪２匹と大根２本で図案化し、水産三浦・農産三浦を象徴している。
昭和30年市制施行時に市民から公募して制定した。</t>
  </si>
  <si>
    <t>昭和31年１月20日制定</t>
  </si>
  <si>
    <t>人・まち・自然の鼓動を感じる都市　みうら</t>
  </si>
  <si>
    <t>238-0298</t>
  </si>
  <si>
    <t>046(882)1111</t>
  </si>
  <si>
    <t>三浦市城山町1番1号</t>
  </si>
  <si>
    <t>須坂市（長野県・昭和49年4月23日提携）、ウォーナンブール市（オーストラリア・平成4年7月6日提携）、ホノルル市（アメリカ・平成16年3月7日提携）</t>
  </si>
  <si>
    <t>三浦市核兵器廃絶平和都市宣言</t>
  </si>
  <si>
    <t>三浦市交通安全都市宣言</t>
  </si>
  <si>
    <t>三浦市</t>
    <rPh sb="0" eb="3">
      <t>みうらし</t>
    </rPh>
    <phoneticPr fontId="3" type="Hiragana" alignment="distributed"/>
  </si>
  <si>
    <t>伝統の誇りと発展向上する「ハダノ」をもっとも力感のある形で、飛躍発展性と市民の精神的結合の旗じるしとして翼型に図案化し市の発展を象徴したものである。　　　　　　　　　　　　　　　　　　　　　　　　　　　　　　　　　　　　　　　　　　　　　　　　　　　　　　　　　　　　　　　　　　　昭和33年1月一般公募して制定した。</t>
  </si>
  <si>
    <t>昭和33年１月１日制定</t>
  </si>
  <si>
    <t>厚木愛甲環境施設組合加入</t>
    <rPh sb="10" eb="12">
      <t>かにゅう</t>
    </rPh>
    <phoneticPr fontId="3" type="Hiragana" alignment="distributed"/>
  </si>
  <si>
    <t>躍進大和市の「大」を意匠化して全体を円形にかたどり、なお鳥の翼をひろげた形を象徴して大和市将来の円満なる飛躍発展を表徴したものである。</t>
  </si>
  <si>
    <t>昭和28年11月３日制定</t>
  </si>
  <si>
    <t>242-8601</t>
  </si>
  <si>
    <t>046(263)1111</t>
  </si>
  <si>
    <t>大和市下鶴間一丁目1番1号</t>
  </si>
  <si>
    <t>福田神社囃子獅子舞、薬王院の双盤念仏</t>
  </si>
  <si>
    <t>平成元年2月1日</t>
  </si>
  <si>
    <t>広域大和斎場組合加入</t>
  </si>
  <si>
    <t>大和市</t>
    <rPh sb="0" eb="3">
      <t>やまとし</t>
    </rPh>
    <phoneticPr fontId="3" type="Hiragana" alignment="distributed"/>
  </si>
  <si>
    <t>渋谷村</t>
    <rPh sb="0" eb="2">
      <t>しぶや</t>
    </rPh>
    <rPh sb="2" eb="3">
      <t>むら</t>
    </rPh>
    <phoneticPr fontId="3" type="Hiragana" alignment="distributed"/>
  </si>
  <si>
    <t>東京都町田市金森の一部及び鶴間の一部</t>
    <rPh sb="0" eb="3">
      <t>とうきょうと</t>
    </rPh>
    <rPh sb="3" eb="6">
      <t>まちだし</t>
    </rPh>
    <rPh sb="6" eb="8">
      <t>かなもり</t>
    </rPh>
    <rPh sb="9" eb="11">
      <t>いちぶ</t>
    </rPh>
    <rPh sb="11" eb="12">
      <t>およ</t>
    </rPh>
    <rPh sb="13" eb="15">
      <t>つるま</t>
    </rPh>
    <rPh sb="16" eb="18">
      <t>いちぶ</t>
    </rPh>
    <phoneticPr fontId="3" type="Hiragana" alignment="distributed"/>
  </si>
  <si>
    <t>東京都町田市金森の一部及び相模原市上鶴間の一部</t>
    <rPh sb="0" eb="3">
      <t>とうきょうと</t>
    </rPh>
    <rPh sb="3" eb="6">
      <t>まちだし</t>
    </rPh>
    <rPh sb="6" eb="8">
      <t>かなもり</t>
    </rPh>
    <rPh sb="9" eb="11">
      <t>いちぶ</t>
    </rPh>
    <rPh sb="11" eb="12">
      <t>およ</t>
    </rPh>
    <rPh sb="13" eb="17">
      <t>さがみはらし</t>
    </rPh>
    <rPh sb="17" eb="20">
      <t>かみつるま</t>
    </rPh>
    <rPh sb="21" eb="23">
      <t>いちぶ</t>
    </rPh>
    <phoneticPr fontId="3" type="Hiragana" alignment="distributed"/>
  </si>
  <si>
    <t>昭和32年９月１日制定</t>
  </si>
  <si>
    <t>259-1188</t>
  </si>
  <si>
    <t>0463(94)4711</t>
  </si>
  <si>
    <t>伊勢原市田中348番地</t>
  </si>
  <si>
    <t>小田急小田原線伊勢原駅から徒歩15分</t>
  </si>
  <si>
    <t>伊勢原市制記念日　３月１日</t>
  </si>
  <si>
    <t>ラミラダ市（アメリカ・昭和56年9月21日提携）、茅野市（長野県・昭和61年1月21日提携）</t>
  </si>
  <si>
    <t>健康・文化都市宣言</t>
  </si>
  <si>
    <t>神奈川県市町村職員退職手当組合加入</t>
  </si>
  <si>
    <t>公共下水道大根・鶴巻処理区の下水処理事務受託（秦野市）</t>
  </si>
  <si>
    <t>公平委員会事務委託（神奈川県）</t>
  </si>
  <si>
    <t>伊勢原市</t>
    <rPh sb="0" eb="4">
      <t>いせはらし</t>
    </rPh>
    <phoneticPr fontId="3" type="Hiragana" alignment="distributed"/>
  </si>
  <si>
    <t>合体</t>
    <rPh sb="0" eb="2">
      <t>がったい</t>
    </rPh>
    <phoneticPr fontId="3" type="Hiragana" alignment="distributed"/>
  </si>
  <si>
    <t>伊勢原町、大山町、高部屋村、比々多村、成瀬村、大田村</t>
    <rPh sb="0" eb="4">
      <t>いせはらまち</t>
    </rPh>
    <rPh sb="5" eb="8">
      <t>おおやままち</t>
    </rPh>
    <rPh sb="9" eb="10">
      <t>たか</t>
    </rPh>
    <rPh sb="10" eb="12">
      <t>へや</t>
    </rPh>
    <rPh sb="12" eb="13">
      <t>むら</t>
    </rPh>
    <rPh sb="14" eb="15">
      <t>ひ</t>
    </rPh>
    <rPh sb="16" eb="17">
      <t>た</t>
    </rPh>
    <rPh sb="17" eb="18">
      <t>むら</t>
    </rPh>
    <rPh sb="19" eb="21">
      <t>なるせ</t>
    </rPh>
    <rPh sb="21" eb="22">
      <t>むら</t>
    </rPh>
    <rPh sb="23" eb="26">
      <t>おおたむら</t>
    </rPh>
    <phoneticPr fontId="3" type="Hiragana" alignment="distributed"/>
  </si>
  <si>
    <t>岡崎村大字大句、馬渡</t>
    <rPh sb="0" eb="2">
      <t>おかざき</t>
    </rPh>
    <rPh sb="2" eb="3">
      <t>むら</t>
    </rPh>
    <rPh sb="3" eb="5">
      <t>おおあざ</t>
    </rPh>
    <rPh sb="5" eb="6">
      <t>だい</t>
    </rPh>
    <rPh sb="6" eb="7">
      <t>く</t>
    </rPh>
    <rPh sb="8" eb="9">
      <t>うま</t>
    </rPh>
    <rPh sb="9" eb="10">
      <t>わた</t>
    </rPh>
    <phoneticPr fontId="3" type="Hiragana" alignment="distributed"/>
  </si>
  <si>
    <t>大山の倭舞・巫子舞、大山能・狂言（薪能）</t>
    <rPh sb="0" eb="2">
      <t>オオヤマ</t>
    </rPh>
    <phoneticPr fontId="8"/>
  </si>
  <si>
    <t>昭和25年12月22日制定</t>
  </si>
  <si>
    <t>243-0492</t>
  </si>
  <si>
    <t>046(231)2111</t>
  </si>
  <si>
    <t>海老名市勝瀬175番地の1</t>
  </si>
  <si>
    <t>海老名市平和都市宣言</t>
  </si>
  <si>
    <t>高座清掃施設組合加入</t>
  </si>
  <si>
    <t>海老名市</t>
    <rPh sb="0" eb="4">
      <t>えびなし</t>
    </rPh>
    <phoneticPr fontId="3" type="Hiragana" alignment="distributed"/>
  </si>
  <si>
    <t>海老名町、有馬村</t>
    <rPh sb="0" eb="3">
      <t>えびな</t>
    </rPh>
    <rPh sb="3" eb="4">
      <t>まち</t>
    </rPh>
    <rPh sb="5" eb="7">
      <t>ありま</t>
    </rPh>
    <rPh sb="7" eb="8">
      <t>むら</t>
    </rPh>
    <phoneticPr fontId="3" type="Hiragana" alignment="distributed"/>
  </si>
  <si>
    <t>綾瀬市小園前畑の一部</t>
    <rPh sb="0" eb="3">
      <t>あやせし</t>
    </rPh>
    <rPh sb="3" eb="4">
      <t>お</t>
    </rPh>
    <rPh sb="4" eb="5">
      <t>その</t>
    </rPh>
    <rPh sb="5" eb="6">
      <t>まえ</t>
    </rPh>
    <rPh sb="6" eb="7">
      <t>はたけ</t>
    </rPh>
    <rPh sb="8" eb="10">
      <t>いちぶ</t>
    </rPh>
    <phoneticPr fontId="3" type="Hiragana" alignment="distributed"/>
  </si>
  <si>
    <t>座間市の「ザマ」を図案化したもので、円形は市の融和と団結をあらわし、翼は市勢の飛躍、発展を象徴しており、昭和27年全国より公募して制定された。</t>
  </si>
  <si>
    <t>昭和27年８月13日制定</t>
  </si>
  <si>
    <t>252-8566</t>
  </si>
  <si>
    <t>046(255)1111</t>
  </si>
  <si>
    <t>座間市緑ケ丘一丁目1番1号</t>
  </si>
  <si>
    <t>大凧、農村歌舞伎</t>
  </si>
  <si>
    <t>座間市核兵器廃絶平和都市宣言</t>
  </si>
  <si>
    <t>ざま健康文化都市宣言</t>
  </si>
  <si>
    <t>座間市</t>
    <rPh sb="0" eb="3">
      <t>ざまし</t>
    </rPh>
    <phoneticPr fontId="3" type="Hiragana" alignment="distributed"/>
  </si>
  <si>
    <t>相模原元座間町の区域</t>
    <rPh sb="0" eb="3">
      <t>さがみはら</t>
    </rPh>
    <rPh sb="3" eb="4">
      <t>もと</t>
    </rPh>
    <rPh sb="4" eb="6">
      <t>ざま</t>
    </rPh>
    <rPh sb="6" eb="7">
      <t>まち</t>
    </rPh>
    <rPh sb="8" eb="10">
      <t>くいき</t>
    </rPh>
    <phoneticPr fontId="3" type="Hiragana" alignment="distributed"/>
  </si>
  <si>
    <t>「ミナミ」の三文字を図案化したもので翼形は「ミ」で、中央部は「ナ」をもって型どり平和と躍進を表象している。</t>
  </si>
  <si>
    <t>昭和33年８月21日制定</t>
  </si>
  <si>
    <t>250-0192</t>
  </si>
  <si>
    <t>0465(74)2111</t>
  </si>
  <si>
    <t>南足柄市関本440番地</t>
  </si>
  <si>
    <t>伊豆箱根鉄道大雄山線大雄山駅から徒歩3分</t>
  </si>
  <si>
    <t>かとう　しゅうへい</t>
  </si>
  <si>
    <t>足柄ささら踊、相模人形芝居足柄座、内山剣舞おどり、足柄ばやし</t>
  </si>
  <si>
    <t>ティルブルグ市（オランダ・平成元年6月4日提携）</t>
  </si>
  <si>
    <t>環境都市宣言</t>
  </si>
  <si>
    <t>南足柄市外二ケ町組合加入</t>
  </si>
  <si>
    <t>南足柄市・山北町・開成町一部事務組合加入</t>
  </si>
  <si>
    <t>公明選挙のまち宣言</t>
  </si>
  <si>
    <t>足柄上衛生組合加入</t>
  </si>
  <si>
    <t>南足柄市</t>
    <rPh sb="0" eb="4">
      <t>みなみあしがらし</t>
    </rPh>
    <phoneticPr fontId="3" type="Hiragana" alignment="distributed"/>
  </si>
  <si>
    <t>合体</t>
    <rPh sb="0" eb="2">
      <t>がったい</t>
    </rPh>
    <phoneticPr fontId="3" type="Hiragana" alignment="center"/>
  </si>
  <si>
    <t>南足柄町、岡本村、福沢村、北足柄村大字内山、矢倉沢</t>
    <rPh sb="0" eb="3">
      <t>みなみあしがら</t>
    </rPh>
    <rPh sb="3" eb="4">
      <t>まち</t>
    </rPh>
    <rPh sb="5" eb="7">
      <t>おかもと</t>
    </rPh>
    <rPh sb="7" eb="8">
      <t>むら</t>
    </rPh>
    <rPh sb="9" eb="11">
      <t>ふくざわ</t>
    </rPh>
    <rPh sb="11" eb="12">
      <t>むら</t>
    </rPh>
    <rPh sb="13" eb="14">
      <t>きた</t>
    </rPh>
    <rPh sb="14" eb="16">
      <t>あしがら</t>
    </rPh>
    <rPh sb="16" eb="17">
      <t>むら</t>
    </rPh>
    <rPh sb="17" eb="19">
      <t>おおあざ</t>
    </rPh>
    <rPh sb="19" eb="21">
      <t>うちやま</t>
    </rPh>
    <rPh sb="22" eb="24">
      <t>やぐら</t>
    </rPh>
    <rPh sb="24" eb="25">
      <t>ざわ</t>
    </rPh>
    <phoneticPr fontId="3" type="Hiragana" alignment="center"/>
  </si>
  <si>
    <t>市制施行</t>
    <rPh sb="0" eb="2">
      <t>しせい</t>
    </rPh>
    <rPh sb="2" eb="4">
      <t>せこう</t>
    </rPh>
    <phoneticPr fontId="3" type="Hiragana" alignment="center"/>
  </si>
  <si>
    <t>かな文字で「ア」・「ヤ」の構成により空間「Ｓ」を作る。「Ｓ」は瀬の頭文字につうずる。綾瀬の向上発展性を印象づけて日の出と雲を象徴したものである。</t>
  </si>
  <si>
    <t>昭和27年１月１日制定</t>
  </si>
  <si>
    <t>緑と文化が薫るふれあいのまち　あやせ</t>
  </si>
  <si>
    <t>252-1192</t>
  </si>
  <si>
    <t>0467(77)1111</t>
  </si>
  <si>
    <t>綾瀬市早川550番地</t>
  </si>
  <si>
    <t>小田急江の島線長後駅からバスで20分、相模鉄道さがみ野駅からバスで20分、小田急小田原線・相模鉄道海老名駅からバスで25分</t>
  </si>
  <si>
    <t>柏市（千葉県・平成17年7月23日提携）</t>
  </si>
  <si>
    <t>綾瀬市核兵器廃絶平和都市宣言</t>
  </si>
  <si>
    <t>綾瀬市生涯学習都市宣言</t>
  </si>
  <si>
    <t>綾瀬市環境都市宣言</t>
  </si>
  <si>
    <t>綾瀬市バリアフリー都市宣言</t>
  </si>
  <si>
    <t>綾瀬市男女共同参画都市宣言</t>
  </si>
  <si>
    <t>綾瀬市</t>
    <rPh sb="0" eb="3">
      <t>あやせし</t>
    </rPh>
    <phoneticPr fontId="3" type="Hiragana" alignment="distributed"/>
  </si>
  <si>
    <t>海老名市国分字宮台の一部</t>
    <rPh sb="0" eb="3">
      <t>えびな</t>
    </rPh>
    <rPh sb="3" eb="4">
      <t>し</t>
    </rPh>
    <rPh sb="4" eb="6">
      <t>こくぶん</t>
    </rPh>
    <rPh sb="6" eb="7">
      <t>じ</t>
    </rPh>
    <rPh sb="7" eb="8">
      <t>みや</t>
    </rPh>
    <rPh sb="8" eb="9">
      <t>だい</t>
    </rPh>
    <rPh sb="10" eb="12">
      <t>いちぶ</t>
    </rPh>
    <phoneticPr fontId="3" type="Hiragana" alignment="distributed"/>
  </si>
  <si>
    <t>町の至るところに多く見られる柏の木。端午の節句に祝福を祈る意を込めて作る柏餅、吉兆樹の「柏の葉」に「山」の字をあしらったもので、緑豊かな自然を象徴したものです。</t>
  </si>
  <si>
    <t>昭和59年３月29日制定</t>
  </si>
  <si>
    <t>240-0192</t>
  </si>
  <si>
    <t>046(876)1111</t>
  </si>
  <si>
    <t>葉山町堀内2135番地</t>
  </si>
  <si>
    <t>神奈川県町村情報システム共同事業組合加入</t>
  </si>
  <si>
    <t>葉山町</t>
    <rPh sb="0" eb="3">
      <t>はやままち</t>
    </rPh>
    <phoneticPr fontId="3" type="Hiragana" alignment="distributed"/>
  </si>
  <si>
    <t>町制施行</t>
    <rPh sb="0" eb="2">
      <t>ちょうせい</t>
    </rPh>
    <rPh sb="2" eb="4">
      <t>せこう</t>
    </rPh>
    <phoneticPr fontId="3" type="Hiragana" alignment="distributed"/>
  </si>
  <si>
    <t>長者ヶ崎、森戸の夕照、葉山しおさい公園、神奈川県立近代美術館葉山</t>
    <rPh sb="20" eb="25">
      <t>カナガワケンリツ</t>
    </rPh>
    <rPh sb="25" eb="27">
      <t>キンダイ</t>
    </rPh>
    <rPh sb="27" eb="30">
      <t>ビジュツカン</t>
    </rPh>
    <rPh sb="30" eb="32">
      <t>ハヤマ</t>
    </rPh>
    <phoneticPr fontId="8"/>
  </si>
  <si>
    <t>副町長</t>
    <rPh sb="0" eb="1">
      <t>ふく</t>
    </rPh>
    <rPh sb="1" eb="3">
      <t>ちょうちょう</t>
    </rPh>
    <phoneticPr fontId="3" type="Hiragana" alignment="distributed"/>
  </si>
  <si>
    <t>行合祭、潮神楽、世計り神事</t>
    <rPh sb="0" eb="2">
      <t>ユキア</t>
    </rPh>
    <rPh sb="2" eb="3">
      <t>マツ</t>
    </rPh>
    <rPh sb="4" eb="5">
      <t>シオ</t>
    </rPh>
    <rPh sb="5" eb="7">
      <t>カグラ</t>
    </rPh>
    <rPh sb="8" eb="9">
      <t>ヨ</t>
    </rPh>
    <rPh sb="9" eb="10">
      <t>ハカ</t>
    </rPh>
    <rPh sb="11" eb="13">
      <t>シンジ</t>
    </rPh>
    <phoneticPr fontId="8"/>
  </si>
  <si>
    <t>わかめ、しらす、葉山牛、夏みかんワイン・サイダー、ルバーブジャム、葉山づけ</t>
    <rPh sb="33" eb="35">
      <t>ハヤマ</t>
    </rPh>
    <phoneticPr fontId="8"/>
  </si>
  <si>
    <t>横浜の「浜」をとって、片仮名のハマを字つなぎにした桝形の市徴章（市章）は、開港50年祭を記念して作られたものである。</t>
  </si>
  <si>
    <t>明治42年６月５日制定</t>
  </si>
  <si>
    <t>045(671)2121</t>
  </si>
  <si>
    <t>名所・旧跡</t>
  </si>
  <si>
    <t>民俗芸能</t>
  </si>
  <si>
    <t>特産・名産品</t>
  </si>
  <si>
    <t>祭</t>
  </si>
  <si>
    <t>横浜市開港記念日　６月２日</t>
  </si>
  <si>
    <t>バラ</t>
  </si>
  <si>
    <t>平成元年9月23日</t>
  </si>
  <si>
    <t>サザンカ、ケヤキ、サンゴジュ、シイ、イチョウ、ツバキ</t>
  </si>
  <si>
    <t>-</t>
  </si>
  <si>
    <t>神奈川県内広域水道企業団加入</t>
  </si>
  <si>
    <t>都市デザイン交流宣言</t>
  </si>
  <si>
    <t>神奈川県後期高齢者医療広域連合加入</t>
  </si>
  <si>
    <t>全国自治宝くじ事務協議会加入</t>
  </si>
  <si>
    <t>関東・中部・東北自治宝くじ事務協議会加入</t>
  </si>
  <si>
    <t>21世紀型大学都市宣言</t>
  </si>
  <si>
    <t>横浜市</t>
    <rPh sb="0" eb="3">
      <t>よこはまし</t>
    </rPh>
    <phoneticPr fontId="3" type="Hiragana" alignment="distributed"/>
  </si>
  <si>
    <t>【行政の特色】</t>
    <rPh sb="1" eb="3">
      <t>ぎょうせい</t>
    </rPh>
    <rPh sb="4" eb="6">
      <t>とくしょく</t>
    </rPh>
    <phoneticPr fontId="3" type="Hiragana" alignment="distributed"/>
  </si>
  <si>
    <t>団体コード</t>
    <rPh sb="0" eb="2">
      <t>だんたい</t>
    </rPh>
    <phoneticPr fontId="3" type="Hiragana" alignment="distributed"/>
  </si>
  <si>
    <t>キャッチフレーズ</t>
    <phoneticPr fontId="3" type="Hiragana" alignment="distributed"/>
  </si>
  <si>
    <t>所在地</t>
    <rPh sb="0" eb="3">
      <t>しょざいち</t>
    </rPh>
    <phoneticPr fontId="3" type="Hiragana" alignment="distributed"/>
  </si>
  <si>
    <t>電話</t>
    <rPh sb="0" eb="2">
      <t>でんわ</t>
    </rPh>
    <phoneticPr fontId="3" type="Hiragana" alignment="distributed"/>
  </si>
  <si>
    <t>交通機関</t>
    <rPh sb="0" eb="2">
      <t>こうつう</t>
    </rPh>
    <rPh sb="2" eb="4">
      <t>きかん</t>
    </rPh>
    <phoneticPr fontId="3" type="Hiragana" alignment="distributed"/>
  </si>
  <si>
    <t>市　 長</t>
    <rPh sb="0" eb="1">
      <t>し</t>
    </rPh>
    <rPh sb="3" eb="4">
      <t>ちょう</t>
    </rPh>
    <phoneticPr fontId="3" type="Hiragana" alignment="distributed"/>
  </si>
  <si>
    <t>沿革</t>
    <rPh sb="0" eb="2">
      <t>えんかく</t>
    </rPh>
    <phoneticPr fontId="3" type="Hiragana" alignment="distributed"/>
  </si>
  <si>
    <t>市制施行</t>
    <rPh sb="1" eb="2">
      <t>せい</t>
    </rPh>
    <phoneticPr fontId="3" type="Hiragana" alignment="distributed"/>
  </si>
  <si>
    <t>区制施行</t>
    <rPh sb="0" eb="1">
      <t>く</t>
    </rPh>
    <rPh sb="1" eb="2">
      <t>せい</t>
    </rPh>
    <rPh sb="2" eb="4">
      <t>せこう</t>
    </rPh>
    <phoneticPr fontId="3" type="Hiragana" alignment="distributed"/>
  </si>
  <si>
    <t>【観光資源等】</t>
    <rPh sb="1" eb="3">
      <t>かんこう</t>
    </rPh>
    <rPh sb="3" eb="5">
      <t>しげん</t>
    </rPh>
    <rPh sb="5" eb="6">
      <t>とう</t>
    </rPh>
    <phoneticPr fontId="3" type="Hiragana" alignment="distributed"/>
  </si>
  <si>
    <t>任　 期</t>
    <rPh sb="0" eb="1">
      <t>にん</t>
    </rPh>
    <rPh sb="3" eb="4">
      <t>き</t>
    </rPh>
    <phoneticPr fontId="3" type="Hiragana" alignment="distributed"/>
  </si>
  <si>
    <t>区新設</t>
    <rPh sb="0" eb="1">
      <t>く</t>
    </rPh>
    <rPh sb="1" eb="3">
      <t>しんせつ</t>
    </rPh>
    <phoneticPr fontId="3" type="Hiragana" alignment="distributed"/>
  </si>
  <si>
    <t>港北区、戸塚区</t>
    <rPh sb="0" eb="3">
      <t>こうほくく</t>
    </rPh>
    <rPh sb="4" eb="7">
      <t>とつかく</t>
    </rPh>
    <phoneticPr fontId="3" type="Hiragana" alignment="distributed"/>
  </si>
  <si>
    <t>副市長</t>
    <rPh sb="0" eb="3">
      <t>ふくしちょう</t>
    </rPh>
    <phoneticPr fontId="3" type="Hiragana" alignment="distributed"/>
  </si>
  <si>
    <t>南区</t>
    <rPh sb="0" eb="2">
      <t>みなみく</t>
    </rPh>
    <phoneticPr fontId="3" type="Hiragana" alignment="distributed"/>
  </si>
  <si>
    <t>西区</t>
    <rPh sb="0" eb="2">
      <t>にしく</t>
    </rPh>
    <phoneticPr fontId="3" type="Hiragana" alignment="distributed"/>
  </si>
  <si>
    <t>金沢区</t>
    <rPh sb="0" eb="3">
      <t>かなざわく</t>
    </rPh>
    <phoneticPr fontId="3" type="Hiragana" alignment="distributed"/>
  </si>
  <si>
    <t>政令指定都市</t>
    <rPh sb="0" eb="2">
      <t>せいれい</t>
    </rPh>
    <rPh sb="2" eb="4">
      <t>してい</t>
    </rPh>
    <rPh sb="4" eb="6">
      <t>とし</t>
    </rPh>
    <phoneticPr fontId="3" type="Hiragana" alignment="distributed"/>
  </si>
  <si>
    <t>港南区、旭区、緑区、瀬谷区</t>
    <rPh sb="0" eb="3">
      <t>こうなんく</t>
    </rPh>
    <rPh sb="4" eb="5">
      <t>あさひ</t>
    </rPh>
    <rPh sb="5" eb="6">
      <t>く</t>
    </rPh>
    <rPh sb="7" eb="9">
      <t>みどりく</t>
    </rPh>
    <rPh sb="10" eb="12">
      <t>せや</t>
    </rPh>
    <rPh sb="12" eb="13">
      <t>く</t>
    </rPh>
    <phoneticPr fontId="3" type="Hiragana" alignment="distributed"/>
  </si>
  <si>
    <t>栄区、泉区</t>
    <rPh sb="0" eb="2">
      <t>さかえく</t>
    </rPh>
    <rPh sb="3" eb="5">
      <t>いずみく</t>
    </rPh>
    <phoneticPr fontId="3" type="Hiragana" alignment="distributed"/>
  </si>
  <si>
    <t>都筑区、青葉区</t>
    <rPh sb="0" eb="1">
      <t>つ</t>
    </rPh>
    <rPh sb="1" eb="2">
      <t>ちく</t>
    </rPh>
    <rPh sb="2" eb="3">
      <t>く</t>
    </rPh>
    <rPh sb="4" eb="6">
      <t>あおば</t>
    </rPh>
    <rPh sb="6" eb="7">
      <t>く</t>
    </rPh>
    <phoneticPr fontId="3" type="Hiragana" alignment="distributed"/>
  </si>
  <si>
    <t>【主要事業】</t>
    <rPh sb="1" eb="3">
      <t>しゅよう</t>
    </rPh>
    <rPh sb="3" eb="5">
      <t>じぎょう</t>
    </rPh>
    <phoneticPr fontId="3" type="Hiragana" alignment="distributed"/>
  </si>
  <si>
    <t>花</t>
    <rPh sb="0" eb="1">
      <t>はな</t>
    </rPh>
    <phoneticPr fontId="3" type="Hiragana" alignment="distributed"/>
  </si>
  <si>
    <t>議　 長</t>
    <rPh sb="0" eb="1">
      <t>ぎ</t>
    </rPh>
    <rPh sb="3" eb="4">
      <t>ちょう</t>
    </rPh>
    <phoneticPr fontId="3" type="Hiragana" alignment="distributed"/>
  </si>
  <si>
    <t>木</t>
    <rPh sb="0" eb="1">
      <t>き</t>
    </rPh>
    <phoneticPr fontId="3" type="Hiragana" alignment="distributed"/>
  </si>
  <si>
    <t>【行政課題及びＰＲ事項等】</t>
    <rPh sb="1" eb="3">
      <t>ぎょうせい</t>
    </rPh>
    <rPh sb="3" eb="5">
      <t>かだい</t>
    </rPh>
    <rPh sb="5" eb="6">
      <t>およ</t>
    </rPh>
    <rPh sb="9" eb="11">
      <t>じこう</t>
    </rPh>
    <rPh sb="11" eb="12">
      <t>とう</t>
    </rPh>
    <phoneticPr fontId="3" type="Hiragana" alignment="distributed"/>
  </si>
  <si>
    <t>【産業構造】</t>
    <rPh sb="1" eb="3">
      <t>さんぎょう</t>
    </rPh>
    <rPh sb="3" eb="5">
      <t>こうぞう</t>
    </rPh>
    <phoneticPr fontId="3" type="Hiragana" alignment="distributed"/>
  </si>
  <si>
    <t>副議長</t>
    <rPh sb="0" eb="3">
      <t>ふくぎちょう</t>
    </rPh>
    <phoneticPr fontId="3" type="Hiragana" alignment="distributed"/>
  </si>
  <si>
    <t>鳥</t>
    <rPh sb="0" eb="1">
      <t>とり</t>
    </rPh>
    <phoneticPr fontId="3" type="Hiragana" alignment="distributed"/>
  </si>
  <si>
    <t>区分</t>
    <rPh sb="0" eb="2">
      <t>くぶん</t>
    </rPh>
    <phoneticPr fontId="3" type="Hiragana" alignment="distributed"/>
  </si>
  <si>
    <t>就業人口(人)</t>
    <rPh sb="0" eb="2">
      <t>しゅうぎょう</t>
    </rPh>
    <rPh sb="2" eb="4">
      <t>じんこう</t>
    </rPh>
    <rPh sb="5" eb="6">
      <t>にん</t>
    </rPh>
    <phoneticPr fontId="3" type="Hiragana" alignment="distributed"/>
  </si>
  <si>
    <t>第1次産業</t>
    <rPh sb="0" eb="1">
      <t>だい</t>
    </rPh>
    <rPh sb="2" eb="3">
      <t>じ</t>
    </rPh>
    <rPh sb="3" eb="5">
      <t>さんぎょう</t>
    </rPh>
    <phoneticPr fontId="3" type="Hiragana" alignment="distributed"/>
  </si>
  <si>
    <t>【姉妹都市・友好都市】</t>
    <rPh sb="1" eb="3">
      <t>しまい</t>
    </rPh>
    <rPh sb="3" eb="5">
      <t>とし</t>
    </rPh>
    <rPh sb="6" eb="8">
      <t>ゆうこう</t>
    </rPh>
    <rPh sb="8" eb="10">
      <t>とし</t>
    </rPh>
    <phoneticPr fontId="3" type="Hiragana" alignment="distributed"/>
  </si>
  <si>
    <t>【人口等】</t>
    <rPh sb="1" eb="3">
      <t>じんこう</t>
    </rPh>
    <rPh sb="3" eb="4">
      <t>とう</t>
    </rPh>
    <phoneticPr fontId="3" type="Hiragana" alignment="distributed"/>
  </si>
  <si>
    <t>人口（人）</t>
    <rPh sb="0" eb="2">
      <t>じんこう</t>
    </rPh>
    <rPh sb="3" eb="4">
      <t>にん</t>
    </rPh>
    <phoneticPr fontId="3" type="Hiragana" alignment="distributed"/>
  </si>
  <si>
    <t>世帯数（世帯）</t>
    <rPh sb="0" eb="3">
      <t>せたいすう</t>
    </rPh>
    <rPh sb="4" eb="6">
      <t>せたい</t>
    </rPh>
    <phoneticPr fontId="3" type="Hiragana" alignment="distributed"/>
  </si>
  <si>
    <t>第2次産業</t>
    <rPh sb="0" eb="1">
      <t>だい</t>
    </rPh>
    <rPh sb="2" eb="3">
      <t>じ</t>
    </rPh>
    <rPh sb="3" eb="5">
      <t>さんぎょう</t>
    </rPh>
    <phoneticPr fontId="3" type="Hiragana" alignment="distributed"/>
  </si>
  <si>
    <t>第3次産業</t>
    <rPh sb="0" eb="1">
      <t>だい</t>
    </rPh>
    <rPh sb="2" eb="3">
      <t>じ</t>
    </rPh>
    <rPh sb="3" eb="5">
      <t>さんぎょう</t>
    </rPh>
    <phoneticPr fontId="3" type="Hiragana" alignment="distributed"/>
  </si>
  <si>
    <t>【宣言等】</t>
    <rPh sb="1" eb="3">
      <t>せんげん</t>
    </rPh>
    <rPh sb="3" eb="4">
      <t>とう</t>
    </rPh>
    <phoneticPr fontId="3" type="Hiragana" alignment="distributed"/>
  </si>
  <si>
    <t>【事務の共同処理状況】</t>
    <rPh sb="1" eb="3">
      <t>じむ</t>
    </rPh>
    <rPh sb="4" eb="6">
      <t>きょうどう</t>
    </rPh>
    <rPh sb="6" eb="8">
      <t>しょり</t>
    </rPh>
    <rPh sb="8" eb="10">
      <t>じょうきょう</t>
    </rPh>
    <phoneticPr fontId="3" type="Hiragana" alignment="distributed"/>
  </si>
  <si>
    <t>【人口動態】</t>
    <rPh sb="1" eb="3">
      <t>じんこう</t>
    </rPh>
    <rPh sb="3" eb="5">
      <t>どうたい</t>
    </rPh>
    <phoneticPr fontId="3" type="Hiragana" alignment="distributed"/>
  </si>
  <si>
    <t>【面積】</t>
    <rPh sb="1" eb="3">
      <t>めんせき</t>
    </rPh>
    <phoneticPr fontId="3" type="Hiragana" alignment="distributed"/>
  </si>
  <si>
    <t>人口密度</t>
    <rPh sb="0" eb="2">
      <t>じんこう</t>
    </rPh>
    <rPh sb="2" eb="4">
      <t>みつど</t>
    </rPh>
    <phoneticPr fontId="3" type="Hiragana" alignment="distributed"/>
  </si>
  <si>
    <t>老年人口比率</t>
    <rPh sb="0" eb="2">
      <t>ろうねん</t>
    </rPh>
    <rPh sb="2" eb="4">
      <t>じんこう</t>
    </rPh>
    <rPh sb="4" eb="6">
      <t>ひりつ</t>
    </rPh>
    <phoneticPr fontId="3" type="Hiragana" alignment="distributed"/>
  </si>
  <si>
    <t>行政区域面積</t>
    <rPh sb="0" eb="2">
      <t>ぎょうせい</t>
    </rPh>
    <rPh sb="2" eb="4">
      <t>くいき</t>
    </rPh>
    <rPh sb="4" eb="6">
      <t>めんせき</t>
    </rPh>
    <phoneticPr fontId="3" type="Hiragana" alignment="distributed"/>
  </si>
  <si>
    <t>市街化区域面積</t>
    <rPh sb="0" eb="3">
      <t>しがいか</t>
    </rPh>
    <rPh sb="3" eb="5">
      <t>くいき</t>
    </rPh>
    <rPh sb="5" eb="7">
      <t>めんせき</t>
    </rPh>
    <phoneticPr fontId="3" type="Hiragana" alignment="distributed"/>
  </si>
  <si>
    <t>標準財政規模</t>
    <rPh sb="0" eb="2">
      <t>ひょうじゅん</t>
    </rPh>
    <rPh sb="2" eb="4">
      <t>ざいせい</t>
    </rPh>
    <rPh sb="4" eb="6">
      <t>きぼ</t>
    </rPh>
    <phoneticPr fontId="3" type="Hiragana" alignment="distributed"/>
  </si>
  <si>
    <t>財政力
指数</t>
    <rPh sb="0" eb="3">
      <t>ざいせいりょく</t>
    </rPh>
    <rPh sb="4" eb="5">
      <t>ゆび</t>
    </rPh>
    <rPh sb="5" eb="6">
      <t>かず</t>
    </rPh>
    <phoneticPr fontId="3" type="Hiragana" alignment="distributed"/>
  </si>
  <si>
    <t>公債費
負担比率</t>
    <rPh sb="0" eb="1">
      <t>こう</t>
    </rPh>
    <rPh sb="1" eb="2">
      <t>さい</t>
    </rPh>
    <rPh sb="2" eb="3">
      <t>ひ</t>
    </rPh>
    <rPh sb="4" eb="6">
      <t>ふたん</t>
    </rPh>
    <rPh sb="6" eb="8">
      <t>ひりつ</t>
    </rPh>
    <phoneticPr fontId="3" type="Hiragana" alignment="distributed"/>
  </si>
  <si>
    <t>実質公債費
比率</t>
    <rPh sb="0" eb="2">
      <t>じっしつ</t>
    </rPh>
    <rPh sb="2" eb="5">
      <t>こうさいひ</t>
    </rPh>
    <rPh sb="6" eb="7">
      <t>ひ</t>
    </rPh>
    <rPh sb="7" eb="8">
      <t>りつ</t>
    </rPh>
    <phoneticPr fontId="3" type="Hiragana" alignment="distributed"/>
  </si>
  <si>
    <t>将来負担
比率</t>
    <rPh sb="0" eb="2">
      <t>しょうらい</t>
    </rPh>
    <rPh sb="2" eb="4">
      <t>ふたん</t>
    </rPh>
    <rPh sb="5" eb="6">
      <t>ひ</t>
    </rPh>
    <rPh sb="6" eb="7">
      <t>りつ</t>
    </rPh>
    <phoneticPr fontId="3" type="Hiragana" alignment="distributed"/>
  </si>
  <si>
    <t>財政調整基金
現在高比率</t>
    <rPh sb="0" eb="2">
      <t>ざいせい</t>
    </rPh>
    <rPh sb="2" eb="4">
      <t>ちょうせい</t>
    </rPh>
    <rPh sb="4" eb="6">
      <t>ききん</t>
    </rPh>
    <rPh sb="7" eb="10">
      <t>げんざいだか</t>
    </rPh>
    <rPh sb="10" eb="12">
      <t>ひりつ</t>
    </rPh>
    <phoneticPr fontId="3" type="Hiragana" alignment="distributed"/>
  </si>
  <si>
    <t>義務的経費
比率</t>
    <rPh sb="0" eb="1">
      <t>ぎ</t>
    </rPh>
    <rPh sb="1" eb="2">
      <t>つとむ</t>
    </rPh>
    <rPh sb="2" eb="3">
      <t>まと</t>
    </rPh>
    <rPh sb="3" eb="5">
      <t>けいひ</t>
    </rPh>
    <rPh sb="6" eb="8">
      <t>ひりつ</t>
    </rPh>
    <phoneticPr fontId="3" type="Hiragana" alignment="distributed"/>
  </si>
  <si>
    <t>自主財源
比率</t>
    <rPh sb="0" eb="2">
      <t>じしゅ</t>
    </rPh>
    <rPh sb="2" eb="4">
      <t>ざいげん</t>
    </rPh>
    <rPh sb="5" eb="6">
      <t>ひ</t>
    </rPh>
    <rPh sb="6" eb="7">
      <t>りつ</t>
    </rPh>
    <phoneticPr fontId="3" type="Hiragana" alignment="distributed"/>
  </si>
  <si>
    <t>「川崎」の「川」の字を表すだけでなく、市民の歴史とともに流れ続ける多摩川と、それと同じように発展する「川崎」を象徴しています。</t>
  </si>
  <si>
    <t>大正14年４月15日制定</t>
  </si>
  <si>
    <t>210-8577</t>
  </si>
  <si>
    <t>044(200)2111</t>
  </si>
  <si>
    <t>川崎市川崎区宮本町1番地</t>
  </si>
  <si>
    <t>市制記念日　７月１日</t>
  </si>
  <si>
    <t>つつじ</t>
  </si>
  <si>
    <t>つばき</t>
  </si>
  <si>
    <t>核兵器廃絶平和都市宣言</t>
  </si>
  <si>
    <t>神奈川県川崎競馬組合加入</t>
  </si>
  <si>
    <t>かわさき健康都市宣言</t>
  </si>
  <si>
    <t>川崎市</t>
    <rPh sb="0" eb="3">
      <t>かわさきし</t>
    </rPh>
    <phoneticPr fontId="3" type="Hiragana" alignment="distributed"/>
  </si>
  <si>
    <t>川崎区、幸区、中原区、高津区、多摩区</t>
    <rPh sb="0" eb="2">
      <t>かわさき</t>
    </rPh>
    <rPh sb="2" eb="3">
      <t>く</t>
    </rPh>
    <rPh sb="4" eb="6">
      <t>さいわいく</t>
    </rPh>
    <rPh sb="7" eb="10">
      <t>なかはらく</t>
    </rPh>
    <rPh sb="11" eb="14">
      <t>たかつく</t>
    </rPh>
    <rPh sb="15" eb="18">
      <t>たまく</t>
    </rPh>
    <phoneticPr fontId="3" type="Hiragana" alignment="distributed"/>
  </si>
  <si>
    <t>横浜市港北区日吉町の一部</t>
    <rPh sb="0" eb="3">
      <t>よこはまし</t>
    </rPh>
    <rPh sb="3" eb="6">
      <t>こうほくく</t>
    </rPh>
    <rPh sb="6" eb="9">
      <t>ひよしちょう</t>
    </rPh>
    <rPh sb="10" eb="12">
      <t>いちぶ</t>
    </rPh>
    <phoneticPr fontId="3" type="Hiragana" alignment="distributed"/>
  </si>
  <si>
    <t>分割</t>
    <rPh sb="0" eb="1">
      <t>ぶん</t>
    </rPh>
    <rPh sb="1" eb="2">
      <t>わり</t>
    </rPh>
    <phoneticPr fontId="3" type="Hiragana" alignment="distributed"/>
  </si>
  <si>
    <t>高津区から宮前区、多摩区から麻生区</t>
    <rPh sb="0" eb="3">
      <t>たかつく</t>
    </rPh>
    <rPh sb="5" eb="8">
      <t>みやまえく</t>
    </rPh>
    <rPh sb="9" eb="11">
      <t>たま</t>
    </rPh>
    <rPh sb="11" eb="12">
      <t>く</t>
    </rPh>
    <rPh sb="14" eb="16">
      <t>あそう</t>
    </rPh>
    <rPh sb="16" eb="17">
      <t>く</t>
    </rPh>
    <phoneticPr fontId="3" type="Hiragana" alignment="distributed"/>
  </si>
  <si>
    <t>サガミハラの「サ」三個を図案化し中央に片仮名「ハラ」を示したもので、市民「農・工・商」が互いに手を取り合って、明朗なごやかに進む姿を表わし、すこやかに、伸びゆく相模原市を象徴したものである。</t>
  </si>
  <si>
    <t>昭和24年11月１日制定</t>
  </si>
  <si>
    <t>潤水都市　さがみはら</t>
  </si>
  <si>
    <t>252-5277</t>
  </si>
  <si>
    <t>042(754)1111</t>
  </si>
  <si>
    <t>相模の大凧、番田の神代神楽、関の首長囃子、与瀬権現太鼓、藤野村歌舞伎</t>
  </si>
  <si>
    <t>アジサイ</t>
  </si>
  <si>
    <t>けやき</t>
  </si>
  <si>
    <t>基地返還に向けた取組</t>
  </si>
  <si>
    <t>ヒバリ</t>
  </si>
  <si>
    <t>交通安全都市宣言</t>
  </si>
  <si>
    <t>相模原市核兵器廃絶平和都市宣言</t>
  </si>
  <si>
    <t>公共下水道使用料の徴収事務委託（神奈川県）</t>
  </si>
  <si>
    <t>相模原市環境宣言</t>
  </si>
  <si>
    <t>さがみはら男女共同参画都市宣言</t>
  </si>
  <si>
    <t>さがみはら健康都市宣言</t>
  </si>
  <si>
    <t>さがみはら安全・安心まちづくり宣言</t>
  </si>
  <si>
    <t>相模原市</t>
    <rPh sb="0" eb="4">
      <t>さがみはらし</t>
    </rPh>
    <phoneticPr fontId="3" type="Hiragana" alignment="distributed"/>
  </si>
  <si>
    <t>【市民憲章】</t>
    <rPh sb="1" eb="3">
      <t>しみん</t>
    </rPh>
    <rPh sb="3" eb="5">
      <t>けんしょう</t>
    </rPh>
    <phoneticPr fontId="3" type="Hiragana" alignment="distributed"/>
  </si>
  <si>
    <t>相模原市中央区中央二丁目11番15号</t>
    <rPh sb="9" eb="10">
      <t>2</t>
    </rPh>
    <phoneticPr fontId="3" type="Hiragana" alignment="distributed"/>
  </si>
  <si>
    <t>編入</t>
    <rPh sb="0" eb="2">
      <t>へんにゅう</t>
    </rPh>
    <phoneticPr fontId="3" type="Hiragana" alignment="distributed"/>
  </si>
  <si>
    <t>城山町、藤野町</t>
    <rPh sb="0" eb="2">
      <t>しろやま</t>
    </rPh>
    <rPh sb="2" eb="3">
      <t>まち</t>
    </rPh>
    <rPh sb="4" eb="6">
      <t>ふじの</t>
    </rPh>
    <phoneticPr fontId="3" type="Hiragana" alignment="distributed"/>
  </si>
  <si>
    <t>境界変更</t>
    <rPh sb="0" eb="2">
      <t>きょうかい</t>
    </rPh>
    <rPh sb="2" eb="4">
      <t>へんこう</t>
    </rPh>
    <phoneticPr fontId="3" type="Hiragana" alignment="distributed"/>
  </si>
  <si>
    <t>区制施行</t>
    <rPh sb="0" eb="2">
      <t>くせい</t>
    </rPh>
    <rPh sb="2" eb="4">
      <t>せこう</t>
    </rPh>
    <phoneticPr fontId="3" type="Hiragana" alignment="distributed"/>
  </si>
  <si>
    <t>緑区、中央区、南区</t>
    <rPh sb="0" eb="2">
      <t>みどりく</t>
    </rPh>
    <rPh sb="3" eb="6">
      <t>ちゅうおうく</t>
    </rPh>
    <rPh sb="7" eb="9">
      <t>みなみく</t>
    </rPh>
    <phoneticPr fontId="3" type="Hiragana" alignment="distributed"/>
  </si>
  <si>
    <t>中央に市名の頭文字「ヨコ」を抱き合わせて、三浦氏の家紋、丸に三つ引を配し、周囲は港を象徴して艦船の羅針盤を象ったものである。</t>
  </si>
  <si>
    <t>明治45年３月16日制定</t>
  </si>
  <si>
    <t>238-8550</t>
  </si>
  <si>
    <t>046(822)4000</t>
  </si>
  <si>
    <t>横須賀市小川町11番地</t>
  </si>
  <si>
    <t>浦賀の虎踊、野比の虎踊、長井町飴屋踊、佐島御船歌</t>
  </si>
  <si>
    <t>市制記念日　２月15日</t>
  </si>
  <si>
    <t>ハマユウ</t>
  </si>
  <si>
    <t>オオシマザクラ</t>
  </si>
  <si>
    <t>健康都市宣言</t>
  </si>
  <si>
    <t>核兵器廃絶・平和都市宣言</t>
  </si>
  <si>
    <t>福祉都市宣言</t>
  </si>
  <si>
    <t>横須賀市人権都市宣言</t>
  </si>
  <si>
    <t>横須賀市</t>
    <rPh sb="0" eb="4">
      <t>よこすかし</t>
    </rPh>
    <phoneticPr fontId="3" type="Hiragana" alignment="distributed"/>
  </si>
  <si>
    <t>市制施行</t>
    <rPh sb="0" eb="2">
      <t>しせい</t>
    </rPh>
    <rPh sb="2" eb="4">
      <t>せこう</t>
    </rPh>
    <phoneticPr fontId="3" type="Hiragana" alignment="distributed"/>
  </si>
  <si>
    <t>中核市</t>
    <rPh sb="0" eb="2">
      <t>ちゅうかく</t>
    </rPh>
    <rPh sb="2" eb="3">
      <t>し</t>
    </rPh>
    <phoneticPr fontId="3" type="Hiragana" alignment="distributed"/>
  </si>
  <si>
    <t>平塚の「平」の字を図案化したものである。昭和7年4月1日の市制施行を記念して一般公募し制定した。</t>
  </si>
  <si>
    <t>昭和7年10月１日制定</t>
  </si>
  <si>
    <t>254-8686</t>
  </si>
  <si>
    <t>0463(23)1111</t>
  </si>
  <si>
    <t>平塚市浅間町9番1号</t>
  </si>
  <si>
    <t>おちあい　かつひろ</t>
  </si>
  <si>
    <t>市制記念日　４月１日</t>
  </si>
  <si>
    <t>なでしこ</t>
  </si>
  <si>
    <t>くすのき</t>
  </si>
  <si>
    <t>しらさぎ</t>
  </si>
  <si>
    <t>金目川水害予防組合加入</t>
  </si>
  <si>
    <t>安全都市宣言</t>
  </si>
  <si>
    <t>平塚市</t>
    <rPh sb="0" eb="3">
      <t>ひらつかし</t>
    </rPh>
    <phoneticPr fontId="3" type="Hiragana" alignment="distributed"/>
  </si>
  <si>
    <t>市制施行</t>
    <rPh sb="1" eb="2">
      <t>せい</t>
    </rPh>
    <rPh sb="2" eb="4">
      <t>せこう</t>
    </rPh>
    <phoneticPr fontId="3" type="Hiragana" alignment="distributed"/>
  </si>
  <si>
    <t>旭村</t>
    <rPh sb="0" eb="2">
      <t>あさひむら</t>
    </rPh>
    <phoneticPr fontId="3" type="Hiragana" alignment="distributed"/>
  </si>
  <si>
    <t>大野町（豊田村を含む）、神田村、城島村、岡崎村の一部、金田村、土沢村</t>
    <rPh sb="0" eb="3">
      <t>おおのまち</t>
    </rPh>
    <rPh sb="4" eb="6">
      <t>とよた</t>
    </rPh>
    <rPh sb="6" eb="7">
      <t>むら</t>
    </rPh>
    <rPh sb="8" eb="9">
      <t>ふく</t>
    </rPh>
    <rPh sb="12" eb="14">
      <t>かんだ</t>
    </rPh>
    <rPh sb="14" eb="15">
      <t>むら</t>
    </rPh>
    <rPh sb="16" eb="17">
      <t>じょう</t>
    </rPh>
    <rPh sb="17" eb="18">
      <t>しま</t>
    </rPh>
    <rPh sb="18" eb="19">
      <t>むら</t>
    </rPh>
    <rPh sb="20" eb="22">
      <t>おかざき</t>
    </rPh>
    <rPh sb="22" eb="23">
      <t>むら</t>
    </rPh>
    <rPh sb="24" eb="26">
      <t>いちぶ</t>
    </rPh>
    <rPh sb="27" eb="29">
      <t>かねだ</t>
    </rPh>
    <rPh sb="29" eb="30">
      <t>むら</t>
    </rPh>
    <rPh sb="31" eb="33">
      <t>つちざわ</t>
    </rPh>
    <rPh sb="33" eb="34">
      <t>むら</t>
    </rPh>
    <phoneticPr fontId="3" type="Hiragana" alignment="distributed"/>
  </si>
  <si>
    <t>金目村</t>
    <rPh sb="0" eb="1">
      <t>かな</t>
    </rPh>
    <rPh sb="1" eb="2">
      <t>め</t>
    </rPh>
    <rPh sb="2" eb="3">
      <t>むら</t>
    </rPh>
    <phoneticPr fontId="3" type="Hiragana" alignment="distributed"/>
  </si>
  <si>
    <t>特例市</t>
    <rPh sb="0" eb="2">
      <t>とくれい</t>
    </rPh>
    <rPh sb="2" eb="3">
      <t>し</t>
    </rPh>
    <phoneticPr fontId="3" type="Hiragana" alignment="distributed"/>
  </si>
  <si>
    <t>し尿の処理に関する事務委託（大磯町）</t>
    <rPh sb="14" eb="16">
      <t>おおいそ</t>
    </rPh>
    <rPh sb="16" eb="17">
      <t>ちょう</t>
    </rPh>
    <phoneticPr fontId="3" type="Hiragana" alignment="distributed"/>
  </si>
  <si>
    <t>小出村大字遠藤、御所見村、渋谷町（一部）</t>
    <rPh sb="0" eb="1">
      <t>しょう</t>
    </rPh>
    <rPh sb="1" eb="2">
      <t>で</t>
    </rPh>
    <rPh sb="2" eb="3">
      <t>むら</t>
    </rPh>
    <rPh sb="3" eb="5">
      <t>おおあざ</t>
    </rPh>
    <rPh sb="5" eb="7">
      <t>えんどう</t>
    </rPh>
    <rPh sb="8" eb="10">
      <t>ごしょ</t>
    </rPh>
    <rPh sb="10" eb="11">
      <t>み</t>
    </rPh>
    <rPh sb="11" eb="12">
      <t>むら</t>
    </rPh>
    <rPh sb="13" eb="15">
      <t>しぶや</t>
    </rPh>
    <rPh sb="15" eb="16">
      <t>ちょう</t>
    </rPh>
    <rPh sb="17" eb="19">
      <t>いちぶ</t>
    </rPh>
    <phoneticPr fontId="3" type="Hiragana" alignment="distributed"/>
  </si>
  <si>
    <t>江の島シーキャンドル（展望灯台）、江の島サムエル・コッキング苑、江の島岩屋、江島神社、新江ノ島水族館、遊行寺、龍口寺、白旗神社</t>
    <rPh sb="17" eb="18">
      <t>エ</t>
    </rPh>
    <rPh sb="19" eb="20">
      <t>シマ</t>
    </rPh>
    <rPh sb="32" eb="33">
      <t>エ</t>
    </rPh>
    <rPh sb="34" eb="35">
      <t>シマ</t>
    </rPh>
    <phoneticPr fontId="8"/>
  </si>
  <si>
    <t>公共施設の保全・利活用に向けた取組</t>
    <rPh sb="0" eb="2">
      <t>コウキョウ</t>
    </rPh>
    <rPh sb="2" eb="4">
      <t>シセツ</t>
    </rPh>
    <rPh sb="5" eb="7">
      <t>ホゼン</t>
    </rPh>
    <rPh sb="8" eb="11">
      <t>リカツヨウ</t>
    </rPh>
    <rPh sb="12" eb="13">
      <t>ム</t>
    </rPh>
    <rPh sb="15" eb="17">
      <t>トリクミ</t>
    </rPh>
    <phoneticPr fontId="8"/>
  </si>
  <si>
    <t>消防事務委託（小田原市）</t>
    <rPh sb="0" eb="2">
      <t>しょうぼう</t>
    </rPh>
    <rPh sb="2" eb="4">
      <t>じむ</t>
    </rPh>
    <rPh sb="4" eb="6">
      <t>いたく</t>
    </rPh>
    <rPh sb="7" eb="10">
      <t>おだわら</t>
    </rPh>
    <rPh sb="10" eb="11">
      <t>し</t>
    </rPh>
    <phoneticPr fontId="3" type="Hiragana" alignment="center"/>
  </si>
  <si>
    <t>（昭和49年4月1日告示）</t>
    <rPh sb="10" eb="12">
      <t>コクジ</t>
    </rPh>
    <phoneticPr fontId="8"/>
  </si>
  <si>
    <t>（平成5年4月1日告示）</t>
    <rPh sb="1" eb="3">
      <t>ヘイセイ</t>
    </rPh>
    <rPh sb="9" eb="11">
      <t>コクジ</t>
    </rPh>
    <phoneticPr fontId="8"/>
  </si>
  <si>
    <t>市制記念日　２月１日・福祉の日　10月15日</t>
    <rPh sb="11" eb="12">
      <t>ふく</t>
    </rPh>
    <phoneticPr fontId="3" type="Hiragana" alignment="distributed"/>
  </si>
  <si>
    <t>町 　長</t>
    <rPh sb="0" eb="1">
      <t>まち</t>
    </rPh>
    <rPh sb="3" eb="4">
      <t>ちょう</t>
    </rPh>
    <phoneticPr fontId="3" type="Hiragana" alignment="distributed"/>
  </si>
  <si>
    <t>鎌倉木遣唄、鎌倉神楽、御霊神社の面掛行列</t>
    <rPh sb="11" eb="12">
      <t>おん</t>
    </rPh>
    <rPh sb="12" eb="13">
      <t>れい</t>
    </rPh>
    <rPh sb="13" eb="15">
      <t>じんじゃ</t>
    </rPh>
    <rPh sb="16" eb="17">
      <t>めん</t>
    </rPh>
    <rPh sb="17" eb="18">
      <t>かかり</t>
    </rPh>
    <rPh sb="18" eb="20">
      <t>ぎょうれつ</t>
    </rPh>
    <phoneticPr fontId="3" type="Hiragana" alignment="distributed"/>
  </si>
  <si>
    <t>障害支援区分認定審査会加入（箱根町・真鶴町・湯河原町）</t>
    <rPh sb="0" eb="2">
      <t>しょうがい</t>
    </rPh>
    <rPh sb="2" eb="4">
      <t>しえん</t>
    </rPh>
    <rPh sb="4" eb="6">
      <t>くぶん</t>
    </rPh>
    <rPh sb="6" eb="8">
      <t>にんてい</t>
    </rPh>
    <rPh sb="8" eb="11">
      <t>しんさかい</t>
    </rPh>
    <rPh sb="11" eb="13">
      <t>かにゅう</t>
    </rPh>
    <rPh sb="14" eb="17">
      <t>はこねまち</t>
    </rPh>
    <rPh sb="18" eb="20">
      <t>まなづる</t>
    </rPh>
    <rPh sb="20" eb="21">
      <t>まち</t>
    </rPh>
    <rPh sb="22" eb="25">
      <t>ゆがわら</t>
    </rPh>
    <rPh sb="25" eb="26">
      <t>まち</t>
    </rPh>
    <phoneticPr fontId="3" type="Hiragana" alignment="distributed"/>
  </si>
  <si>
    <t>剪定枝資源化施設の整備運営委託（二宮町）</t>
    <rPh sb="13" eb="15">
      <t>イタク</t>
    </rPh>
    <phoneticPr fontId="8"/>
  </si>
  <si>
    <t>郷土愛あふれる藤沢～松風に人の和うるわし 湘南の元気都市～</t>
    <rPh sb="10" eb="12">
      <t>マツカゼ</t>
    </rPh>
    <rPh sb="13" eb="14">
      <t>ヒト</t>
    </rPh>
    <rPh sb="15" eb="16">
      <t>ワ</t>
    </rPh>
    <rPh sb="21" eb="23">
      <t>ショウナン</t>
    </rPh>
    <rPh sb="24" eb="26">
      <t>ゲンキ</t>
    </rPh>
    <rPh sb="26" eb="28">
      <t>トシ</t>
    </rPh>
    <phoneticPr fontId="2"/>
  </si>
  <si>
    <t>合体（市制施行）　三崎町、南下浦町、初声村</t>
    <rPh sb="0" eb="2">
      <t>がったい</t>
    </rPh>
    <rPh sb="5" eb="7">
      <t>しこう</t>
    </rPh>
    <rPh sb="9" eb="11">
      <t>みさき</t>
    </rPh>
    <rPh sb="11" eb="12">
      <t>まち</t>
    </rPh>
    <rPh sb="13" eb="14">
      <t>みなみ</t>
    </rPh>
    <rPh sb="14" eb="15">
      <t>した</t>
    </rPh>
    <rPh sb="15" eb="16">
      <t>うら</t>
    </rPh>
    <rPh sb="16" eb="17">
      <t>まち</t>
    </rPh>
    <rPh sb="18" eb="19">
      <t>はつ</t>
    </rPh>
    <rPh sb="19" eb="20">
      <t>こえ</t>
    </rPh>
    <rPh sb="20" eb="21">
      <t>むら</t>
    </rPh>
    <phoneticPr fontId="3" type="Hiragana" alignment="distributed"/>
  </si>
  <si>
    <t>あつぎ市民ふれあい都市宣言</t>
    <rPh sb="3" eb="5">
      <t>しみん</t>
    </rPh>
    <rPh sb="9" eb="11">
      <t>とし</t>
    </rPh>
    <rPh sb="11" eb="13">
      <t>せんげん</t>
    </rPh>
    <phoneticPr fontId="3" type="Hiragana" alignment="distributed"/>
  </si>
  <si>
    <t>（平成27年2月1日告示）</t>
    <rPh sb="1" eb="3">
      <t>へいせい</t>
    </rPh>
    <rPh sb="5" eb="6">
      <t>ねん</t>
    </rPh>
    <rPh sb="7" eb="8">
      <t>がつ</t>
    </rPh>
    <rPh sb="9" eb="10">
      <t>にち</t>
    </rPh>
    <rPh sb="10" eb="12">
      <t>こくじ</t>
    </rPh>
    <phoneticPr fontId="3" type="Hiragana" alignment="distributed"/>
  </si>
  <si>
    <t>逗子町（久木、小坪、山野根、新宿、逗子、桜山、池子、沼間）</t>
    <rPh sb="0" eb="2">
      <t>ずし</t>
    </rPh>
    <rPh sb="2" eb="3">
      <t>まち</t>
    </rPh>
    <rPh sb="4" eb="6">
      <t>ひさき</t>
    </rPh>
    <rPh sb="7" eb="9">
      <t>こつぼ</t>
    </rPh>
    <rPh sb="10" eb="11">
      <t>やま</t>
    </rPh>
    <rPh sb="11" eb="12">
      <t>の</t>
    </rPh>
    <rPh sb="12" eb="13">
      <t>ね</t>
    </rPh>
    <rPh sb="14" eb="16">
      <t>しんじゅく</t>
    </rPh>
    <rPh sb="17" eb="19">
      <t>ずし</t>
    </rPh>
    <rPh sb="20" eb="22">
      <t>さくらやま</t>
    </rPh>
    <rPh sb="23" eb="25">
      <t>いけご</t>
    </rPh>
    <rPh sb="26" eb="27">
      <t>ぬま</t>
    </rPh>
    <rPh sb="27" eb="28">
      <t>かん</t>
    </rPh>
    <phoneticPr fontId="3" type="Hiragana" alignment="distributed"/>
  </si>
  <si>
    <t>施行時特例市</t>
    <rPh sb="0" eb="2">
      <t>せこう</t>
    </rPh>
    <rPh sb="2" eb="3">
      <t>じ</t>
    </rPh>
    <rPh sb="3" eb="6">
      <t>とくれいし</t>
    </rPh>
    <phoneticPr fontId="3" type="Hiragana" alignment="distributed"/>
  </si>
  <si>
    <t>人/k㎡</t>
    <phoneticPr fontId="3" type="Hiragana" alignment="distributed"/>
  </si>
  <si>
    <t>％</t>
    <phoneticPr fontId="3" type="Hiragana" alignment="distributed"/>
  </si>
  <si>
    <t>k㎡</t>
    <phoneticPr fontId="3" type="Hiragana" alignment="distributed"/>
  </si>
  <si>
    <t>ｈａ</t>
    <phoneticPr fontId="3" type="Hiragana" alignment="distributed"/>
  </si>
  <si>
    <t>【主要財政指標】</t>
    <phoneticPr fontId="3" type="Hiragana" alignment="distributed"/>
  </si>
  <si>
    <t>（単位：百万円、％）</t>
    <phoneticPr fontId="3" type="Hiragana" alignment="distributed"/>
  </si>
  <si>
    <t>実質収支
比率</t>
    <phoneticPr fontId="3" type="Hiragana" alignment="distributed"/>
  </si>
  <si>
    <t>経常収支
比率</t>
    <phoneticPr fontId="3" type="Hiragana" alignment="distributed"/>
  </si>
  <si>
    <t>鶴見区、神奈川区、中区、保土ケ谷区、磯子区</t>
    <rPh sb="12" eb="13">
      <t>たもつ</t>
    </rPh>
    <rPh sb="13" eb="16">
      <t>つちがや</t>
    </rPh>
    <rPh sb="16" eb="17">
      <t>う</t>
    </rPh>
    <phoneticPr fontId="3" type="Hiragana" alignment="distributed"/>
  </si>
  <si>
    <t>分立</t>
    <rPh sb="0" eb="2">
      <t>ぶんりつりつ</t>
    </rPh>
    <phoneticPr fontId="3" type="Hiragana" alignment="distributed"/>
  </si>
  <si>
    <t>一般廃棄物処理受託（愛川町・清川村）</t>
    <rPh sb="10" eb="12">
      <t>あいかわ</t>
    </rPh>
    <rPh sb="12" eb="13">
      <t>まち</t>
    </rPh>
    <phoneticPr fontId="3" type="Hiragana" alignment="distributed"/>
  </si>
  <si>
    <t>消防事務受託（清川村）</t>
    <rPh sb="0" eb="2">
      <t>しょうぼう</t>
    </rPh>
    <rPh sb="2" eb="4">
      <t>じむ</t>
    </rPh>
    <rPh sb="4" eb="6">
      <t>じゅたく</t>
    </rPh>
    <rPh sb="7" eb="10">
      <t>きよかわむら</t>
    </rPh>
    <phoneticPr fontId="3" type="Hiragana" alignment="distributed"/>
  </si>
  <si>
    <t>相模人形芝居（長谷座、林座）、ささら踊り（愛甲、長谷）、相模里神楽、双盤念仏、古式消防、厚木太神楽、人形浄瑠璃（あつぎひがし座）、戸室手古舞、各地域の太鼓保存会</t>
    <rPh sb="50" eb="52">
      <t>にんぎょう</t>
    </rPh>
    <rPh sb="52" eb="55">
      <t>じょうるり</t>
    </rPh>
    <rPh sb="62" eb="63">
      <t>ざ</t>
    </rPh>
    <rPh sb="65" eb="67">
      <t>とむろ</t>
    </rPh>
    <rPh sb="67" eb="68">
      <t>て</t>
    </rPh>
    <rPh sb="68" eb="69">
      <t>こ</t>
    </rPh>
    <rPh sb="69" eb="70">
      <t>まい</t>
    </rPh>
    <phoneticPr fontId="3" type="Hiragana" alignment="distributed"/>
  </si>
  <si>
    <t>座間市との行政境界</t>
    <rPh sb="0" eb="2">
      <t>ざま</t>
    </rPh>
    <rPh sb="2" eb="3">
      <t>し</t>
    </rPh>
    <rPh sb="5" eb="7">
      <t>ぎょうせい</t>
    </rPh>
    <rPh sb="7" eb="9">
      <t>きょうかい</t>
    </rPh>
    <phoneticPr fontId="3" type="Hiragana" alignment="distributed"/>
  </si>
  <si>
    <t>町田市、大和市との行政境界</t>
    <rPh sb="0" eb="3">
      <t>まちだし</t>
    </rPh>
    <rPh sb="4" eb="7">
      <t>やまとし</t>
    </rPh>
    <rPh sb="9" eb="11">
      <t>ぎょうせい</t>
    </rPh>
    <rPh sb="11" eb="13">
      <t>きょうかい</t>
    </rPh>
    <phoneticPr fontId="3" type="Hiragana" alignment="distributed"/>
  </si>
  <si>
    <t>町田市との行政境界</t>
    <rPh sb="0" eb="3">
      <t>まちだし</t>
    </rPh>
    <rPh sb="5" eb="7">
      <t>ぎょうせい</t>
    </rPh>
    <rPh sb="7" eb="9">
      <t>きょうかい</t>
    </rPh>
    <phoneticPr fontId="3" type="Hiragana" alignment="distributed"/>
  </si>
  <si>
    <t>平成27年国調</t>
    <phoneticPr fontId="3" type="Hiragana" alignment="distributed"/>
  </si>
  <si>
    <t>ともに認め合うまち・海老名宣言</t>
    <rPh sb="3" eb="4">
      <t>みと</t>
    </rPh>
    <rPh sb="5" eb="6">
      <t>あ</t>
    </rPh>
    <rPh sb="10" eb="13">
      <t>えびな</t>
    </rPh>
    <rPh sb="13" eb="15">
      <t>せんげん</t>
    </rPh>
    <phoneticPr fontId="3" type="Hiragana" alignment="distributed"/>
  </si>
  <si>
    <t>元気高齢者の社会参加促進</t>
    <rPh sb="0" eb="2">
      <t>ゲンキ</t>
    </rPh>
    <rPh sb="2" eb="5">
      <t>コウレイシャ</t>
    </rPh>
    <rPh sb="6" eb="8">
      <t>シャカイ</t>
    </rPh>
    <rPh sb="8" eb="10">
      <t>サンカ</t>
    </rPh>
    <rPh sb="10" eb="12">
      <t>ソクシン</t>
    </rPh>
    <phoneticPr fontId="8"/>
  </si>
  <si>
    <t>市 　長</t>
    <rPh sb="0" eb="1">
      <t>し</t>
    </rPh>
    <rPh sb="3" eb="4">
      <t>ちょう</t>
    </rPh>
    <phoneticPr fontId="3" type="Hiragana" alignment="center"/>
  </si>
  <si>
    <t>花</t>
    <rPh sb="0" eb="1">
      <t>はな</t>
    </rPh>
    <phoneticPr fontId="3" type="Hiragana" alignment="noControl"/>
  </si>
  <si>
    <t>副市長</t>
    <rPh sb="0" eb="3">
      <t>ふくしちょう</t>
    </rPh>
    <phoneticPr fontId="3" type="Hiragana" alignment="noControl"/>
  </si>
  <si>
    <t>交通機関</t>
    <rPh sb="0" eb="2">
      <t>こうつう</t>
    </rPh>
    <rPh sb="2" eb="4">
      <t>きかん</t>
    </rPh>
    <phoneticPr fontId="3" type="Hiragana" alignment="noControl"/>
  </si>
  <si>
    <t>証明書等の交付等の事務相互委託（小田原市・大井町・松田町・</t>
    <rPh sb="11" eb="13">
      <t>そうご</t>
    </rPh>
    <phoneticPr fontId="3" type="Hiragana" alignment="center"/>
  </si>
  <si>
    <t>障害支援区分等認定審査会加入（中井町・大井町・松田町・山北</t>
    <rPh sb="0" eb="2">
      <t>しょうがい</t>
    </rPh>
    <rPh sb="2" eb="4">
      <t>しえん</t>
    </rPh>
    <rPh sb="4" eb="6">
      <t>くぶん</t>
    </rPh>
    <rPh sb="6" eb="7">
      <t>とう</t>
    </rPh>
    <rPh sb="7" eb="9">
      <t>にんてい</t>
    </rPh>
    <rPh sb="9" eb="12">
      <t>しんさかい</t>
    </rPh>
    <rPh sb="12" eb="14">
      <t>かにゅう</t>
    </rPh>
    <phoneticPr fontId="3" type="Hiragana" alignment="center"/>
  </si>
  <si>
    <t>首都圏南西部の広域交流拠点都市の形成に向けた取組</t>
    <rPh sb="23" eb="24">
      <t>くみ</t>
    </rPh>
    <phoneticPr fontId="3" type="Hiragana" alignment="distributed"/>
  </si>
  <si>
    <t>ごみ焼却施設の整備運営受託（大磯町・二宮町）</t>
    <rPh sb="2" eb="4">
      <t>ショウキャク</t>
    </rPh>
    <rPh sb="4" eb="6">
      <t>シセツ</t>
    </rPh>
    <rPh sb="7" eb="9">
      <t>セイビ</t>
    </rPh>
    <rPh sb="9" eb="11">
      <t>ウンエイ</t>
    </rPh>
    <rPh sb="11" eb="13">
      <t>ジュタク</t>
    </rPh>
    <rPh sb="14" eb="16">
      <t>オオイソ</t>
    </rPh>
    <rPh sb="16" eb="17">
      <t>マチ</t>
    </rPh>
    <rPh sb="18" eb="20">
      <t>ニノミヤ</t>
    </rPh>
    <rPh sb="20" eb="21">
      <t>マチ</t>
    </rPh>
    <phoneticPr fontId="8"/>
  </si>
  <si>
    <t>町の魅力を創生・発信する取組の推進</t>
    <rPh sb="0" eb="1">
      <t>まち</t>
    </rPh>
    <rPh sb="2" eb="4">
      <t>みりょく</t>
    </rPh>
    <rPh sb="5" eb="7">
      <t>そうせい</t>
    </rPh>
    <rPh sb="8" eb="10">
      <t>はっしん</t>
    </rPh>
    <rPh sb="12" eb="14">
      <t>とりく</t>
    </rPh>
    <rPh sb="15" eb="17">
      <t>すいしん</t>
    </rPh>
    <phoneticPr fontId="3" type="Hiragana" alignment="distributed"/>
  </si>
  <si>
    <t>構成比(％)</t>
    <rPh sb="0" eb="3">
      <t>こうせいひ</t>
    </rPh>
    <phoneticPr fontId="3" type="Hiragana" alignment="distributed"/>
  </si>
  <si>
    <t>名水百選選抜総選挙「おいしさがすばらしい『名水』部門」第１位</t>
    <rPh sb="0" eb="2">
      <t>メイスイ</t>
    </rPh>
    <rPh sb="2" eb="4">
      <t>ヒャクセン</t>
    </rPh>
    <rPh sb="4" eb="6">
      <t>センバツ</t>
    </rPh>
    <rPh sb="6" eb="9">
      <t>ソウセンキョ</t>
    </rPh>
    <rPh sb="21" eb="23">
      <t>メイスイ</t>
    </rPh>
    <rPh sb="24" eb="26">
      <t>ブモン</t>
    </rPh>
    <phoneticPr fontId="8"/>
  </si>
  <si>
    <t>昼夜間人口比率</t>
    <rPh sb="0" eb="1">
      <t>ひる</t>
    </rPh>
    <rPh sb="1" eb="2">
      <t>よる</t>
    </rPh>
    <rPh sb="2" eb="3">
      <t>かん</t>
    </rPh>
    <rPh sb="3" eb="5">
      <t>じんこう</t>
    </rPh>
    <rPh sb="5" eb="7">
      <t>ひりつ</t>
    </rPh>
    <phoneticPr fontId="3" type="Hiragana" alignment="distributed"/>
  </si>
  <si>
    <t>ＪＲ東海道本線・小田急江ノ島線・江ノ島電鉄線藤沢駅から徒歩3分</t>
    <rPh sb="8" eb="11">
      <t>オダキュウ</t>
    </rPh>
    <rPh sb="11" eb="12">
      <t>エ</t>
    </rPh>
    <rPh sb="13" eb="14">
      <t>シマ</t>
    </rPh>
    <rPh sb="14" eb="15">
      <t>セン</t>
    </rPh>
    <rPh sb="16" eb="17">
      <t>エ</t>
    </rPh>
    <rPh sb="18" eb="19">
      <t>シマ</t>
    </rPh>
    <rPh sb="19" eb="21">
      <t>デンテツ</t>
    </rPh>
    <rPh sb="21" eb="22">
      <t>セン</t>
    </rPh>
    <phoneticPr fontId="8"/>
  </si>
  <si>
    <t>高橋　昌和</t>
    <rPh sb="0" eb="2">
      <t>たかはし</t>
    </rPh>
    <rPh sb="3" eb="5">
      <t>まさかず</t>
    </rPh>
    <phoneticPr fontId="3" type="Hiragana" alignment="noControl"/>
  </si>
  <si>
    <t>川崎大師薪能､白幡八幡神社の禰宜舞、新城郷土芸能囃子曲持、沖縄民俗芸能、川崎山王祭りの宮座式、獅子舞（初山、小向、菅）等</t>
    <rPh sb="0" eb="4">
      <t>カワサキダイシ</t>
    </rPh>
    <rPh sb="4" eb="6">
      <t>タキギノウ</t>
    </rPh>
    <rPh sb="29" eb="31">
      <t>オキナワ</t>
    </rPh>
    <rPh sb="31" eb="33">
      <t>ミンゾク</t>
    </rPh>
    <rPh sb="33" eb="35">
      <t>ゲイノウ</t>
    </rPh>
    <rPh sb="36" eb="38">
      <t>カワサキ</t>
    </rPh>
    <rPh sb="38" eb="41">
      <t>サンノウマツリ</t>
    </rPh>
    <rPh sb="43" eb="44">
      <t>ミヤ</t>
    </rPh>
    <rPh sb="44" eb="45">
      <t>ザ</t>
    </rPh>
    <rPh sb="45" eb="46">
      <t>シキ</t>
    </rPh>
    <rPh sb="47" eb="50">
      <t>シシマイ</t>
    </rPh>
    <rPh sb="51" eb="53">
      <t>ハツヤマ</t>
    </rPh>
    <rPh sb="54" eb="56">
      <t>コムカイ</t>
    </rPh>
    <rPh sb="57" eb="58">
      <t>スゲ</t>
    </rPh>
    <rPh sb="59" eb="60">
      <t>ナド</t>
    </rPh>
    <phoneticPr fontId="8"/>
  </si>
  <si>
    <t>基本政策２‥「子どもを安心して育てることのできるふるさとづくり」(子育て環境の整備など)</t>
    <rPh sb="2" eb="4">
      <t>セイサク</t>
    </rPh>
    <phoneticPr fontId="3"/>
  </si>
  <si>
    <t>基本政策３‥「市民生活を豊かにする環境づくり」(地球や地域の環境保全など)</t>
    <rPh sb="2" eb="4">
      <t>セイサク</t>
    </rPh>
    <phoneticPr fontId="3"/>
  </si>
  <si>
    <t>基本政策４‥「活力と魅力あふれる力強い都市づくり」(魅力ある都市拠点の整備など)</t>
    <rPh sb="2" eb="4">
      <t>セイサク</t>
    </rPh>
    <phoneticPr fontId="3"/>
  </si>
  <si>
    <t>新東名高速道路・国道246号バイパスの最大活用（産業・観光振興）</t>
    <rPh sb="0" eb="1">
      <t>しん</t>
    </rPh>
    <rPh sb="1" eb="3">
      <t>とうめい</t>
    </rPh>
    <rPh sb="3" eb="5">
      <t>こうそく</t>
    </rPh>
    <rPh sb="5" eb="7">
      <t>どうろ</t>
    </rPh>
    <rPh sb="8" eb="10">
      <t>こくどう</t>
    </rPh>
    <rPh sb="13" eb="14">
      <t>ごう</t>
    </rPh>
    <rPh sb="19" eb="21">
      <t>さいだい</t>
    </rPh>
    <rPh sb="21" eb="23">
      <t>かつよう</t>
    </rPh>
    <rPh sb="24" eb="26">
      <t>さんぎょう</t>
    </rPh>
    <rPh sb="27" eb="29">
      <t>かんこう</t>
    </rPh>
    <rPh sb="29" eb="31">
      <t>しんこう</t>
    </rPh>
    <phoneticPr fontId="3" type="Hiragana" alignment="noControl"/>
  </si>
  <si>
    <t>子ども・子育て支援の充実</t>
    <rPh sb="0" eb="1">
      <t>こ</t>
    </rPh>
    <rPh sb="4" eb="6">
      <t>こそだ</t>
    </rPh>
    <rPh sb="7" eb="9">
      <t>しえん</t>
    </rPh>
    <rPh sb="10" eb="12">
      <t>じゅうじつ</t>
    </rPh>
    <phoneticPr fontId="3" type="Hiragana" alignment="distributed"/>
  </si>
  <si>
    <t>緑豊かな環境の保全</t>
    <rPh sb="0" eb="1">
      <t>みどり</t>
    </rPh>
    <rPh sb="1" eb="2">
      <t>ゆた</t>
    </rPh>
    <rPh sb="4" eb="6">
      <t>かんきょう</t>
    </rPh>
    <rPh sb="7" eb="9">
      <t>ほぜん</t>
    </rPh>
    <phoneticPr fontId="3" type="Hiragana" alignment="distributed"/>
  </si>
  <si>
    <t>協働のまちづくりの推進</t>
    <rPh sb="0" eb="2">
      <t>キョウドウ</t>
    </rPh>
    <rPh sb="9" eb="11">
      <t>スイシン</t>
    </rPh>
    <phoneticPr fontId="8"/>
  </si>
  <si>
    <t>鎌倉彫、しらす、アカモク、ワカメ、鎌倉梅ワイン、かまくら梅酒、吾妻鏡（芋焼酎）、鎌倉やさい</t>
    <rPh sb="35" eb="36">
      <t>イモ</t>
    </rPh>
    <rPh sb="36" eb="38">
      <t>ジョウチュウ</t>
    </rPh>
    <rPh sb="40" eb="42">
      <t>カマクラ</t>
    </rPh>
    <phoneticPr fontId="8"/>
  </si>
  <si>
    <t>横須賀市・葉山町消防通信指令事務協議会加入（葉山町)</t>
    <rPh sb="0" eb="4">
      <t>ヨコスカシ</t>
    </rPh>
    <rPh sb="5" eb="7">
      <t>ハヤマ</t>
    </rPh>
    <rPh sb="7" eb="8">
      <t>マチ</t>
    </rPh>
    <rPh sb="8" eb="10">
      <t>ショウボウ</t>
    </rPh>
    <rPh sb="10" eb="12">
      <t>ツウシン</t>
    </rPh>
    <rPh sb="12" eb="14">
      <t>シレイ</t>
    </rPh>
    <rPh sb="14" eb="16">
      <t>ジム</t>
    </rPh>
    <rPh sb="16" eb="19">
      <t>キョウギカイ</t>
    </rPh>
    <rPh sb="19" eb="21">
      <t>カニュウ</t>
    </rPh>
    <rPh sb="22" eb="25">
      <t>ハヤママチ</t>
    </rPh>
    <phoneticPr fontId="8"/>
  </si>
  <si>
    <t>横須賀市・葉山町消防通信指令事務協議会加入（横須賀市)</t>
    <rPh sb="22" eb="26">
      <t>ヨコスカシ</t>
    </rPh>
    <phoneticPr fontId="8"/>
  </si>
  <si>
    <t>千田　勝一郎</t>
    <rPh sb="0" eb="2">
      <t>ちだ</t>
    </rPh>
    <rPh sb="3" eb="6">
      <t>かついちろう</t>
    </rPh>
    <phoneticPr fontId="3" type="Hiragana" alignment="distributed"/>
  </si>
  <si>
    <t>小田原駅西口から久野車庫・兎河原循環方面行きバス市役所前下車
小田原駅東口から久野車庫・船原・小田原フラワーガーデン方面行きバス市役所前下車</t>
    <rPh sb="4" eb="6">
      <t>にしぐち</t>
    </rPh>
    <rPh sb="8" eb="10">
      <t>くの</t>
    </rPh>
    <rPh sb="10" eb="12">
      <t>しゃこ</t>
    </rPh>
    <rPh sb="13" eb="14">
      <t>うさぎ</t>
    </rPh>
    <rPh sb="14" eb="16">
      <t>かわら</t>
    </rPh>
    <rPh sb="16" eb="18">
      <t>じゅんかん</t>
    </rPh>
    <rPh sb="18" eb="20">
      <t>ほうめん</t>
    </rPh>
    <rPh sb="20" eb="21">
      <t>い</t>
    </rPh>
    <rPh sb="24" eb="27">
      <t>しやくしょ</t>
    </rPh>
    <rPh sb="27" eb="28">
      <t>まえ</t>
    </rPh>
    <rPh sb="28" eb="30">
      <t>げしゃ</t>
    </rPh>
    <rPh sb="31" eb="34">
      <t>おだわら</t>
    </rPh>
    <rPh sb="34" eb="35">
      <t>えき</t>
    </rPh>
    <rPh sb="35" eb="37">
      <t>ひがしぐち</t>
    </rPh>
    <rPh sb="39" eb="41">
      <t>くの</t>
    </rPh>
    <rPh sb="41" eb="43">
      <t>しゃこ</t>
    </rPh>
    <rPh sb="44" eb="45">
      <t>ふね</t>
    </rPh>
    <rPh sb="45" eb="46">
      <t>はら</t>
    </rPh>
    <rPh sb="47" eb="50">
      <t>おだわら</t>
    </rPh>
    <rPh sb="58" eb="60">
      <t>ほうめん</t>
    </rPh>
    <phoneticPr fontId="3" type="Hiragana" alignment="distributed"/>
  </si>
  <si>
    <t>くろまつ</t>
    <phoneticPr fontId="3" type="Hiragana" alignment="distributed"/>
  </si>
  <si>
    <t>合体（市制施行）　厚木町、南毛利村、睦合村、小鮎村、玉川村</t>
    <rPh sb="0" eb="2">
      <t>がったい</t>
    </rPh>
    <rPh sb="4" eb="5">
      <t>せい</t>
    </rPh>
    <rPh sb="9" eb="11">
      <t>あつぎ</t>
    </rPh>
    <rPh sb="11" eb="12">
      <t>まち</t>
    </rPh>
    <rPh sb="13" eb="14">
      <t>みなみ</t>
    </rPh>
    <rPh sb="14" eb="15">
      <t>け</t>
    </rPh>
    <rPh sb="15" eb="16">
      <t>り</t>
    </rPh>
    <rPh sb="16" eb="17">
      <t>むら</t>
    </rPh>
    <rPh sb="18" eb="19">
      <t>むつ</t>
    </rPh>
    <rPh sb="19" eb="20">
      <t>あ</t>
    </rPh>
    <rPh sb="20" eb="21">
      <t>むら</t>
    </rPh>
    <rPh sb="22" eb="23">
      <t>しょう</t>
    </rPh>
    <rPh sb="23" eb="24">
      <t>あゆ</t>
    </rPh>
    <rPh sb="24" eb="25">
      <t>むら</t>
    </rPh>
    <rPh sb="26" eb="29">
      <t>たまがわむら</t>
    </rPh>
    <phoneticPr fontId="3" type="Hiragana" alignment="distributed"/>
  </si>
  <si>
    <t>-</t>
    <phoneticPr fontId="3" type="Hiragana" alignment="distributed"/>
  </si>
  <si>
    <t>大山、大山阿夫利神社、大山寺、日向薬師、三之宮比々多神社、渋田川河畔の芝桜、日向路の彼岸花</t>
    <rPh sb="3" eb="5">
      <t>オオヤマ</t>
    </rPh>
    <rPh sb="5" eb="8">
      <t>アフリ</t>
    </rPh>
    <rPh sb="8" eb="10">
      <t>ジンジャ</t>
    </rPh>
    <rPh sb="11" eb="13">
      <t>オオヤマ</t>
    </rPh>
    <rPh sb="13" eb="14">
      <t>デラ</t>
    </rPh>
    <rPh sb="20" eb="23">
      <t>サンノミヤ</t>
    </rPh>
    <rPh sb="23" eb="24">
      <t>ヒ</t>
    </rPh>
    <rPh sb="25" eb="26">
      <t>タ</t>
    </rPh>
    <rPh sb="26" eb="28">
      <t>ジンジャ</t>
    </rPh>
    <rPh sb="29" eb="31">
      <t>シブタ</t>
    </rPh>
    <rPh sb="38" eb="40">
      <t>ヒナタ</t>
    </rPh>
    <rPh sb="40" eb="41">
      <t>ミチ</t>
    </rPh>
    <rPh sb="42" eb="45">
      <t>ヒガンバナ</t>
    </rPh>
    <phoneticPr fontId="8"/>
  </si>
  <si>
    <t>サツキ</t>
    <phoneticPr fontId="3" type="Hiragana" alignment="distributed"/>
  </si>
  <si>
    <t>ツゲ</t>
    <phoneticPr fontId="3" type="Hiragana" alignment="distributed"/>
  </si>
  <si>
    <t>　</t>
    <phoneticPr fontId="3" type="Hiragana" alignment="distributed"/>
  </si>
  <si>
    <t>昭和25年10月１日制定（平成29年４月１日全部改正）</t>
    <phoneticPr fontId="3" type="Hiragana" alignment="distributed"/>
  </si>
  <si>
    <t>美しい海とみどりに　笑顔あふれる　こころ温かな　ふるさと　葉山</t>
    <phoneticPr fontId="3" type="Hiragana" alignment="distributed"/>
  </si>
  <si>
    <t>ＪＲ横須賀線逗子駅からバスで13分</t>
    <phoneticPr fontId="3" type="Hiragana" alignment="distributed"/>
  </si>
  <si>
    <t>各種健康づくり及び生きがいづくりの推進</t>
    <phoneticPr fontId="3" type="Hiragana" alignment="distributed"/>
  </si>
  <si>
    <t>本村　賢太郎</t>
    <rPh sb="0" eb="2">
      <t>もとむら</t>
    </rPh>
    <rPh sb="3" eb="6">
      <t>けんたろう</t>
    </rPh>
    <phoneticPr fontId="3" type="Hiragana" alignment="distributed"/>
  </si>
  <si>
    <t>佐藤　光</t>
    <rPh sb="0" eb="2">
      <t>さとう</t>
    </rPh>
    <rPh sb="3" eb="4">
      <t>ひかり</t>
    </rPh>
    <phoneticPr fontId="3" type="Hiragana" alignment="distributed"/>
  </si>
  <si>
    <t>塩崎　威</t>
    <rPh sb="0" eb="2">
      <t>しおざき</t>
    </rPh>
    <rPh sb="3" eb="4">
      <t>い</t>
    </rPh>
    <phoneticPr fontId="3" type="Hiragana" alignment="distributed"/>
  </si>
  <si>
    <t>岸　宏司</t>
    <rPh sb="0" eb="1">
      <t>きし</t>
    </rPh>
    <rPh sb="2" eb="3">
      <t>ひろし</t>
    </rPh>
    <rPh sb="3" eb="4">
      <t>し</t>
    </rPh>
    <phoneticPr fontId="3" type="Hiragana" alignment="distributed"/>
  </si>
  <si>
    <t>桐ケ谷　覚</t>
    <rPh sb="0" eb="3">
      <t>きりがや</t>
    </rPh>
    <rPh sb="4" eb="5">
      <t>さとる</t>
    </rPh>
    <phoneticPr fontId="3" type="Hiragana" alignment="distributed"/>
  </si>
  <si>
    <t>チャッキラコ、三戸のオショロ流し、菊名の飴屋踊り、海南神社の面神楽、いなりっこ、海南神社夏例大祭</t>
    <rPh sb="40" eb="42">
      <t>かいなん</t>
    </rPh>
    <rPh sb="42" eb="44">
      <t>じんじゃ</t>
    </rPh>
    <rPh sb="44" eb="45">
      <t>なつ</t>
    </rPh>
    <rPh sb="45" eb="48">
      <t>れいたいさい</t>
    </rPh>
    <phoneticPr fontId="3" type="Hiragana" alignment="distributed"/>
  </si>
  <si>
    <t>ＪＲ横須賀線横須賀駅から京急バス（5分）で「横須賀中央バス停」下車　徒歩7分
京浜急行線横須賀中央駅から徒歩7分</t>
    <rPh sb="2" eb="5">
      <t>ヨコスカ</t>
    </rPh>
    <rPh sb="5" eb="6">
      <t>セン</t>
    </rPh>
    <rPh sb="12" eb="14">
      <t>ケイキュウ</t>
    </rPh>
    <rPh sb="22" eb="25">
      <t>ヨコスカ</t>
    </rPh>
    <rPh sb="25" eb="27">
      <t>チュウオウ</t>
    </rPh>
    <rPh sb="31" eb="33">
      <t>ゲシャ</t>
    </rPh>
    <rPh sb="34" eb="36">
      <t>トホ</t>
    </rPh>
    <rPh sb="37" eb="38">
      <t>フン</t>
    </rPh>
    <rPh sb="39" eb="41">
      <t>ケイヒン</t>
    </rPh>
    <rPh sb="41" eb="43">
      <t>キュウコウ</t>
    </rPh>
    <rPh sb="43" eb="44">
      <t>セン</t>
    </rPh>
    <phoneticPr fontId="8"/>
  </si>
  <si>
    <t>大山こま、きゃらぶき、神奈川の地酒（菊勇）、大山のとうふ</t>
    <rPh sb="11" eb="14">
      <t>カナガワ</t>
    </rPh>
    <rPh sb="15" eb="17">
      <t>ジザケ</t>
    </rPh>
    <rPh sb="22" eb="24">
      <t>オオヤマ</t>
    </rPh>
    <phoneticPr fontId="8"/>
  </si>
  <si>
    <t>火葬事務委託（小田原市）</t>
    <rPh sb="0" eb="2">
      <t>かそう</t>
    </rPh>
    <rPh sb="2" eb="4">
      <t>じむ</t>
    </rPh>
    <rPh sb="4" eb="6">
      <t>いたく</t>
    </rPh>
    <rPh sb="7" eb="11">
      <t>おだわらし</t>
    </rPh>
    <phoneticPr fontId="3" type="Hiragana" alignment="center"/>
  </si>
  <si>
    <t>平原　敏英</t>
    <rPh sb="0" eb="1">
      <t>ひら</t>
    </rPh>
    <rPh sb="1" eb="2">
      <t>はら</t>
    </rPh>
    <rPh sb="3" eb="4">
      <t>とし</t>
    </rPh>
    <rPh sb="4" eb="5">
      <t>えい</t>
    </rPh>
    <phoneticPr fontId="3" type="Hiragana" alignment="distributed"/>
  </si>
  <si>
    <t>上地　克明</t>
    <rPh sb="0" eb="1">
      <t>うえ</t>
    </rPh>
    <rPh sb="1" eb="2">
      <t>ち</t>
    </rPh>
    <rPh sb="3" eb="4">
      <t>かつ</t>
    </rPh>
    <rPh sb="4" eb="5">
      <t>あ</t>
    </rPh>
    <phoneticPr fontId="3" type="Hiragana" alignment="distributed"/>
  </si>
  <si>
    <t>柏村　淳</t>
    <rPh sb="0" eb="1">
      <t>かしわ</t>
    </rPh>
    <rPh sb="1" eb="2">
      <t>むら</t>
    </rPh>
    <rPh sb="3" eb="4">
      <t>あつし</t>
    </rPh>
    <phoneticPr fontId="3" type="Hiragana" alignment="distributed"/>
  </si>
  <si>
    <t>容器包装プラスチック処理施設の整備運営事務受託（葉山町）</t>
    <rPh sb="0" eb="2">
      <t>ようき</t>
    </rPh>
    <rPh sb="2" eb="4">
      <t>ほうそう</t>
    </rPh>
    <rPh sb="10" eb="12">
      <t>しょり</t>
    </rPh>
    <rPh sb="12" eb="14">
      <t>しせつ</t>
    </rPh>
    <rPh sb="15" eb="17">
      <t>せいび</t>
    </rPh>
    <rPh sb="17" eb="19">
      <t>うんえい</t>
    </rPh>
    <rPh sb="19" eb="21">
      <t>じむ</t>
    </rPh>
    <rPh sb="21" eb="23">
      <t>じゅたく</t>
    </rPh>
    <rPh sb="24" eb="27">
      <t>はやままち</t>
    </rPh>
    <phoneticPr fontId="3" type="Hiragana" alignment="distributed"/>
  </si>
  <si>
    <t>容器包装プラスチック処理施設の整備運営事務委託（逗子市）</t>
    <rPh sb="21" eb="23">
      <t>いたく</t>
    </rPh>
    <rPh sb="24" eb="27">
      <t>ずしし</t>
    </rPh>
    <phoneticPr fontId="3" type="Hiragana" alignment="distributed"/>
  </si>
  <si>
    <t>深沢地域整備事業</t>
    <rPh sb="0" eb="2">
      <t>ふかさわ</t>
    </rPh>
    <rPh sb="2" eb="4">
      <t>ちいき</t>
    </rPh>
    <rPh sb="4" eb="6">
      <t>せいび</t>
    </rPh>
    <rPh sb="6" eb="8">
      <t>じぎょう</t>
    </rPh>
    <phoneticPr fontId="3" type="Hiragana" alignment="distributed"/>
  </si>
  <si>
    <t>第３次鎌倉市総合計画第４期基本計画実施計画において、「強靭（レジリエンス）なまち」「環境負荷低減のまち」「長寿社会のまち」「働くまち」「住みたい・住み続けたいまち」の実現につながる事業に注力する。</t>
    <rPh sb="0" eb="1">
      <t>だい</t>
    </rPh>
    <rPh sb="2" eb="3">
      <t>じ</t>
    </rPh>
    <rPh sb="3" eb="6">
      <t>かまくらし</t>
    </rPh>
    <rPh sb="6" eb="8">
      <t>そうごう</t>
    </rPh>
    <rPh sb="8" eb="10">
      <t>けいかく</t>
    </rPh>
    <rPh sb="10" eb="11">
      <t>だい</t>
    </rPh>
    <rPh sb="12" eb="13">
      <t>き</t>
    </rPh>
    <rPh sb="13" eb="15">
      <t>きほん</t>
    </rPh>
    <rPh sb="15" eb="17">
      <t>けいかく</t>
    </rPh>
    <rPh sb="17" eb="19">
      <t>じっし</t>
    </rPh>
    <rPh sb="19" eb="21">
      <t>けいかく</t>
    </rPh>
    <rPh sb="27" eb="29">
      <t>きょうじん</t>
    </rPh>
    <rPh sb="42" eb="44">
      <t>かんきょう</t>
    </rPh>
    <rPh sb="44" eb="46">
      <t>ふか</t>
    </rPh>
    <rPh sb="46" eb="48">
      <t>ていげん</t>
    </rPh>
    <rPh sb="53" eb="55">
      <t>ちょうじゅ</t>
    </rPh>
    <rPh sb="55" eb="57">
      <t>しゃかい</t>
    </rPh>
    <rPh sb="62" eb="63">
      <t>はたら</t>
    </rPh>
    <rPh sb="68" eb="69">
      <t>す</t>
    </rPh>
    <rPh sb="73" eb="74">
      <t>す</t>
    </rPh>
    <rPh sb="75" eb="76">
      <t>つづ</t>
    </rPh>
    <rPh sb="83" eb="85">
      <t>じつげん</t>
    </rPh>
    <rPh sb="90" eb="92">
      <t>じぎょう</t>
    </rPh>
    <rPh sb="93" eb="95">
      <t>ちゅうりょく</t>
    </rPh>
    <phoneticPr fontId="3" type="Hiragana" alignment="distributed"/>
  </si>
  <si>
    <t>市民まつり（秋）</t>
    <rPh sb="6" eb="7">
      <t>アキ</t>
    </rPh>
    <phoneticPr fontId="8"/>
  </si>
  <si>
    <t>あやせ目久尻川歴史文化ゾーン推進事業</t>
    <rPh sb="3" eb="7">
      <t>メクジリガワ</t>
    </rPh>
    <rPh sb="7" eb="9">
      <t>レキシ</t>
    </rPh>
    <rPh sb="9" eb="11">
      <t>ブンカ</t>
    </rPh>
    <rPh sb="14" eb="16">
      <t>スイシン</t>
    </rPh>
    <rPh sb="16" eb="18">
      <t>ジギョウ</t>
    </rPh>
    <phoneticPr fontId="8"/>
  </si>
  <si>
    <t>ひらはら　としひで</t>
    <phoneticPr fontId="8"/>
  </si>
  <si>
    <t>　子どもたちの笑顔があふれ、高齢者や障害者等、誰もが多様な生き方や考え方を寛容に認め合いながら、寄り添い、支え合い、社会に貢献することで生きがいを持ち、日常生活の質的な充足や郷土への愛着と誇りを強く感じることができる「安心のふるさとづくり」を進めるため、自助・互助・共助・公助のバランスのとれた地域運営を推進するとともに、子育て環境の整備や高齢者・障害者施策の推進、災害対策などに取り組みます。
　また、こうした「安心のふるさとづくり」のためには、これまで築いてきた産業の集積や、首都圏の中心に位置する恵まれた立地条件などのポテンシャルを活かして、今後成長が見込まれる分野での新産業の創出を図るとともに、地域経済の活性化を推進しながら、環境問題をはじめとする国際的な課題解決へ貢献し、我が国の持続的な成長を牽引する「力強い産業都市づくり」が必要なことから、産業振興、都市拠点整備、交通施策などを計画的に進めます。
　「安心のふるさとづくり（成熟）」と「力強い産業都市づくり（成長）」の調和により、誰もが幸せを感じられる川崎をめざします。</t>
    <phoneticPr fontId="8"/>
  </si>
  <si>
    <t>【主要事業】</t>
    <phoneticPr fontId="3"/>
  </si>
  <si>
    <t>市制記念日　１月１日</t>
    <phoneticPr fontId="3" type="Hiragana" alignment="distributed"/>
  </si>
  <si>
    <t>【主要事業】</t>
    <phoneticPr fontId="3" type="Hiragana" alignment="distributed"/>
  </si>
  <si>
    <t>国際平和と核兵器廃絶を求める</t>
    <phoneticPr fontId="3" type="Hiragana" alignment="distributed"/>
  </si>
  <si>
    <t>小田急小田原線秦野駅から徒歩10分</t>
    <phoneticPr fontId="3" type="Hiragana" alignment="noControl"/>
  </si>
  <si>
    <t>【主要事業】</t>
    <phoneticPr fontId="3" type="Hiragana" alignment="noControl"/>
  </si>
  <si>
    <t>さざんか、こぶし</t>
    <phoneticPr fontId="3" type="Hiragana" alignment="noControl"/>
  </si>
  <si>
    <t>三之宮比々多神社春季例大祭（4月）、日向薬師春季例大祭（神木のぼり）（4月）、大山阿夫利神社秋季例大祭（8月）、伊勢原観光道灌まつり　（10月）</t>
    <phoneticPr fontId="8"/>
  </si>
  <si>
    <t>寒川町</t>
    <rPh sb="0" eb="3">
      <t>さむかわまち</t>
    </rPh>
    <phoneticPr fontId="3" type="Hiragana" alignment="distributed"/>
  </si>
  <si>
    <t>寒川のサの頭文字を示し町の平和（円）と町民の団結（クサビ）を表している。</t>
  </si>
  <si>
    <t>昭和25年10月11日制定</t>
  </si>
  <si>
    <t>253-0196</t>
  </si>
  <si>
    <t>0467(74)1111</t>
  </si>
  <si>
    <t>寒川町宮山165番地</t>
  </si>
  <si>
    <t>町　 長</t>
    <rPh sb="0" eb="1">
      <t>まち</t>
    </rPh>
    <rPh sb="3" eb="4">
      <t>ちょう</t>
    </rPh>
    <phoneticPr fontId="3" type="Hiragana" alignment="distributed"/>
  </si>
  <si>
    <t>町制施行</t>
    <rPh sb="0" eb="2">
      <t>ちょうせい</t>
    </rPh>
    <rPh sb="2" eb="4">
      <t>せこう</t>
    </rPh>
    <phoneticPr fontId="3" type="Hiragana" alignment="center"/>
  </si>
  <si>
    <t>境界変更</t>
    <rPh sb="0" eb="2">
      <t>きょうかい</t>
    </rPh>
    <rPh sb="2" eb="4">
      <t>へんこう</t>
    </rPh>
    <phoneticPr fontId="3" type="Hiragana" alignment="center"/>
  </si>
  <si>
    <t>大野町大字四之宮字川向、川向台、川端</t>
    <rPh sb="0" eb="2">
      <t>おおの</t>
    </rPh>
    <rPh sb="2" eb="3">
      <t>まち</t>
    </rPh>
    <rPh sb="3" eb="5">
      <t>おおあざ</t>
    </rPh>
    <rPh sb="5" eb="8">
      <t>しのみや</t>
    </rPh>
    <rPh sb="8" eb="9">
      <t>じ</t>
    </rPh>
    <rPh sb="9" eb="10">
      <t>かわ</t>
    </rPh>
    <rPh sb="10" eb="11">
      <t>むか</t>
    </rPh>
    <rPh sb="12" eb="13">
      <t>かわ</t>
    </rPh>
    <rPh sb="13" eb="14">
      <t>むか</t>
    </rPh>
    <rPh sb="14" eb="15">
      <t>だい</t>
    </rPh>
    <rPh sb="16" eb="18">
      <t>かわばた</t>
    </rPh>
    <phoneticPr fontId="3" type="Hiragana" alignment="center"/>
  </si>
  <si>
    <t>スイートピー、カーネーション、シクラメン、梨、マスクメロン、梨ワイン、梨ジャム、さむかわ棒コロ</t>
    <rPh sb="21" eb="22">
      <t>ナシ</t>
    </rPh>
    <rPh sb="30" eb="31">
      <t>ナシ</t>
    </rPh>
    <rPh sb="35" eb="36">
      <t>ナシ</t>
    </rPh>
    <rPh sb="44" eb="45">
      <t>ボウ</t>
    </rPh>
    <phoneticPr fontId="8"/>
  </si>
  <si>
    <t>花</t>
    <rPh sb="0" eb="1">
      <t>はな</t>
    </rPh>
    <phoneticPr fontId="3" type="Hiragana" alignment="center"/>
  </si>
  <si>
    <t>鳥</t>
    <rPh sb="0" eb="1">
      <t>とり</t>
    </rPh>
    <phoneticPr fontId="3" type="Hiragana" alignment="center"/>
  </si>
  <si>
    <t>寒河江市（山形県・平成2年11月1日提携）</t>
  </si>
  <si>
    <t>寒川町核兵器廃絶平和都市宣言</t>
  </si>
  <si>
    <t>寒川町環境宣言</t>
  </si>
  <si>
    <t>火葬に関する事務委託（茅ヶ崎市）</t>
  </si>
  <si>
    <t>湘南広域都市行政協議会加入（藤沢市・茅ヶ崎市）</t>
    <rPh sb="0" eb="2">
      <t>しょうなん</t>
    </rPh>
    <rPh sb="2" eb="4">
      <t>こういき</t>
    </rPh>
    <rPh sb="4" eb="5">
      <t>と</t>
    </rPh>
    <rPh sb="5" eb="6">
      <t>し</t>
    </rPh>
    <rPh sb="6" eb="8">
      <t>ぎょうせい</t>
    </rPh>
    <rPh sb="8" eb="11">
      <t>きょうぎかい</t>
    </rPh>
    <rPh sb="11" eb="13">
      <t>かにゅう</t>
    </rPh>
    <rPh sb="14" eb="16">
      <t>ふじさわ</t>
    </rPh>
    <rPh sb="16" eb="17">
      <t>し</t>
    </rPh>
    <rPh sb="18" eb="21">
      <t>ちがさき</t>
    </rPh>
    <rPh sb="21" eb="22">
      <t>し</t>
    </rPh>
    <phoneticPr fontId="3" type="Hiragana" alignment="distributed"/>
  </si>
  <si>
    <t>行政不服審査会事務委託（神奈川県）</t>
    <phoneticPr fontId="3" type="Hiragana" alignment="center"/>
  </si>
  <si>
    <t>大磯町</t>
    <rPh sb="0" eb="3">
      <t>おおいそまち</t>
    </rPh>
    <phoneticPr fontId="3" type="Hiragana" alignment="distributed"/>
  </si>
  <si>
    <t>【町民憲章】</t>
    <rPh sb="1" eb="3">
      <t>ちょうみん</t>
    </rPh>
    <rPh sb="3" eb="5">
      <t>けんしょう</t>
    </rPh>
    <phoneticPr fontId="3" type="Hiragana" alignment="distributed"/>
  </si>
  <si>
    <t>昭和39年８月15日制定</t>
  </si>
  <si>
    <t>紺碧の海に緑の映える住みよい大磯</t>
  </si>
  <si>
    <t>255-8555</t>
  </si>
  <si>
    <t>0463(61)4100</t>
  </si>
  <si>
    <t>大磯町東小磯183番地</t>
  </si>
  <si>
    <t>ＪＲ東海道本線大磯駅から徒歩5分</t>
    <phoneticPr fontId="3" type="Hiragana" alignment="distributed"/>
  </si>
  <si>
    <t>大磯町、国府町</t>
    <rPh sb="0" eb="3">
      <t>おおいそまち</t>
    </rPh>
    <rPh sb="4" eb="6">
      <t>こくふ</t>
    </rPh>
    <rPh sb="6" eb="7">
      <t>まち</t>
    </rPh>
    <phoneticPr fontId="3" type="Hiragana" alignment="distributed"/>
  </si>
  <si>
    <t>デイトン市（アメリカ・昭和43年9月19日提携）、小諸市（長野県・昭和48年4月20日提携）、ラシン市（アメリカ・昭和57年7月1日提携）、中津川市（岐阜県・平成17年11月15日提携）</t>
  </si>
  <si>
    <t>大磯町核兵器廃絶平和宣言</t>
  </si>
  <si>
    <t>し尿の処理に関する事務受託（平塚市）</t>
    <rPh sb="14" eb="17">
      <t>ひらつかし</t>
    </rPh>
    <phoneticPr fontId="3" type="Hiragana" alignment="distributed"/>
  </si>
  <si>
    <t>ごみ焼却施設の整備運営委託（平塚市）</t>
    <rPh sb="2" eb="4">
      <t>ショウキャク</t>
    </rPh>
    <rPh sb="4" eb="6">
      <t>シセツ</t>
    </rPh>
    <rPh sb="7" eb="9">
      <t>セイビ</t>
    </rPh>
    <rPh sb="9" eb="11">
      <t>ウンエイ</t>
    </rPh>
    <rPh sb="11" eb="13">
      <t>イタク</t>
    </rPh>
    <rPh sb="14" eb="17">
      <t>ヒラツカシ</t>
    </rPh>
    <phoneticPr fontId="8"/>
  </si>
  <si>
    <t>障害支援区分等認定審査会加入（二宮町）</t>
    <rPh sb="0" eb="2">
      <t>しょうがい</t>
    </rPh>
    <rPh sb="2" eb="4">
      <t>しえん</t>
    </rPh>
    <rPh sb="4" eb="6">
      <t>くぶん</t>
    </rPh>
    <rPh sb="6" eb="7">
      <t>とう</t>
    </rPh>
    <rPh sb="7" eb="9">
      <t>にんてい</t>
    </rPh>
    <rPh sb="9" eb="12">
      <t>しんさかい</t>
    </rPh>
    <rPh sb="12" eb="14">
      <t>かにゅう</t>
    </rPh>
    <rPh sb="15" eb="17">
      <t>にのみや</t>
    </rPh>
    <rPh sb="17" eb="18">
      <t>まち</t>
    </rPh>
    <phoneticPr fontId="3" type="Hiragana" alignment="center"/>
  </si>
  <si>
    <t>リサイクルセンターの整備運営受託（二宮町）</t>
    <rPh sb="10" eb="12">
      <t>せいび</t>
    </rPh>
    <rPh sb="12" eb="14">
      <t>うんえい</t>
    </rPh>
    <rPh sb="14" eb="16">
      <t>じゅたく</t>
    </rPh>
    <rPh sb="17" eb="20">
      <t>にのみやまち</t>
    </rPh>
    <phoneticPr fontId="3" type="Hiragana" alignment="distributed"/>
  </si>
  <si>
    <t>行政不服審査会事務委託（神奈川県）</t>
    <phoneticPr fontId="3" type="Hiragana" alignment="distributed"/>
  </si>
  <si>
    <t>二宮町</t>
    <rPh sb="0" eb="3">
      <t>にのみやまち</t>
    </rPh>
    <phoneticPr fontId="3" type="Hiragana" alignment="distributed"/>
  </si>
  <si>
    <t>二宮の文字を図案化し、円と翼とにまとめて融和団結と飛躍伸長を象徴している。昭和33年4月一般公募して制定した。</t>
  </si>
  <si>
    <t>昭和33年４月20日制定</t>
  </si>
  <si>
    <t>人と暮らし、文化を育む自然が豊かな町</t>
    <rPh sb="0" eb="1">
      <t>ヒト</t>
    </rPh>
    <rPh sb="2" eb="3">
      <t>ク</t>
    </rPh>
    <rPh sb="6" eb="8">
      <t>ブンカ</t>
    </rPh>
    <rPh sb="9" eb="10">
      <t>ハグク</t>
    </rPh>
    <rPh sb="11" eb="13">
      <t>シゼン</t>
    </rPh>
    <rPh sb="14" eb="15">
      <t>ユタ</t>
    </rPh>
    <rPh sb="17" eb="18">
      <t>マチ</t>
    </rPh>
    <phoneticPr fontId="8"/>
  </si>
  <si>
    <t>259-0196</t>
  </si>
  <si>
    <t>0463(71)3311</t>
  </si>
  <si>
    <t>二宮町二宮961番地</t>
  </si>
  <si>
    <t>橘町大字小竹字豆ヶ谷津の一部、女頃橋の一部、丹蔵ヶ谷津の一部並びに大字中村原字奥ヶ入の一部</t>
    <rPh sb="0" eb="2">
      <t>たちばなまち</t>
    </rPh>
    <rPh sb="2" eb="4">
      <t>おおあざ</t>
    </rPh>
    <rPh sb="4" eb="6">
      <t>こたけ</t>
    </rPh>
    <rPh sb="6" eb="7">
      <t>じ</t>
    </rPh>
    <rPh sb="7" eb="8">
      <t>まめ</t>
    </rPh>
    <rPh sb="9" eb="11">
      <t>やつ</t>
    </rPh>
    <rPh sb="12" eb="14">
      <t>いちぶ</t>
    </rPh>
    <rPh sb="15" eb="16">
      <t>おんな</t>
    </rPh>
    <rPh sb="16" eb="17">
      <t>ごろ</t>
    </rPh>
    <rPh sb="17" eb="18">
      <t>はし</t>
    </rPh>
    <rPh sb="19" eb="21">
      <t>いちぶ</t>
    </rPh>
    <rPh sb="22" eb="23">
      <t>たん</t>
    </rPh>
    <rPh sb="23" eb="24">
      <t>ぞう</t>
    </rPh>
    <rPh sb="25" eb="27">
      <t>やつ</t>
    </rPh>
    <rPh sb="28" eb="30">
      <t>いちぶ</t>
    </rPh>
    <rPh sb="30" eb="31">
      <t>なら</t>
    </rPh>
    <rPh sb="33" eb="35">
      <t>おおあざ</t>
    </rPh>
    <rPh sb="35" eb="37">
      <t>なかむら</t>
    </rPh>
    <rPh sb="37" eb="38">
      <t>はら</t>
    </rPh>
    <rPh sb="38" eb="39">
      <t>じ</t>
    </rPh>
    <rPh sb="39" eb="40">
      <t>おく</t>
    </rPh>
    <rPh sb="41" eb="42">
      <t>い</t>
    </rPh>
    <rPh sb="43" eb="45">
      <t>いちぶ</t>
    </rPh>
    <phoneticPr fontId="3" type="Hiragana" alignment="distributed"/>
  </si>
  <si>
    <t>吾妻山公園、二宮せせらぎ公園、徳富蘇峰記念館、川勾神社、ふたみ記念館、ラディアン花の丘公園</t>
    <rPh sb="31" eb="33">
      <t>キネン</t>
    </rPh>
    <rPh sb="33" eb="34">
      <t>カン</t>
    </rPh>
    <rPh sb="40" eb="41">
      <t>ハナ</t>
    </rPh>
    <rPh sb="42" eb="43">
      <t>オカ</t>
    </rPh>
    <rPh sb="43" eb="45">
      <t>コウエン</t>
    </rPh>
    <phoneticPr fontId="8"/>
  </si>
  <si>
    <t>中里祭囃子保存会</t>
  </si>
  <si>
    <t>落花生、原木しいたけ、みかん、玉ねぎ、湘南ゴールド、二宮ブランド認定商品、湘南オリーブ</t>
    <rPh sb="19" eb="21">
      <t>しょうなん</t>
    </rPh>
    <rPh sb="37" eb="39">
      <t>しょうなん</t>
    </rPh>
    <phoneticPr fontId="3" type="Hiragana" alignment="distributed"/>
  </si>
  <si>
    <t>町制記念日　11月３日</t>
  </si>
  <si>
    <t xml:space="preserve"> </t>
  </si>
  <si>
    <t>障害支援区分等認定審査会加入（大磯町）</t>
    <rPh sb="0" eb="2">
      <t>しょうがい</t>
    </rPh>
    <rPh sb="2" eb="4">
      <t>しえん</t>
    </rPh>
    <rPh sb="4" eb="6">
      <t>くぶん</t>
    </rPh>
    <rPh sb="6" eb="7">
      <t>とう</t>
    </rPh>
    <rPh sb="7" eb="9">
      <t>にんてい</t>
    </rPh>
    <rPh sb="9" eb="12">
      <t>しんさかい</t>
    </rPh>
    <rPh sb="12" eb="14">
      <t>かにゅう</t>
    </rPh>
    <rPh sb="15" eb="17">
      <t>おおいそ</t>
    </rPh>
    <rPh sb="17" eb="18">
      <t>まち</t>
    </rPh>
    <phoneticPr fontId="3" type="Hiragana" alignment="center"/>
  </si>
  <si>
    <t>剪定枝資源化施設の整備運営受託（平塚市・大磯町）</t>
    <rPh sb="13" eb="15">
      <t>ジュタク</t>
    </rPh>
    <rPh sb="16" eb="19">
      <t>ヒラツカシ</t>
    </rPh>
    <rPh sb="20" eb="23">
      <t>オオイソマチ</t>
    </rPh>
    <phoneticPr fontId="8"/>
  </si>
  <si>
    <t>リサイクルセンターの整備運営委託（大磯町）</t>
    <rPh sb="10" eb="12">
      <t>セイビ</t>
    </rPh>
    <rPh sb="12" eb="14">
      <t>ウンエイ</t>
    </rPh>
    <rPh sb="14" eb="16">
      <t>イタク</t>
    </rPh>
    <rPh sb="17" eb="20">
      <t>オオイソチョウ</t>
    </rPh>
    <phoneticPr fontId="8"/>
  </si>
  <si>
    <t>平塚市・大磯町及び二宮町消防通信指令事務協議会加入（平塚</t>
    <rPh sb="0" eb="3">
      <t>ヒラツカシ</t>
    </rPh>
    <rPh sb="4" eb="7">
      <t>オオイソマチ</t>
    </rPh>
    <rPh sb="7" eb="8">
      <t>オヨ</t>
    </rPh>
    <rPh sb="9" eb="12">
      <t>ニノミヤマチ</t>
    </rPh>
    <rPh sb="12" eb="14">
      <t>ショウボウ</t>
    </rPh>
    <rPh sb="14" eb="16">
      <t>ツウシン</t>
    </rPh>
    <rPh sb="16" eb="18">
      <t>シレイ</t>
    </rPh>
    <rPh sb="18" eb="20">
      <t>ジム</t>
    </rPh>
    <rPh sb="20" eb="23">
      <t>キョウギカイ</t>
    </rPh>
    <rPh sb="23" eb="25">
      <t>カニュウ</t>
    </rPh>
    <rPh sb="26" eb="28">
      <t>ヒラツカ</t>
    </rPh>
    <phoneticPr fontId="8"/>
  </si>
  <si>
    <t xml:space="preserve"> </t>
    <phoneticPr fontId="8"/>
  </si>
  <si>
    <t>中井町</t>
    <rPh sb="0" eb="3">
      <t>なかいまち</t>
    </rPh>
    <phoneticPr fontId="3" type="Hiragana" alignment="distributed"/>
  </si>
  <si>
    <t>「中」と「い」をモノグラムして、円は和と協力、剣尖は向上発展を端的にあらわしたものである。
全国より募集して制定した。</t>
    <rPh sb="24" eb="25">
      <t>せん</t>
    </rPh>
    <phoneticPr fontId="3" type="Hiragana" alignment="distributed"/>
  </si>
  <si>
    <t>町民憲章（昭和55年３月１日制定）　　　　　　　　　　　　　　　　　　　　　　　　　　　　　　　　　　　　　　　　　　　　　　　　　　　　　　　　　　　　　　　　　　　　　　　　　　　　　　　　　　　　　　　　　　　美しく由緒深いゆるぎ丘陵の大自然に囲まれて住むわたくしたち中井町民は、この町を愛し、この町の調和ある発展に願いをこめて、ここに町民憲章を定めます。
１．たがいに助け合い、心のかよった平和で、“仲いい町”にしましょう。
１．心身をきたえ、健康で働くことを喜び合える、明るい町にしましょう。
１．きまりや約束を守り、よい習慣を育てて、住みよい町にしましょう。
１．緑と水を大切にし、環境を整えて、きれいな町にしましょう。
１．常に学ぶことを心がけ、教養を高めて、文化の香り豊かな町にしましょう。</t>
    <rPh sb="190" eb="191">
      <t>あ</t>
    </rPh>
    <phoneticPr fontId="3" type="Hiragana" alignment="distributed"/>
  </si>
  <si>
    <t>昭和38年５月１日制定</t>
  </si>
  <si>
    <t>一人ひとりが主役！魅力育む　里都まち♡なかい</t>
    <rPh sb="14" eb="16">
      <t xml:space="preserve"> さ　 と</t>
    </rPh>
    <phoneticPr fontId="3" type="Hiragana" alignment="distributed"/>
  </si>
  <si>
    <t>259-0197</t>
  </si>
  <si>
    <t>0465(81)1111</t>
  </si>
  <si>
    <t>中井町比奈窪56番地</t>
  </si>
  <si>
    <t>中井中央公園、震生湖、五所八幡宮、厳島湿生公園</t>
    <rPh sb="0" eb="2">
      <t>ナカイ</t>
    </rPh>
    <rPh sb="2" eb="4">
      <t>チュウオウ</t>
    </rPh>
    <rPh sb="4" eb="6">
      <t>コウエン</t>
    </rPh>
    <phoneticPr fontId="3"/>
  </si>
  <si>
    <t>鷺の舞、五所宮囃子</t>
  </si>
  <si>
    <t>五所八幡宮例大祭（4月）、蓑笠神社例大祭（4月）、竹灯篭の夕べ（5月）、美・緑なかいフェスティバル（10月）、あかりの祭典（11月）</t>
    <rPh sb="17" eb="18">
      <t>レイ</t>
    </rPh>
    <phoneticPr fontId="3"/>
  </si>
  <si>
    <t>交通安全宣言都市</t>
  </si>
  <si>
    <t>足柄東部清掃組合加入</t>
  </si>
  <si>
    <t>ゆとり宣言</t>
  </si>
  <si>
    <t>消防事務委託（小田原市）</t>
    <rPh sb="0" eb="2">
      <t>しょうぼう</t>
    </rPh>
    <rPh sb="2" eb="4">
      <t>じむ</t>
    </rPh>
    <rPh sb="4" eb="6">
      <t>いたく</t>
    </rPh>
    <rPh sb="7" eb="11">
      <t>おだわらし</t>
    </rPh>
    <phoneticPr fontId="3" type="Hiragana" alignment="distributed"/>
  </si>
  <si>
    <t>中井町非核平和宣言</t>
  </si>
  <si>
    <t>環境宣言</t>
  </si>
  <si>
    <t>障害支援区分等認定審査会加入（南足柄市・大井町・松田町・山</t>
    <rPh sb="0" eb="2">
      <t>しょうがい</t>
    </rPh>
    <rPh sb="2" eb="4">
      <t>しえん</t>
    </rPh>
    <rPh sb="4" eb="6">
      <t>くぶん</t>
    </rPh>
    <rPh sb="6" eb="7">
      <t>とう</t>
    </rPh>
    <rPh sb="7" eb="9">
      <t>にんてい</t>
    </rPh>
    <rPh sb="9" eb="12">
      <t>しんさかい</t>
    </rPh>
    <rPh sb="12" eb="14">
      <t>かにゅう</t>
    </rPh>
    <rPh sb="15" eb="16">
      <t>みなみ</t>
    </rPh>
    <rPh sb="16" eb="18">
      <t>あしがら</t>
    </rPh>
    <rPh sb="18" eb="19">
      <t>し</t>
    </rPh>
    <phoneticPr fontId="3" type="Hiragana" alignment="center"/>
  </si>
  <si>
    <t>大井町</t>
    <rPh sb="0" eb="3">
      <t>おおいまち</t>
    </rPh>
    <phoneticPr fontId="3" type="Hiragana" alignment="distributed"/>
  </si>
  <si>
    <t>大井町の頭文字「オ」と若葉をモチーフとして図案化したもので、田園都市として発展する町を特色づけるとともに町勢の躍進と町内の平和団結を象徴したものである。</t>
  </si>
  <si>
    <t>昭和40年８月25日制定</t>
  </si>
  <si>
    <t>258-8501</t>
  </si>
  <si>
    <t>0465(83)1311</t>
  </si>
  <si>
    <t>大井町金子1995番地</t>
  </si>
  <si>
    <t>おだ　しんいち</t>
    <phoneticPr fontId="3" type="Hiragana" alignment="distributed"/>
  </si>
  <si>
    <t>合体（町制施行）　相和村、金田村、曽我村大字上
　　　　　　　　　　　 大井、西大井</t>
    <rPh sb="0" eb="2">
      <t>がったい</t>
    </rPh>
    <rPh sb="3" eb="5">
      <t>ちょうせい</t>
    </rPh>
    <rPh sb="5" eb="7">
      <t>せこう</t>
    </rPh>
    <rPh sb="9" eb="10">
      <t>あい</t>
    </rPh>
    <rPh sb="10" eb="11">
      <t>わ</t>
    </rPh>
    <rPh sb="11" eb="12">
      <t>むら</t>
    </rPh>
    <rPh sb="13" eb="15">
      <t>かねだ</t>
    </rPh>
    <rPh sb="15" eb="16">
      <t>むら</t>
    </rPh>
    <rPh sb="17" eb="19">
      <t>そが</t>
    </rPh>
    <rPh sb="19" eb="20">
      <t>むら</t>
    </rPh>
    <rPh sb="20" eb="22">
      <t>おおあざ</t>
    </rPh>
    <rPh sb="22" eb="23">
      <t>じょう</t>
    </rPh>
    <rPh sb="36" eb="38">
      <t>おおい</t>
    </rPh>
    <rPh sb="39" eb="42">
      <t>にしおおい</t>
    </rPh>
    <phoneticPr fontId="3" type="Hiragana" alignment="distributed"/>
  </si>
  <si>
    <t>小田　眞一</t>
    <rPh sb="0" eb="2">
      <t>おだ</t>
    </rPh>
    <rPh sb="3" eb="5">
      <t>しんいち</t>
    </rPh>
    <phoneticPr fontId="3" type="Hiragana" alignment="distributed"/>
  </si>
  <si>
    <t>上大井祭囃子、金手祭ばやし</t>
  </si>
  <si>
    <t>めじろ</t>
    <phoneticPr fontId="3" type="Hiragana" alignment="distributed"/>
  </si>
  <si>
    <t>暴走族追放宣言都市</t>
  </si>
  <si>
    <t>松田町外三ヶ町組合加入</t>
  </si>
  <si>
    <t>松田町外二ヶ町組合加入</t>
  </si>
  <si>
    <t>足柄上衛生組合加入</t>
    <phoneticPr fontId="3" type="Hiragana" alignment="distributed"/>
  </si>
  <si>
    <t>神奈川県町村情報システム共同事業組合加入</t>
    <rPh sb="18" eb="20">
      <t>かにゅう</t>
    </rPh>
    <phoneticPr fontId="3" type="Hiragana" alignment="distributed"/>
  </si>
  <si>
    <t>公平委員会事務委託（神奈川県）</t>
    <phoneticPr fontId="3" type="Hiragana" alignment="distributed"/>
  </si>
  <si>
    <t>松田町</t>
    <rPh sb="0" eb="2">
      <t>まつだ</t>
    </rPh>
    <rPh sb="2" eb="3">
      <t>まち</t>
    </rPh>
    <phoneticPr fontId="3" type="Hiragana" alignment="distributed"/>
  </si>
  <si>
    <t>西丹沢の美しい山なみと、酒匂川の清流とを「マ」という字に形どり、二つのコ（弧）によって互いに手をつなぐ隣人融和の精神を表現している。</t>
  </si>
  <si>
    <t>昭和43年10月23日制定</t>
  </si>
  <si>
    <t>258-8585</t>
  </si>
  <si>
    <t>0465(83)1221</t>
  </si>
  <si>
    <t>松田町松田惣領2037番地</t>
  </si>
  <si>
    <t>西平畑公園、寒田神社、寄神社、最明寺史跡公園、延命寺、寄ロウバイ園、松田城址、寄七つ星ドッグラン＆カフェ</t>
    <rPh sb="23" eb="25">
      <t>えんめい</t>
    </rPh>
    <rPh sb="25" eb="26">
      <t>じ</t>
    </rPh>
    <rPh sb="27" eb="28">
      <t>き</t>
    </rPh>
    <rPh sb="32" eb="33">
      <t>えん</t>
    </rPh>
    <rPh sb="39" eb="40">
      <t>よ</t>
    </rPh>
    <rPh sb="40" eb="41">
      <t>なな</t>
    </rPh>
    <rPh sb="42" eb="43">
      <t>ほし</t>
    </rPh>
    <phoneticPr fontId="3" type="Hiragana" alignment="distributed"/>
  </si>
  <si>
    <t>松田町、寄村</t>
    <rPh sb="0" eb="2">
      <t>まつだ</t>
    </rPh>
    <rPh sb="2" eb="3">
      <t>まち</t>
    </rPh>
    <rPh sb="4" eb="5">
      <t>よ</t>
    </rPh>
    <rPh sb="5" eb="6">
      <t>むら</t>
    </rPh>
    <phoneticPr fontId="3" type="Hiragana" alignment="distributed"/>
  </si>
  <si>
    <t>本山　博幸</t>
    <phoneticPr fontId="3" type="Hiragana" alignment="distributed"/>
  </si>
  <si>
    <t>大名行列、寄祭囃子</t>
  </si>
  <si>
    <t>たしろ　こういち</t>
    <phoneticPr fontId="3" type="Hiragana" alignment="distributed"/>
  </si>
  <si>
    <t>田代　浩一</t>
    <rPh sb="0" eb="1">
      <t>た</t>
    </rPh>
    <rPh sb="1" eb="2">
      <t>だい</t>
    </rPh>
    <rPh sb="3" eb="4">
      <t>ひろし</t>
    </rPh>
    <rPh sb="4" eb="5">
      <t>いっ</t>
    </rPh>
    <phoneticPr fontId="3" type="Hiragana" alignment="distributed"/>
  </si>
  <si>
    <t>寄ロウバイまつり（1～2月）、まつだ桜まつり（2～3月）、若葉まつり（5月）、ハーブフェスティバル（6・10月）、まつだ観光まつり（8月）、まつだ産業まつり（11月）、松田きらきらフェスタ（11・12月）</t>
    <rPh sb="0" eb="1">
      <t>き</t>
    </rPh>
    <rPh sb="12" eb="13">
      <t>がつ</t>
    </rPh>
    <rPh sb="67" eb="68">
      <t>がつ</t>
    </rPh>
    <phoneticPr fontId="3" type="Hiragana" alignment="distributed"/>
  </si>
  <si>
    <t>町の木　ナンテン、町の樹（き）　サクラ</t>
    <phoneticPr fontId="8"/>
  </si>
  <si>
    <t>平成元年5月15日</t>
    <rPh sb="0" eb="2">
      <t>へいせい</t>
    </rPh>
    <rPh sb="2" eb="4">
      <t>がんねん</t>
    </rPh>
    <rPh sb="5" eb="6">
      <t>がつ</t>
    </rPh>
    <rPh sb="8" eb="9">
      <t>にち</t>
    </rPh>
    <phoneticPr fontId="3" type="Hiragana" alignment="distributed"/>
  </si>
  <si>
    <t>自治基本条例に基づく、コミュニティをさらに活性化する仕組みづくり</t>
    <rPh sb="0" eb="2">
      <t>じち</t>
    </rPh>
    <rPh sb="2" eb="4">
      <t>きほん</t>
    </rPh>
    <rPh sb="4" eb="6">
      <t>じょうれい</t>
    </rPh>
    <rPh sb="7" eb="8">
      <t>もと</t>
    </rPh>
    <rPh sb="21" eb="24">
      <t>かっせいか</t>
    </rPh>
    <rPh sb="26" eb="28">
      <t>しく</t>
    </rPh>
    <phoneticPr fontId="3" type="Hiragana" alignment="distributed"/>
  </si>
  <si>
    <t>新松田駅南口駅前広場など、新松田駅・松田駅周辺のまちづくり</t>
    <rPh sb="4" eb="5">
      <t>みなみ</t>
    </rPh>
    <rPh sb="5" eb="6">
      <t>くち</t>
    </rPh>
    <rPh sb="6" eb="8">
      <t>えきまえ</t>
    </rPh>
    <rPh sb="8" eb="10">
      <t>ひろば</t>
    </rPh>
    <rPh sb="13" eb="17">
      <t>しんまつだえき</t>
    </rPh>
    <rPh sb="18" eb="20">
      <t>まつだ</t>
    </rPh>
    <rPh sb="20" eb="21">
      <t>えき</t>
    </rPh>
    <rPh sb="21" eb="23">
      <t>しゅうへん</t>
    </rPh>
    <phoneticPr fontId="3" type="Hiragana" alignment="distributed"/>
  </si>
  <si>
    <t>飲酒運転追放の町宣言</t>
  </si>
  <si>
    <t>少年非行ゼロの町宣言</t>
  </si>
  <si>
    <t>松田町非核平和都市宣言</t>
  </si>
  <si>
    <t>オール松田おもてなし宣言</t>
    <rPh sb="3" eb="5">
      <t>マツダ</t>
    </rPh>
    <rPh sb="10" eb="12">
      <t>センゲン</t>
    </rPh>
    <phoneticPr fontId="3"/>
  </si>
  <si>
    <t>山北町</t>
    <rPh sb="0" eb="3">
      <t>やまきたまち</t>
    </rPh>
    <phoneticPr fontId="3" type="Hiragana" alignment="distributed"/>
  </si>
  <si>
    <t>山北の字を形どった図で、中の山形の方向は北を示し、下方左右に突き出している尾をとれば、そのまま山の字になり、これを真中から縦にきってみれば北の字になり全体として山北を表している。</t>
  </si>
  <si>
    <t>昭和34年２月１日制定</t>
  </si>
  <si>
    <t>258-0195</t>
  </si>
  <si>
    <t>0465(75)1122</t>
  </si>
  <si>
    <t>山北町山北1301番地4</t>
  </si>
  <si>
    <t>ゆかわ　ゆうじ</t>
  </si>
  <si>
    <t>山北町、三保村、清水村、共和村</t>
    <rPh sb="0" eb="2">
      <t>やまきた</t>
    </rPh>
    <rPh sb="2" eb="3">
      <t>まち</t>
    </rPh>
    <rPh sb="4" eb="6">
      <t>みほ</t>
    </rPh>
    <rPh sb="6" eb="7">
      <t>むら</t>
    </rPh>
    <rPh sb="8" eb="10">
      <t>しみず</t>
    </rPh>
    <rPh sb="10" eb="11">
      <t>むら</t>
    </rPh>
    <rPh sb="12" eb="14">
      <t>きょうわ</t>
    </rPh>
    <rPh sb="14" eb="15">
      <t>むら</t>
    </rPh>
    <phoneticPr fontId="3" type="Hiragana" alignment="distributed"/>
  </si>
  <si>
    <t>丹沢湖、河村城跡、洒水の滝、箒杉、大野山、中川温泉、ユーシン渓谷、檜洞丸、高松山、不老山</t>
    <phoneticPr fontId="3" type="Hiragana" alignment="distributed"/>
  </si>
  <si>
    <t>北足柄村平山</t>
    <rPh sb="0" eb="1">
      <t>きた</t>
    </rPh>
    <rPh sb="1" eb="3">
      <t>あしがら</t>
    </rPh>
    <rPh sb="3" eb="4">
      <t>むら</t>
    </rPh>
    <rPh sb="4" eb="6">
      <t>ひらやま</t>
    </rPh>
    <phoneticPr fontId="3" type="Hiragana" alignment="distributed"/>
  </si>
  <si>
    <t>松田町大字寄の一部</t>
    <rPh sb="0" eb="2">
      <t>まつだ</t>
    </rPh>
    <rPh sb="2" eb="3">
      <t>まち</t>
    </rPh>
    <rPh sb="3" eb="5">
      <t>おおあざ</t>
    </rPh>
    <rPh sb="5" eb="6">
      <t>やどりき</t>
    </rPh>
    <rPh sb="7" eb="9">
      <t>いちぶ</t>
    </rPh>
    <phoneticPr fontId="3" type="Hiragana" alignment="distributed"/>
  </si>
  <si>
    <t>ヤマドリ</t>
    <phoneticPr fontId="3" type="Hiragana" alignment="distributed"/>
  </si>
  <si>
    <t>品川区（東京都・昭和63年4月18日提携）</t>
  </si>
  <si>
    <t>足柄西部清掃組合加入</t>
  </si>
  <si>
    <t>開成町</t>
    <rPh sb="0" eb="2">
      <t>かいせい</t>
    </rPh>
    <rPh sb="2" eb="3">
      <t>まち</t>
    </rPh>
    <phoneticPr fontId="3" type="Hiragana" alignment="distributed"/>
  </si>
  <si>
    <t>円形は平和と躍進を意味し強固なる存在と永久の繁栄を期し、町民の理想と信念を表現せしめ開成の開を図案化したものである。</t>
  </si>
  <si>
    <t>昭和31年２月１日制定</t>
  </si>
  <si>
    <t>田舎モダン</t>
    <rPh sb="0" eb="2">
      <t>イナカ</t>
    </rPh>
    <phoneticPr fontId="8"/>
  </si>
  <si>
    <t>258-8502</t>
  </si>
  <si>
    <t>0465(83)2331</t>
  </si>
  <si>
    <t>開成町延沢773番地</t>
  </si>
  <si>
    <t>小田急小田原線新松田駅からバスで10分</t>
  </si>
  <si>
    <t>合体（町制施行）　酒田村、吉田島村</t>
    <rPh sb="0" eb="2">
      <t>がったい</t>
    </rPh>
    <rPh sb="3" eb="5">
      <t>ちょうせい</t>
    </rPh>
    <rPh sb="5" eb="7">
      <t>せこう</t>
    </rPh>
    <rPh sb="9" eb="11">
      <t>さかた</t>
    </rPh>
    <rPh sb="11" eb="12">
      <t>むら</t>
    </rPh>
    <rPh sb="13" eb="15">
      <t>よしだ</t>
    </rPh>
    <rPh sb="15" eb="16">
      <t>じま</t>
    </rPh>
    <rPh sb="16" eb="17">
      <t>むら</t>
    </rPh>
    <phoneticPr fontId="3" type="Hiragana" alignment="distributed"/>
  </si>
  <si>
    <t>あしがり郷瀬戸屋敷、あじさいの里</t>
  </si>
  <si>
    <t>開成水神雷太鼓</t>
  </si>
  <si>
    <t>瀬戸屋敷ひなまつり（2～3月）、開成町あじさいまつり（6月）、開成町阿波おどり（9月）</t>
    <rPh sb="18" eb="19">
      <t>まち</t>
    </rPh>
    <rPh sb="33" eb="34">
      <t>まち</t>
    </rPh>
    <phoneticPr fontId="3" type="Hiragana" alignment="distributed"/>
  </si>
  <si>
    <t>しいがし</t>
    <phoneticPr fontId="8"/>
  </si>
  <si>
    <t>魅力ある観光・交流拠点づくりの促進</t>
    <rPh sb="0" eb="2">
      <t>ミリョク</t>
    </rPh>
    <rPh sb="4" eb="6">
      <t>カンコウ</t>
    </rPh>
    <rPh sb="7" eb="9">
      <t>コウリュウ</t>
    </rPh>
    <rPh sb="9" eb="11">
      <t>キョテン</t>
    </rPh>
    <rPh sb="15" eb="17">
      <t>ソクシン</t>
    </rPh>
    <phoneticPr fontId="8"/>
  </si>
  <si>
    <t>子育て環境の充実</t>
    <rPh sb="0" eb="2">
      <t>コソダ</t>
    </rPh>
    <rPh sb="3" eb="5">
      <t>カンキョウ</t>
    </rPh>
    <rPh sb="6" eb="8">
      <t>ジュウジツ</t>
    </rPh>
    <phoneticPr fontId="8"/>
  </si>
  <si>
    <t>魅力ある教育の推進</t>
    <rPh sb="0" eb="2">
      <t>みりょく</t>
    </rPh>
    <rPh sb="4" eb="6">
      <t>きょういく</t>
    </rPh>
    <rPh sb="7" eb="9">
      <t>すいしん</t>
    </rPh>
    <phoneticPr fontId="3" type="Hiragana" alignment="distributed"/>
  </si>
  <si>
    <t>消防事務委託（小田原市）</t>
    <rPh sb="0" eb="2">
      <t>ショウボウ</t>
    </rPh>
    <rPh sb="2" eb="4">
      <t>ジム</t>
    </rPh>
    <rPh sb="4" eb="6">
      <t>イタク</t>
    </rPh>
    <rPh sb="7" eb="11">
      <t>オダワラシ</t>
    </rPh>
    <phoneticPr fontId="8"/>
  </si>
  <si>
    <t>箱根町</t>
    <rPh sb="0" eb="3">
      <t>はこねまち</t>
    </rPh>
    <phoneticPr fontId="3" type="Hiragana" alignment="distributed"/>
  </si>
  <si>
    <t>中央の三角は｢ハ」を表すとともに箱根連峰を示し、まるい｢コ」をもって平和な町を表現している。</t>
  </si>
  <si>
    <t>昭和33年２月11日制定</t>
  </si>
  <si>
    <t>やすらぎとおもてなしのあふれる町－箱根</t>
    <phoneticPr fontId="3" type="Hiragana" alignment="distributed"/>
  </si>
  <si>
    <t>250-0398</t>
  </si>
  <si>
    <t>0460(85)7111</t>
  </si>
  <si>
    <t>箱根町湯本256番地</t>
  </si>
  <si>
    <t>箱根町、元箱根村、芦之湯村</t>
    <rPh sb="0" eb="3">
      <t>はこねまち</t>
    </rPh>
    <rPh sb="4" eb="5">
      <t>もと</t>
    </rPh>
    <rPh sb="5" eb="7">
      <t>はこね</t>
    </rPh>
    <rPh sb="7" eb="8">
      <t>むら</t>
    </rPh>
    <rPh sb="9" eb="10">
      <t>あし</t>
    </rPh>
    <rPh sb="10" eb="11">
      <t>の</t>
    </rPh>
    <rPh sb="11" eb="13">
      <t>ゆむら</t>
    </rPh>
    <phoneticPr fontId="3" type="Hiragana" alignment="distributed"/>
  </si>
  <si>
    <t>湯本町、温泉村、宮城野村、仙石原村、箱根町</t>
    <rPh sb="0" eb="2">
      <t>ゆもと</t>
    </rPh>
    <rPh sb="2" eb="3">
      <t>まち</t>
    </rPh>
    <rPh sb="4" eb="6">
      <t>おんせん</t>
    </rPh>
    <rPh sb="6" eb="7">
      <t>むら</t>
    </rPh>
    <rPh sb="8" eb="9">
      <t>みや</t>
    </rPh>
    <rPh sb="9" eb="10">
      <t>しろ</t>
    </rPh>
    <rPh sb="10" eb="11">
      <t>の</t>
    </rPh>
    <rPh sb="11" eb="12">
      <t>むら</t>
    </rPh>
    <rPh sb="13" eb="15">
      <t>せんごく</t>
    </rPh>
    <rPh sb="15" eb="16">
      <t>はら</t>
    </rPh>
    <rPh sb="16" eb="17">
      <t>むら</t>
    </rPh>
    <rPh sb="18" eb="21">
      <t>はこねまち</t>
    </rPh>
    <phoneticPr fontId="3" type="Hiragana" alignment="distributed"/>
  </si>
  <si>
    <t>箱根関跡、箱根旧街道、元箱根石仏・石塔群</t>
  </si>
  <si>
    <t>箱根湯立獅子舞、箱根大名行列、強羅子供ばやし、湖水まつり</t>
  </si>
  <si>
    <t>ハコネバラ</t>
  </si>
  <si>
    <t>ヤマザクラ</t>
  </si>
  <si>
    <t>健康生活の推進</t>
    <rPh sb="0" eb="2">
      <t>けんこう</t>
    </rPh>
    <rPh sb="2" eb="4">
      <t>せいかつ</t>
    </rPh>
    <rPh sb="5" eb="7">
      <t>すいしん</t>
    </rPh>
    <phoneticPr fontId="3" type="Hiragana" alignment="distributed"/>
  </si>
  <si>
    <t>観光美化推進都市宣言</t>
  </si>
  <si>
    <t>箱根町観光美化憲章</t>
    <rPh sb="0" eb="2">
      <t>はこね</t>
    </rPh>
    <rPh sb="2" eb="3">
      <t>まち</t>
    </rPh>
    <rPh sb="7" eb="9">
      <t>けんしょう</t>
    </rPh>
    <phoneticPr fontId="3" type="Hiragana" alignment="distributed"/>
  </si>
  <si>
    <t>証明書等の交付等の事務相互委託（小田原市・南足柄市・大</t>
    <rPh sb="11" eb="13">
      <t>そうご</t>
    </rPh>
    <phoneticPr fontId="3" type="Hiragana" alignment="center"/>
  </si>
  <si>
    <t>箱根町非核平和都市宣言</t>
    <rPh sb="0" eb="2">
      <t>はこね</t>
    </rPh>
    <rPh sb="2" eb="3">
      <t>まち</t>
    </rPh>
    <rPh sb="3" eb="5">
      <t>ひかく</t>
    </rPh>
    <rPh sb="5" eb="7">
      <t>へいわ</t>
    </rPh>
    <rPh sb="7" eb="9">
      <t>とし</t>
    </rPh>
    <rPh sb="9" eb="11">
      <t>せんげん</t>
    </rPh>
    <phoneticPr fontId="3" type="Hiragana" alignment="distributed"/>
  </si>
  <si>
    <t>箱根町健康都市宣言</t>
  </si>
  <si>
    <t>障害支援区分認定審査会加入（小田原市・真鶴町・湯河原町）</t>
    <rPh sb="0" eb="2">
      <t>しょうがい</t>
    </rPh>
    <rPh sb="2" eb="4">
      <t>しえん</t>
    </rPh>
    <rPh sb="4" eb="6">
      <t>くぶん</t>
    </rPh>
    <rPh sb="6" eb="8">
      <t>にんてい</t>
    </rPh>
    <rPh sb="8" eb="11">
      <t>しんさかい</t>
    </rPh>
    <rPh sb="11" eb="13">
      <t>かにゅう</t>
    </rPh>
    <rPh sb="14" eb="18">
      <t>おだわらし</t>
    </rPh>
    <rPh sb="19" eb="21">
      <t>まなづる</t>
    </rPh>
    <rPh sb="21" eb="22">
      <t>まち</t>
    </rPh>
    <rPh sb="23" eb="26">
      <t>ゆがわら</t>
    </rPh>
    <rPh sb="26" eb="27">
      <t>まち</t>
    </rPh>
    <phoneticPr fontId="3" type="Hiragana" alignment="distributed"/>
  </si>
  <si>
    <t>－</t>
  </si>
  <si>
    <t>箱根町環境観光都市宣言</t>
    <rPh sb="0" eb="2">
      <t>はこね</t>
    </rPh>
    <rPh sb="2" eb="3">
      <t>まち</t>
    </rPh>
    <rPh sb="3" eb="5">
      <t>かんきょう</t>
    </rPh>
    <rPh sb="7" eb="9">
      <t>とし</t>
    </rPh>
    <rPh sb="9" eb="11">
      <t>せんげん</t>
    </rPh>
    <phoneticPr fontId="3" type="Hiragana" alignment="distributed"/>
  </si>
  <si>
    <t>真鶴町</t>
    <rPh sb="0" eb="2">
      <t>まなづる</t>
    </rPh>
    <rPh sb="2" eb="3">
      <t>まち</t>
    </rPh>
    <phoneticPr fontId="3" type="Hiragana" alignment="distributed"/>
  </si>
  <si>
    <t>全体としては鶴をかたどるとともに、羽根の部分は港を、頭の部分は港に入る船を表わしている。昭和25年10月懸賞募集して制定。</t>
  </si>
  <si>
    <t>昭和25年10月制定</t>
  </si>
  <si>
    <t>259-0202</t>
  </si>
  <si>
    <t>0465(68)1131</t>
  </si>
  <si>
    <t>真鶴町岩244番地の１</t>
  </si>
  <si>
    <t>ＪＲ東海道本線真鶴駅から徒歩8分</t>
    <phoneticPr fontId="3" type="Hiragana" alignment="distributed"/>
  </si>
  <si>
    <t>真鶴町、岩村</t>
    <rPh sb="0" eb="2">
      <t>まなづる</t>
    </rPh>
    <rPh sb="2" eb="3">
      <t>まち</t>
    </rPh>
    <rPh sb="4" eb="6">
      <t>いわむら</t>
    </rPh>
    <phoneticPr fontId="3" type="Hiragana" alignment="distributed"/>
  </si>
  <si>
    <t>真鶴岬と三ツ石海岸、貴船神社</t>
  </si>
  <si>
    <t>貴船神社の船祭り</t>
  </si>
  <si>
    <t>湯河原町真鶴町衛生組合加入</t>
  </si>
  <si>
    <t>消防事務・救急事務委託（湯河原町）</t>
    <rPh sb="5" eb="7">
      <t>きゅうきゅう</t>
    </rPh>
    <rPh sb="7" eb="9">
      <t>じむ</t>
    </rPh>
    <phoneticPr fontId="3" type="Hiragana" alignment="distributed"/>
  </si>
  <si>
    <t>火葬事務受託（湯河原町）</t>
  </si>
  <si>
    <t>共有土地の管理に係る事務受託（湯河原町）</t>
  </si>
  <si>
    <t>障害支援区分認定審査会加入（小田原市・箱根町・湯河原町）</t>
    <rPh sb="0" eb="2">
      <t>しょうがい</t>
    </rPh>
    <rPh sb="2" eb="4">
      <t>しえん</t>
    </rPh>
    <rPh sb="4" eb="6">
      <t>くぶん</t>
    </rPh>
    <rPh sb="6" eb="8">
      <t>にんてい</t>
    </rPh>
    <rPh sb="8" eb="11">
      <t>しんさかい</t>
    </rPh>
    <rPh sb="11" eb="13">
      <t>かにゅう</t>
    </rPh>
    <rPh sb="14" eb="18">
      <t>おだわらし</t>
    </rPh>
    <rPh sb="19" eb="21">
      <t>はこね</t>
    </rPh>
    <rPh sb="21" eb="22">
      <t>まち</t>
    </rPh>
    <rPh sb="23" eb="26">
      <t>ゆがわら</t>
    </rPh>
    <rPh sb="26" eb="27">
      <t>まち</t>
    </rPh>
    <phoneticPr fontId="3" type="Hiragana" alignment="distributed"/>
  </si>
  <si>
    <t>湯河原町</t>
    <rPh sb="0" eb="4">
      <t>ゆがわらまち</t>
    </rPh>
    <phoneticPr fontId="3" type="Hiragana" alignment="distributed"/>
  </si>
  <si>
    <t>昭和36年３月28日制定</t>
  </si>
  <si>
    <t>湯けむりと笑顔あふれる四季彩のまち　湯河原</t>
  </si>
  <si>
    <t>259-0392</t>
  </si>
  <si>
    <t>0465(63)2111</t>
  </si>
  <si>
    <t>湯河原町中央二丁目2番地1</t>
  </si>
  <si>
    <t>福浦村、湯河原町、吉浜町</t>
    <rPh sb="0" eb="2">
      <t>ふくうら</t>
    </rPh>
    <rPh sb="2" eb="3">
      <t>むら</t>
    </rPh>
    <rPh sb="4" eb="8">
      <t>ゆがわらまち</t>
    </rPh>
    <rPh sb="9" eb="10">
      <t>きち</t>
    </rPh>
    <rPh sb="10" eb="12">
      <t>はまのまち</t>
    </rPh>
    <phoneticPr fontId="3" type="Hiragana" alignment="distributed"/>
  </si>
  <si>
    <t>吉浜の鹿島踊、鍛冶屋鹿島踊り、やっさ踊り、焼亡の舞</t>
    <rPh sb="7" eb="10">
      <t>かじや</t>
    </rPh>
    <rPh sb="10" eb="12">
      <t>かしま</t>
    </rPh>
    <rPh sb="12" eb="13">
      <t>おど</t>
    </rPh>
    <phoneticPr fontId="3" type="Hiragana" alignment="distributed"/>
  </si>
  <si>
    <t>三原市（広島県・昭和51年8月7日提携）、忠州市（大韓民国・平成6年11月28日提携）、ポートスティーブンス市（オーストラリア・平成10年11月13日提携）、立山町（富山県・平成15年11月1日提携）、豊島区（東京都・平成27年2月21日提携）、ティヴォリ市（イタリア・平成28年9月16日提携）</t>
    <rPh sb="101" eb="104">
      <t>としまく</t>
    </rPh>
    <rPh sb="105" eb="108">
      <t>とうきょうと</t>
    </rPh>
    <rPh sb="109" eb="111">
      <t>へいせい</t>
    </rPh>
    <rPh sb="113" eb="114">
      <t>ねん</t>
    </rPh>
    <rPh sb="115" eb="116">
      <t>がつ</t>
    </rPh>
    <rPh sb="118" eb="119">
      <t>にち</t>
    </rPh>
    <rPh sb="119" eb="121">
      <t>ていけい</t>
    </rPh>
    <phoneticPr fontId="3" type="Hiragana" alignment="distributed"/>
  </si>
  <si>
    <t>湯河原町非核兵器宣言</t>
  </si>
  <si>
    <t>湯河原町｢ほたるの里」宣言</t>
  </si>
  <si>
    <t>湯河原町｢小京都」宣言</t>
  </si>
  <si>
    <t>消防事務・救急事務受託（真鶴町）</t>
    <rPh sb="5" eb="7">
      <t>きゅうきゅう</t>
    </rPh>
    <rPh sb="7" eb="9">
      <t>じむ</t>
    </rPh>
    <phoneticPr fontId="3" type="Hiragana" alignment="distributed"/>
  </si>
  <si>
    <t>食文化推進宣言</t>
  </si>
  <si>
    <t>火葬事務委託（真鶴町）</t>
  </si>
  <si>
    <t>共有土地の管理に係る事務委託（真鶴町）</t>
  </si>
  <si>
    <t>救急事務受託（静岡県熱海市）</t>
    <rPh sb="7" eb="9">
      <t>しずおか</t>
    </rPh>
    <rPh sb="9" eb="10">
      <t>けん</t>
    </rPh>
    <phoneticPr fontId="3" type="Hiragana" alignment="distributed"/>
  </si>
  <si>
    <t>障害支援区分認定審査会加入（小田原市・箱根町・真鶴町）</t>
    <rPh sb="0" eb="2">
      <t>しょうがい</t>
    </rPh>
    <rPh sb="2" eb="4">
      <t>しえん</t>
    </rPh>
    <rPh sb="4" eb="6">
      <t>くぶん</t>
    </rPh>
    <rPh sb="6" eb="8">
      <t>にんてい</t>
    </rPh>
    <rPh sb="8" eb="11">
      <t>しんさかい</t>
    </rPh>
    <rPh sb="11" eb="13">
      <t>かにゅう</t>
    </rPh>
    <rPh sb="14" eb="18">
      <t>おだわらし</t>
    </rPh>
    <rPh sb="19" eb="21">
      <t>はこね</t>
    </rPh>
    <rPh sb="21" eb="22">
      <t>まち</t>
    </rPh>
    <rPh sb="23" eb="25">
      <t>まなづる</t>
    </rPh>
    <rPh sb="25" eb="26">
      <t>まち</t>
    </rPh>
    <phoneticPr fontId="3" type="Hiragana" alignment="distributed"/>
  </si>
  <si>
    <t>愛川町</t>
    <rPh sb="0" eb="3">
      <t>あいかわまち</t>
    </rPh>
    <phoneticPr fontId="3" type="Hiragana" alignment="distributed"/>
  </si>
  <si>
    <t>昭和27年６月10日制定</t>
  </si>
  <si>
    <t>243-0392</t>
  </si>
  <si>
    <t>046(285)2111</t>
  </si>
  <si>
    <t>愛川町角田251番地1</t>
  </si>
  <si>
    <t>小田急小田原線本厚木駅からバスで40分、海老名駅からバスで50分
ＪＲ相模線上溝駅からバスで35分
ＪＲ横浜線淵野辺駅からバスで50分</t>
    <rPh sb="18" eb="19">
      <t>ふん</t>
    </rPh>
    <phoneticPr fontId="3" type="Hiragana" alignment="distributed"/>
  </si>
  <si>
    <t>八菅山と八菅神社、塩川の滝、三増合戦場跡</t>
  </si>
  <si>
    <t>おのざわ　ゆたか</t>
    <phoneticPr fontId="3" type="Hiragana" alignment="distributed"/>
  </si>
  <si>
    <t>愛川町、高峰村</t>
    <rPh sb="0" eb="3">
      <t>あいかわまち</t>
    </rPh>
    <rPh sb="6" eb="7">
      <t>むら</t>
    </rPh>
    <phoneticPr fontId="3" type="Hiragana" alignment="distributed"/>
  </si>
  <si>
    <t>小野澤　豊</t>
    <rPh sb="0" eb="3">
      <t>おのざわ</t>
    </rPh>
    <rPh sb="4" eb="5">
      <t>ゆた</t>
    </rPh>
    <phoneticPr fontId="3" type="Hiragana" alignment="distributed"/>
  </si>
  <si>
    <t>中津村</t>
    <rPh sb="0" eb="2">
      <t>なかつ</t>
    </rPh>
    <rPh sb="2" eb="3">
      <t>むら</t>
    </rPh>
    <phoneticPr fontId="3" type="Hiragana" alignment="distributed"/>
  </si>
  <si>
    <t>三増の獅子舞</t>
  </si>
  <si>
    <t>厚木市下川入字一ノ域の一部及び字二ノ域の一部</t>
    <rPh sb="0" eb="3">
      <t>あつぎし</t>
    </rPh>
    <rPh sb="3" eb="4">
      <t>した</t>
    </rPh>
    <rPh sb="4" eb="5">
      <t>がわ</t>
    </rPh>
    <rPh sb="5" eb="6">
      <t>い</t>
    </rPh>
    <rPh sb="6" eb="7">
      <t>じ</t>
    </rPh>
    <rPh sb="7" eb="8">
      <t>いち</t>
    </rPh>
    <rPh sb="9" eb="10">
      <t>いき</t>
    </rPh>
    <rPh sb="11" eb="13">
      <t>いちぶ</t>
    </rPh>
    <rPh sb="13" eb="14">
      <t>およ</t>
    </rPh>
    <rPh sb="15" eb="16">
      <t>じ</t>
    </rPh>
    <rPh sb="16" eb="17">
      <t>に</t>
    </rPh>
    <rPh sb="18" eb="19">
      <t>いき</t>
    </rPh>
    <rPh sb="20" eb="22">
      <t>いちぶ</t>
    </rPh>
    <phoneticPr fontId="3" type="Hiragana" alignment="distributed"/>
  </si>
  <si>
    <t>町制記念日　１月15日</t>
  </si>
  <si>
    <t>立科町（長野県・昭和62年2月5日提携）</t>
  </si>
  <si>
    <t>町民みなスポーツの町宣言</t>
  </si>
  <si>
    <t>(平成元年4月8日制定)</t>
  </si>
  <si>
    <t>厚木愛甲環境施設組合加入</t>
  </si>
  <si>
    <t>愛川平和の町宣言</t>
  </si>
  <si>
    <t>応急手当普及推進の町　愛川宣言</t>
    <rPh sb="11" eb="13">
      <t>あいかわ</t>
    </rPh>
    <phoneticPr fontId="3" type="Hiragana" alignment="distributed"/>
  </si>
  <si>
    <t>愛川町健康のまち宣言</t>
    <rPh sb="0" eb="2">
      <t>あいかわ</t>
    </rPh>
    <rPh sb="2" eb="3">
      <t>まち</t>
    </rPh>
    <rPh sb="3" eb="5">
      <t>けんこう</t>
    </rPh>
    <rPh sb="8" eb="10">
      <t>せんげん</t>
    </rPh>
    <phoneticPr fontId="3" type="Hiragana" alignment="distributed"/>
  </si>
  <si>
    <t>清川村</t>
    <rPh sb="0" eb="3">
      <t>きよかわむら</t>
    </rPh>
    <phoneticPr fontId="3" type="Hiragana" alignment="distributed"/>
  </si>
  <si>
    <t>丹沢山塊に囲まれた清川村をイメージし、頭に突起するのが丹沢山の頂上、これを源にして清い川が渓谷美をつくり、円満な村として発展することを象徴しています。外側が｢キ」、横半分が｢ヨ」、縦３本が｢川」を図案化したものです。</t>
    <phoneticPr fontId="3" type="Hiragana" alignment="distributed"/>
  </si>
  <si>
    <t>【村民憲章】</t>
    <rPh sb="1" eb="3">
      <t>そんみん</t>
    </rPh>
    <rPh sb="3" eb="5">
      <t>けんしょう</t>
    </rPh>
    <phoneticPr fontId="3" type="Hiragana" alignment="distributed"/>
  </si>
  <si>
    <t>昭和35年３月31日制定</t>
  </si>
  <si>
    <t>243-0195</t>
  </si>
  <si>
    <t>046(288)1211</t>
  </si>
  <si>
    <t>清川村煤ヶ谷2216番地</t>
  </si>
  <si>
    <t>小田急小田原線本厚木駅からバスで30分</t>
  </si>
  <si>
    <t>村 　長</t>
    <rPh sb="0" eb="1">
      <t>むら</t>
    </rPh>
    <rPh sb="3" eb="4">
      <t>ちょう</t>
    </rPh>
    <phoneticPr fontId="3" type="Hiragana" alignment="distributed"/>
  </si>
  <si>
    <t>煤ヶ谷村、宮ヶ瀬村</t>
    <rPh sb="0" eb="1">
      <t>すす</t>
    </rPh>
    <rPh sb="2" eb="3">
      <t>たに</t>
    </rPh>
    <rPh sb="3" eb="4">
      <t>むら</t>
    </rPh>
    <rPh sb="5" eb="6">
      <t>みや</t>
    </rPh>
    <rPh sb="7" eb="8">
      <t>せ</t>
    </rPh>
    <rPh sb="8" eb="9">
      <t>むら</t>
    </rPh>
    <phoneticPr fontId="3" type="Hiragana" alignment="distributed"/>
  </si>
  <si>
    <t>道の駅「清川」、宮ヶ瀬湖、丹沢札掛のモミ・堂平のブナの原生林、八幡神社の社叢林、煤ケ谷のしばの大木、水の郷大噴水「虹の妖精」</t>
    <rPh sb="0" eb="1">
      <t>ミチ</t>
    </rPh>
    <rPh sb="2" eb="3">
      <t>エキ</t>
    </rPh>
    <rPh sb="4" eb="6">
      <t>キヨカワ</t>
    </rPh>
    <rPh sb="8" eb="11">
      <t>ミヤガセ</t>
    </rPh>
    <rPh sb="11" eb="12">
      <t>コ</t>
    </rPh>
    <rPh sb="13" eb="15">
      <t>タンザワ</t>
    </rPh>
    <rPh sb="15" eb="16">
      <t>サツ</t>
    </rPh>
    <rPh sb="16" eb="17">
      <t>カカリ</t>
    </rPh>
    <rPh sb="21" eb="23">
      <t>ドウヒラ</t>
    </rPh>
    <rPh sb="27" eb="30">
      <t>ゲンセイリン</t>
    </rPh>
    <rPh sb="31" eb="33">
      <t>ハチマン</t>
    </rPh>
    <rPh sb="33" eb="35">
      <t>ジンジャ</t>
    </rPh>
    <rPh sb="36" eb="37">
      <t>シャ</t>
    </rPh>
    <rPh sb="37" eb="38">
      <t>クサムラ</t>
    </rPh>
    <rPh sb="38" eb="39">
      <t>バヤシ</t>
    </rPh>
    <rPh sb="40" eb="43">
      <t>ススガヤ</t>
    </rPh>
    <rPh sb="47" eb="49">
      <t>タイボク</t>
    </rPh>
    <rPh sb="50" eb="51">
      <t>ミズ</t>
    </rPh>
    <rPh sb="52" eb="53">
      <t>ゴウ</t>
    </rPh>
    <rPh sb="53" eb="56">
      <t>ダイフンスイ</t>
    </rPh>
    <rPh sb="57" eb="58">
      <t>ニジ</t>
    </rPh>
    <rPh sb="59" eb="61">
      <t>ヨウセイ</t>
    </rPh>
    <phoneticPr fontId="3"/>
  </si>
  <si>
    <t>岩澤　吉美</t>
    <rPh sb="0" eb="2">
      <t>いわさわ</t>
    </rPh>
    <rPh sb="3" eb="4">
      <t>よし</t>
    </rPh>
    <rPh sb="4" eb="5">
      <t>み</t>
    </rPh>
    <phoneticPr fontId="3" type="Hiragana" alignment="distributed"/>
  </si>
  <si>
    <t>青龍祭</t>
  </si>
  <si>
    <t>副村長</t>
    <rPh sb="0" eb="1">
      <t>ふく</t>
    </rPh>
    <rPh sb="1" eb="3">
      <t>そんちょう</t>
    </rPh>
    <phoneticPr fontId="3" type="Hiragana" alignment="distributed"/>
  </si>
  <si>
    <t>ミツバツツジ</t>
  </si>
  <si>
    <t>イロハモミジ</t>
  </si>
  <si>
    <t>ウグイス</t>
  </si>
  <si>
    <t>非核平和の村宣言</t>
  </si>
  <si>
    <t>消防事務委託（厚木市）</t>
    <rPh sb="7" eb="10">
      <t>あつぎし</t>
    </rPh>
    <phoneticPr fontId="3" type="Hiragana" alignment="distributed"/>
  </si>
  <si>
    <t>行政不服審査会事務委託（神奈川県）</t>
    <phoneticPr fontId="8"/>
  </si>
  <si>
    <t>山田　成宣</t>
    <rPh sb="0" eb="2">
      <t>やまだ</t>
    </rPh>
    <rPh sb="3" eb="4">
      <t>しげる</t>
    </rPh>
    <rPh sb="4" eb="5">
      <t>せん</t>
    </rPh>
    <phoneticPr fontId="3" type="Hiragana" alignment="distributed"/>
  </si>
  <si>
    <t>田中　俊一</t>
    <rPh sb="0" eb="2">
      <t>たなか</t>
    </rPh>
    <rPh sb="3" eb="5">
      <t>しゅんいち</t>
    </rPh>
    <phoneticPr fontId="3" type="Hiragana" alignment="distributed"/>
  </si>
  <si>
    <t>いのち”育み”　未来へ”ツナグ”　進化”つづける”故郷</t>
    <rPh sb="4" eb="5">
      <t>ハグク</t>
    </rPh>
    <rPh sb="8" eb="10">
      <t>ミライ</t>
    </rPh>
    <rPh sb="17" eb="19">
      <t>シンカ</t>
    </rPh>
    <rPh sb="25" eb="27">
      <t>フルサト</t>
    </rPh>
    <phoneticPr fontId="3"/>
  </si>
  <si>
    <t>横浜市中区本町６丁目50番地の10</t>
    <rPh sb="5" eb="7">
      <t>ほんまち</t>
    </rPh>
    <rPh sb="8" eb="10">
      <t>ちょうめ</t>
    </rPh>
    <rPh sb="12" eb="14">
      <t>ばんち</t>
    </rPh>
    <phoneticPr fontId="3" type="Hiragana" alignment="distributed"/>
  </si>
  <si>
    <t>浜なし、コマツナ、シウマイ　等</t>
    <phoneticPr fontId="3"/>
  </si>
  <si>
    <t>日光市（栃木県・平成18年10月20日提携）、八王子市・寄居町（東京都・埼玉県・平成28年10月1日提携）、チュラビスタ市（アメリカ・昭和56年11月8日提携）、ノーザンビーチーズ市（オーストラリア・平成3年提携）</t>
    <phoneticPr fontId="3" type="Hiragana" alignment="distributed"/>
  </si>
  <si>
    <t>https://www.city.chigasaki.kanagawa.jp/</t>
    <phoneticPr fontId="3" type="Hiragana" alignment="distributed"/>
  </si>
  <si>
    <t>まぐろ、大漁旗、だいこん、すいか、松輪サバ、キンメダイ、ひじき、わかめ、とろまん、さざえ、あわび、キャベツ、かぼちゃ、まぐろの味噌漬・粕漬・角煮、アジ、ひもの、浅づけたくあん、まぐろラーメン、トロちまき、イセエビ、しらす</t>
    <rPh sb="70" eb="72">
      <t>かくに</t>
    </rPh>
    <rPh sb="80" eb="81">
      <t>あさ</t>
    </rPh>
    <phoneticPr fontId="3" type="Hiragana" alignment="distributed"/>
  </si>
  <si>
    <t>https://www.city.zama.kanagawa.jp/</t>
    <phoneticPr fontId="3" type="Hiragana" alignment="distributed"/>
  </si>
  <si>
    <t>https://www.town.aikawa.kanagawa.jp/</t>
    <phoneticPr fontId="3" type="Hiragana" alignment="distributed"/>
  </si>
  <si>
    <t>町民憲章（昭和56年９月30日制定）　　　　　　　　　　　　　　　　　　　　　　　　　　　　　　　　　　　　　　　　　　　　　　　　　　　　　　　　　　　　　　　　　　　　　　　　　ひかり輝く相模の海にのぞみ、緑豊かな美しい真鶴半島は、町民の心のふるさとです。　　　　　　　　　　　　　　　　　　　　　　　　　　　　　　　　　　　　　　　　　私たちは、先人からうけついだこの歴史ある町を愛し、誇りとして、いつまでも心ふれあう住みよい町にするため、ここに町民憲章を定めます。　　　　　　　　　　　　　　　　　　　　　　　　　　　　　　　　　　　　　　　　　　　　　　　　　　　　　　　　　　　　　　　　　　　　　　　　　　　　　　　　　　　１．自然と環境を大切にし、次の世代に伝えましょう。
１．健康な心と体をきたえ、仕事に誇りと責任をもちましょう。
１．お互いに仲良くし、思いやりの心を育てましょう。
１．きまりや約束を守り、平和な明るい町にしましょう。
１．教養を高め、文化の香り豊かな町にしましょう。</t>
    <phoneticPr fontId="3"/>
  </si>
  <si>
    <t>町民憲章（平成８年７月23日制定）
箱根は、富士を映す名鏡芦ノ湖や美しい山なみなど、豊かな自然と古い歴史の中で培われた文化遺産と力強い産業を持つ国際観光地です。
わたくしたちは、この恵みに感謝し、互いに助け合い、人々の幸せと、世界の平和に尽くすことのできる町づくりを目ざして、ここに町民憲章を定めます。
１　ふれあいを大切にし、笑顔で｢ありがとう」と言える人になりましょう。
2　健康で働くことをよろこび、思いやりの心を育て、明るい家庭を築きましょう。
3　責任あるみんなの発言と行動によって、活力のある住みよい町をつくりましょう。
4　豊かな自然と文化を守り、育て、次の世代に伝えましょう。
5　国際感覚を養い、世界の平和に貢献しましょう。</t>
    <phoneticPr fontId="3" type="Hiragana" alignment="distributed"/>
  </si>
  <si>
    <t>町民憲章（昭和60年９月18日制定）　　　　　　　　　　　　　　　　　　　　　　　　　　　　　　　　　　　　　　　　　　　　　　　　　　　　　　　　　　　　　　　　　　　　　　　　　　　　　　　　　　　　　　　　　　　わたくしたちは、国定公園西丹沢の「心のふれ合う水と緑の町やまきた」の町民です。
先人の築いた歴史と風土に誇りを持ち、明るく住みよい町として限りない発展を願い、ここに町民憲章を定めます。
１．恵まれた自然を大切にし、美しいまちをつくります。
１．情操ゆたかな、文化のまちをつくります。
１．きまりを守り、礼儀正しいまちをつくります。
１．仕事にはげみ、活力のあるまちをつくります。
１．思いやりと笑顔のあふれるまちをつくります。</t>
    <phoneticPr fontId="3"/>
  </si>
  <si>
    <t>町民憲章（昭和61年９月24日制定）　　　　　　　　　　　　　　　　　　　　　　　　　　　　　　　　　　　　　　　　　　　　　　　　　　　　　　　　　　　　　　　　　　　　　　　　　　　　　　　　　　　　　　　　　古くは「大井の庄」と呼ばれたわたくしたちのふるさと大井町を、わたくしたちは、こよなく愛します。
わたくしたちは、豊かな自然環境に恵まれ、文化の香りたかい町をめざす大井町民であることを誇りとし、より美しく、より住みよい町として、調和ある発展を願い、ここに町民憲章を定めます。
１．恵まれた自然を大切にし、やすらぎのあるまちにしましょう。
１．きまりや約束を守り、よい習慣を育てるまちにしましょう。
１．たがいに助けあい、心のふれあうまちにしましょう。
１．つねに学びあい、清新な文化のまちにしましょう。
１．“夢おおい未来”をめざし、活力に満ちたまちにしましょう。</t>
    <phoneticPr fontId="3"/>
  </si>
  <si>
    <t>町民憲章（昭和56年１月１日制定）　　　　　　　　　　　　　　　　　　　　　　　　　　　　　　　　　　　　　　　　　　　　　　　　　　　　　　　　　　　　　　　　　　　　　　　　　　　　　　　　　　　　　　　　　わたくしたちは、高麗、鷹取の山なみや、こゆるぎの浜に象徴される美しい自然と、由緒ある歴史、文化に恵まれた大磯の地を愛し、誇りとし、更に住みよいまちづくりを目指して、ここに町民憲章を定めます。
１　恵まれた自然と伝統を守り、文化の向上に努め、豊かなまちにしましょう。
１　公徳心と心のふれあいをたかめ、世界に誇れる美しいまちにしましょう。
１　心とからだをきたえ、健康で働くことを喜びあえる明るいまちにしましょう。</t>
    <phoneticPr fontId="3"/>
  </si>
  <si>
    <t>市民憲章（昭和53年11月１日制定）　　　　　　　　　　　　　　　　　　　　　　　　　　　　　　　　　　　　　　　　　　　　　　　　　　　　　　　　　　　　　　　　　　　　　　　　　　　　　　　　　　　　　　　　　　　　　　　　　　　　　　　　　　　　　　　　　　　私たちは、相模野の恵まれた緑をたいせつにし、自然と文化の調和した都市「綾瀬」の発展をねがいここに市民憲章を定めます。
１．みんなで助け合い、明るい“まち”にしましょう。
１．教育をすすめ、文化の高い“まち”にしましょう。
１．産業をのばし、豊かな“まち”にしましょう。
１．環境をととのえ、きれいな“まち”にしましょう。
１．きまりを守り、住みよい“まち”にしましょう。</t>
    <phoneticPr fontId="3"/>
  </si>
  <si>
    <t>市民憲章（昭和47年４月１日制定）　　　　　　　　　　　　　　　　　　　　　　　　　　　　　　　　　　　　　　　　　　　　　　　　　　　　　　　　　　　　　　　　　　　　　　　　　　　　　　　　　　　　　　　　わたくしたち南足柄市民は、恵まれた郷土の自然を生かし、先人の偉業を受けついで、このまちが緑豊かな明るく住みよい産業文化都市として、限りなく発展することを願い、市民としての誇りと自覚をもって、ここに市民憲章を定めます。
１．わたくしたちは、つねに心とからだをきたえ、明るいまちをつくります。
１．わたくしたちは、教養を豊かにし、文化の高いまちをつくります。
１．わたくしたちは、働くことを喜び、力づよく伸びるまちをつくります。
１．わたくしたちは、緑と自然を愛し、きれいなまちをつくります。
１．わたくしたちは、きまりを守り、力をあわせて平和で安全なまちをつくります。</t>
    <phoneticPr fontId="3"/>
  </si>
  <si>
    <t>市民憲章（昭和56年11月１日制定）　　　　　　　　　　　　　　　　　　　　　　　　　　　　　　　　　　　　　　　　　　　　　　　　　　　　　　　　　　　　　　　　　　　　　　　　　　　　　　　　　　　　　　　　　私たち座間市民は、めぐまれた自然と、文化や伝統を誇りとし、明るい街づくりのために、すべての英知をそそぐことを誓って、この憲章を定めます。
１．清らかな空と水、緑あふれる郷土を誇りとします。
１．いのちを大切にし、健やかな日々のために、力をわかちあいます。
１．仕事を生きがいとし、活力ある街をつくります。
１．学びあい、心をみがき、豊かな文化をきずきます。
１．思いやり、はげましあい、心と心の輪をひろげます。</t>
    <phoneticPr fontId="3" type="Hiragana" alignment="distributed"/>
  </si>
  <si>
    <t>行政の特色　　　　　　　　　　　　　　　　　　　　　　　　　　　　　　　　　　　　　　　　　　　　　　　　　　　　　　　　　　　　　　　　　　　　　　　　　　　　　　　　　　　　　　　　平成13年度にスタートした第４次三浦市総合計画では、「人・まち・自然の鼓動を感じる都市　みうら」を将来都市像として掲げています。
これは、本市の資源である多種多様な知恵と力にあふれた『人』、地域性に富んだ多彩な都市活動を営んでいる『まち』、青い海と緑の台地がもたらす『自然』の潜在能力を最大限に引き出し、『一体感のある都市』・『もてなしの心をもつ都市』・『住み心地のよい都市』をめざすものです。
この実現に向けて、これまでの施策分野別体系から施策目標型体系へ移行し、従来のアウトプット（実績主義）から脱却し、アウトカム（成果主義）へ転換するものです。</t>
    <phoneticPr fontId="3"/>
  </si>
  <si>
    <t>市民憲章（昭和42年10月１日制定）　　　　　　　　　　　　　　　　　　　　　　　　　　　　　　　　　　　　　　　　　　　　　　　　　　　　　　　　　　　　　　　　　　　　　　　　　　　　　　　　　　　　　　　　　　　　美しい海
きれいな空気
おだやかな四季
私たちは、このめぐまれた自然に感謝しながら、未来へ力強くはばたくための愛市憲章をここに定めます。
１．美しい自然は、私たちみんなの誇りです。
１．私たちは、元気で仲良く、きょうも働きます。
１．私たちは、きまりを守り、安全で住みよいまちづくりにはげみます。
１．私たちは、文化の花咲く、明るい平和なまちをきずきます。
１．老いも若きも手を取りあって、輝かしい明日へむかって前進しましょう。</t>
    <phoneticPr fontId="3"/>
  </si>
  <si>
    <t>市民憲章（昭和51年７月20日制定）　　　　　　　　　　　　　　　　　　　　　　　　　　　　　　　　　　　　　　　　　　　　　　　　　　　　　　　　　　　　　　　　　　　　　　　　　　　　　　　　　　　　　　　　　わたくしたちは、黒潮おどる相模灘にのぞみ、梅の香におう天守閣をあおぐ「小田原」の市民です。
わたくしたちは、先人の残した文化を誇りにし、西湘の近代都市としての限りない発展に願いをこめて、ここに市民憲章を定めます。
１　健康で明るい生活を大事にし、豊かな心をそだてましょう。
１　元気で働くことを喜び、しあわせな家庭をきずきましょう。
１　隣人と仲良くし、だれにもやさしく親切にしましょう。
１　きまりを守り、力をあわせ、住みよいまちをつくりましょう。
１　緑と水を大切にし、平和な明日の繁栄につとめましょう。</t>
    <phoneticPr fontId="3"/>
  </si>
  <si>
    <t>市民憲章（昭和54年11月18日制定）　　　　　　　　　　　　　　　　　　　　　　　　　　　　　　　　　　　　　　　　　　　　　　　　　　　　　　　　　　　　　　　　　　　　　　　　　　　　　　　　　　　　　　　　わたくしたち相模原市民は　相模野の広い台地　相模川の雄大な流れ　先人より受け継いだ開拓の精神や伝統を誇りとし　敬愛と協調を高め　住みよい風格のあるまちへの　限りない発展を願つて　この市民憲章を定めます
１　青い空　あふれる緑　澄んだ水　うるおいのあるまちをつくります
１　いのちを大切にし　思いやりと笑顔で　明るいくらしを築きます
１　心とからだをきたえ　はげましあい　希望をもつて働きます
１　ものをだいじにし　きまりや約束を守ることを誇りとします
１　おたがいに学びあい　豊かな市民の文化を育てます</t>
    <phoneticPr fontId="3"/>
  </si>
  <si>
    <t>し尿・浄化槽汚泥処理事務委託（静岡県熱海市）</t>
    <rPh sb="1" eb="2">
      <t>ニョウ</t>
    </rPh>
    <rPh sb="3" eb="6">
      <t>ジョウカソウ</t>
    </rPh>
    <rPh sb="6" eb="8">
      <t>オデイ</t>
    </rPh>
    <rPh sb="8" eb="10">
      <t>ショリ</t>
    </rPh>
    <rPh sb="10" eb="12">
      <t>ジム</t>
    </rPh>
    <rPh sb="12" eb="14">
      <t>イタク</t>
    </rPh>
    <rPh sb="15" eb="18">
      <t>シズオカケン</t>
    </rPh>
    <rPh sb="18" eb="21">
      <t>アタミシ</t>
    </rPh>
    <phoneticPr fontId="3"/>
  </si>
  <si>
    <t>し尿・浄化槽汚泥処理事務委託（静岡県熱海市）</t>
    <rPh sb="1" eb="2">
      <t>ニョウ</t>
    </rPh>
    <rPh sb="3" eb="5">
      <t>ジョウカ</t>
    </rPh>
    <rPh sb="5" eb="6">
      <t>ソウ</t>
    </rPh>
    <rPh sb="6" eb="8">
      <t>オデイ</t>
    </rPh>
    <rPh sb="8" eb="10">
      <t>ショリ</t>
    </rPh>
    <rPh sb="10" eb="12">
      <t>ジム</t>
    </rPh>
    <rPh sb="12" eb="14">
      <t>イタク</t>
    </rPh>
    <rPh sb="15" eb="18">
      <t>シズオカケン</t>
    </rPh>
    <rPh sb="18" eb="21">
      <t>アタミシ</t>
    </rPh>
    <phoneticPr fontId="3"/>
  </si>
  <si>
    <t>ＪＲ横須賀線逗子駅から徒歩2分　京浜急行線逗子・葉山駅から徒歩１分</t>
    <rPh sb="20" eb="21">
      <t>せん</t>
    </rPh>
    <rPh sb="21" eb="23">
      <t>ずし</t>
    </rPh>
    <rPh sb="24" eb="26">
      <t>はやま</t>
    </rPh>
    <phoneticPr fontId="3" type="Hiragana" alignment="distributed"/>
  </si>
  <si>
    <t>沼田　力</t>
    <rPh sb="0" eb="2">
      <t>ヌマタ</t>
    </rPh>
    <rPh sb="3" eb="4">
      <t>リキ</t>
    </rPh>
    <phoneticPr fontId="3"/>
  </si>
  <si>
    <t>つるい　じゅん</t>
    <phoneticPr fontId="3"/>
  </si>
  <si>
    <t>鶴井　淳</t>
    <rPh sb="0" eb="2">
      <t>ツルイ</t>
    </rPh>
    <rPh sb="3" eb="4">
      <t>ジュン</t>
    </rPh>
    <phoneticPr fontId="3"/>
  </si>
  <si>
    <t>佐藤　弥斗</t>
    <rPh sb="0" eb="2">
      <t>さとう</t>
    </rPh>
    <rPh sb="3" eb="4">
      <t>み</t>
    </rPh>
    <rPh sb="4" eb="5">
      <t>と</t>
    </rPh>
    <phoneticPr fontId="3" type="Hiragana" alignment="distributed"/>
  </si>
  <si>
    <t>伊藤　和生</t>
    <rPh sb="0" eb="2">
      <t>いとう</t>
    </rPh>
    <rPh sb="3" eb="5">
      <t>かずお</t>
    </rPh>
    <phoneticPr fontId="3" type="Hiragana" alignment="distributed"/>
  </si>
  <si>
    <t>≪市政記念日 11月20日≫</t>
    <phoneticPr fontId="3"/>
  </si>
  <si>
    <t>町田市との行政境界</t>
    <phoneticPr fontId="3"/>
  </si>
  <si>
    <t>（令和2年9月30日制定）</t>
    <rPh sb="1" eb="3">
      <t>レイワ</t>
    </rPh>
    <rPh sb="4" eb="5">
      <t>ネン</t>
    </rPh>
    <rPh sb="6" eb="7">
      <t>ガツ</t>
    </rPh>
    <rPh sb="9" eb="10">
      <t>ニチ</t>
    </rPh>
    <rPh sb="10" eb="12">
      <t>セイテイ</t>
    </rPh>
    <phoneticPr fontId="3"/>
  </si>
  <si>
    <t>さがみはら気候非常事態宣言</t>
  </si>
  <si>
    <t>○</t>
  </si>
  <si>
    <t>まちづくりテーマ４　「都市の機能と活力を高める」（都市基盤の充実と長寿命化対策の推進等）</t>
    <rPh sb="11" eb="13">
      <t>とし</t>
    </rPh>
    <rPh sb="14" eb="16">
      <t>きのう</t>
    </rPh>
    <rPh sb="17" eb="19">
      <t>かつりょく</t>
    </rPh>
    <rPh sb="20" eb="21">
      <t>たか</t>
    </rPh>
    <rPh sb="25" eb="27">
      <t>とし</t>
    </rPh>
    <rPh sb="27" eb="29">
      <t>きばん</t>
    </rPh>
    <rPh sb="30" eb="32">
      <t>じゅうじつ</t>
    </rPh>
    <rPh sb="33" eb="37">
      <t>ちょうじゅみょうか</t>
    </rPh>
    <rPh sb="37" eb="39">
      <t>たいさく</t>
    </rPh>
    <rPh sb="40" eb="42">
      <t>すいしん</t>
    </rPh>
    <rPh sb="42" eb="43">
      <t>とう</t>
    </rPh>
    <phoneticPr fontId="3" type="Hiragana" alignment="distributed"/>
  </si>
  <si>
    <t>笑顔と活力にあふれ　みんなで未来を創るまち　茅ヶ崎</t>
    <rPh sb="0" eb="2">
      <t>エガオ</t>
    </rPh>
    <rPh sb="3" eb="5">
      <t>カツリョク</t>
    </rPh>
    <rPh sb="14" eb="16">
      <t>ミライ</t>
    </rPh>
    <rPh sb="17" eb="18">
      <t>ツク</t>
    </rPh>
    <rPh sb="22" eb="25">
      <t>チガサキ</t>
    </rPh>
    <phoneticPr fontId="3"/>
  </si>
  <si>
    <t>子育てを取り巻く環境変化への対応と切れ目のない支援</t>
    <rPh sb="0" eb="2">
      <t>コソダ</t>
    </rPh>
    <rPh sb="4" eb="5">
      <t>ト</t>
    </rPh>
    <rPh sb="6" eb="7">
      <t>マ</t>
    </rPh>
    <rPh sb="8" eb="10">
      <t>カンキョウ</t>
    </rPh>
    <rPh sb="10" eb="12">
      <t>ヘンカ</t>
    </rPh>
    <rPh sb="14" eb="16">
      <t>タイオウ</t>
    </rPh>
    <rPh sb="17" eb="18">
      <t>キ</t>
    </rPh>
    <rPh sb="19" eb="20">
      <t>メ</t>
    </rPh>
    <rPh sb="23" eb="25">
      <t>シエン</t>
    </rPh>
    <phoneticPr fontId="3"/>
  </si>
  <si>
    <t>活力ある地域経済づくり</t>
    <rPh sb="0" eb="2">
      <t>カツリョク</t>
    </rPh>
    <rPh sb="4" eb="6">
      <t>チイキ</t>
    </rPh>
    <rPh sb="6" eb="8">
      <t>ケイザイ</t>
    </rPh>
    <phoneticPr fontId="3"/>
  </si>
  <si>
    <t>超高齢社会に対応した仕組みの構築</t>
    <rPh sb="0" eb="1">
      <t>チョウ</t>
    </rPh>
    <rPh sb="1" eb="3">
      <t>コウレイ</t>
    </rPh>
    <rPh sb="3" eb="5">
      <t>シャカイ</t>
    </rPh>
    <rPh sb="6" eb="8">
      <t>タイオウ</t>
    </rPh>
    <rPh sb="10" eb="12">
      <t>シク</t>
    </rPh>
    <rPh sb="14" eb="16">
      <t>コウチク</t>
    </rPh>
    <phoneticPr fontId="3"/>
  </si>
  <si>
    <t>安全・安心の確保</t>
    <rPh sb="0" eb="2">
      <t>アンゼン</t>
    </rPh>
    <rPh sb="3" eb="5">
      <t>アンシン</t>
    </rPh>
    <rPh sb="6" eb="8">
      <t>カクホ</t>
    </rPh>
    <phoneticPr fontId="3"/>
  </si>
  <si>
    <t>持続可能な行財政運営</t>
    <rPh sb="0" eb="4">
      <t>ジゾクカノウ</t>
    </rPh>
    <rPh sb="5" eb="8">
      <t>ギョウザイセイ</t>
    </rPh>
    <rPh sb="8" eb="10">
      <t>ウンエイ</t>
    </rPh>
    <phoneticPr fontId="3"/>
  </si>
  <si>
    <t>自分らしさ輝く　希望と幸せあふれる　元気なまち　あつぎ</t>
    <rPh sb="0" eb="2">
      <t>ジブン</t>
    </rPh>
    <rPh sb="5" eb="6">
      <t>カガヤ</t>
    </rPh>
    <rPh sb="8" eb="10">
      <t>キボウ</t>
    </rPh>
    <rPh sb="11" eb="12">
      <t>シアワ</t>
    </rPh>
    <rPh sb="18" eb="20">
      <t>ゲンキ</t>
    </rPh>
    <phoneticPr fontId="3"/>
  </si>
  <si>
    <t>誰もが住み慣れた地域で自分らしく暮らせる地域包括ケア社会の実現</t>
    <rPh sb="3" eb="4">
      <t>す</t>
    </rPh>
    <rPh sb="5" eb="6">
      <t>な</t>
    </rPh>
    <rPh sb="8" eb="10">
      <t>ちいき</t>
    </rPh>
    <rPh sb="11" eb="13">
      <t>じぶん</t>
    </rPh>
    <phoneticPr fontId="3" type="Hiragana" alignment="distributed"/>
  </si>
  <si>
    <t>持続可能で多様性と包摂性のある誰一人取り残さない社会の実現</t>
    <rPh sb="0" eb="2">
      <t>じぞく</t>
    </rPh>
    <rPh sb="2" eb="4">
      <t>かのう</t>
    </rPh>
    <rPh sb="5" eb="8">
      <t>たようせい</t>
    </rPh>
    <rPh sb="9" eb="12">
      <t>ほうせつせい</t>
    </rPh>
    <rPh sb="15" eb="18">
      <t>だれひとりと</t>
    </rPh>
    <rPh sb="18" eb="21">
      <t>りのこ</t>
    </rPh>
    <rPh sb="24" eb="26">
      <t>しゃかい</t>
    </rPh>
    <rPh sb="27" eb="29">
      <t>じつげん</t>
    </rPh>
    <phoneticPr fontId="3" type="Hiragana" alignment="distributed"/>
  </si>
  <si>
    <t>安心・安全に暮らせるまちを目指した防災・減災のまちづくりの推進</t>
    <rPh sb="0" eb="2">
      <t>あんしん</t>
    </rPh>
    <rPh sb="3" eb="5">
      <t>あんぜん</t>
    </rPh>
    <rPh sb="6" eb="7">
      <t>く</t>
    </rPh>
    <rPh sb="13" eb="15">
      <t>めざ</t>
    </rPh>
    <rPh sb="17" eb="19">
      <t>ぼうさい</t>
    </rPh>
    <rPh sb="20" eb="22">
      <t>げんさい</t>
    </rPh>
    <rPh sb="29" eb="31">
      <t>すいしん</t>
    </rPh>
    <phoneticPr fontId="3" type="Hiragana" alignment="distributed"/>
  </si>
  <si>
    <t>中心市街地等の都市機能の向上及び移動しやすい交通環境の整備</t>
    <rPh sb="0" eb="2">
      <t>ちゅうしん</t>
    </rPh>
    <rPh sb="2" eb="5">
      <t>しがいち</t>
    </rPh>
    <rPh sb="5" eb="6">
      <t>とう</t>
    </rPh>
    <rPh sb="7" eb="9">
      <t>とし</t>
    </rPh>
    <rPh sb="9" eb="11">
      <t>きのう</t>
    </rPh>
    <rPh sb="12" eb="14">
      <t>こうじょう</t>
    </rPh>
    <rPh sb="14" eb="15">
      <t>およ</t>
    </rPh>
    <rPh sb="16" eb="18">
      <t>いどう</t>
    </rPh>
    <rPh sb="22" eb="24">
      <t>こうつう</t>
    </rPh>
    <rPh sb="24" eb="26">
      <t>かんきょう</t>
    </rPh>
    <rPh sb="27" eb="29">
      <t>せいび</t>
    </rPh>
    <phoneticPr fontId="3" type="Hiragana" alignment="distributed"/>
  </si>
  <si>
    <t>デジタル化の推進及び脱炭素・循環型社会の実現への取組</t>
    <rPh sb="4" eb="5">
      <t>カ</t>
    </rPh>
    <rPh sb="6" eb="8">
      <t>スイシン</t>
    </rPh>
    <rPh sb="8" eb="9">
      <t>オヨ</t>
    </rPh>
    <rPh sb="10" eb="11">
      <t>ダツ</t>
    </rPh>
    <rPh sb="11" eb="13">
      <t>タンソ</t>
    </rPh>
    <rPh sb="14" eb="17">
      <t>ジュンカンガタ</t>
    </rPh>
    <rPh sb="17" eb="19">
      <t>シャカイ</t>
    </rPh>
    <rPh sb="20" eb="22">
      <t>ジツゲン</t>
    </rPh>
    <rPh sb="24" eb="26">
      <t>トリクミ</t>
    </rPh>
    <phoneticPr fontId="3"/>
  </si>
  <si>
    <t>足柄峠、大雄山最乗寺及び杉並木、夕日の滝</t>
    <rPh sb="10" eb="11">
      <t>オヨ</t>
    </rPh>
    <phoneticPr fontId="3"/>
  </si>
  <si>
    <t>天狗せんべい、みかん、足柄茶、キウイ、いちじく、梅</t>
    <phoneticPr fontId="3"/>
  </si>
  <si>
    <t>高麗山、高来神社、旧東海道松並木、大磯港賑わい交流施設（OISO CONNECT）、照ヶ崎海岸（アオバト集団飛来地）、こゆるぎの浜、鴫立庵、旧島崎藤村邸、明治記念大磯邸園、県立大磯城山公園、旧吉田茂邸、大磯ロングビーチ、六所神社</t>
    <rPh sb="4" eb="6">
      <t>たかく</t>
    </rPh>
    <rPh sb="6" eb="8">
      <t>じんじゃ</t>
    </rPh>
    <rPh sb="17" eb="19">
      <t>おおいそ</t>
    </rPh>
    <rPh sb="19" eb="20">
      <t>こう</t>
    </rPh>
    <rPh sb="20" eb="21">
      <t>にぎ</t>
    </rPh>
    <rPh sb="23" eb="25">
      <t>こうりゅう</t>
    </rPh>
    <rPh sb="25" eb="27">
      <t>しせつ</t>
    </rPh>
    <rPh sb="42" eb="43">
      <t>てる</t>
    </rPh>
    <rPh sb="44" eb="45">
      <t>さき</t>
    </rPh>
    <rPh sb="45" eb="47">
      <t>かいがん</t>
    </rPh>
    <rPh sb="52" eb="54">
      <t>しゅうだん</t>
    </rPh>
    <rPh sb="54" eb="57">
      <t>ひらいち</t>
    </rPh>
    <rPh sb="64" eb="65">
      <t>はま</t>
    </rPh>
    <phoneticPr fontId="3" type="Hiragana" alignment="distributed"/>
  </si>
  <si>
    <t>子ども・子育て支援事業</t>
    <rPh sb="0" eb="1">
      <t>コ</t>
    </rPh>
    <rPh sb="4" eb="6">
      <t>コソダ</t>
    </rPh>
    <rPh sb="7" eb="9">
      <t>シエン</t>
    </rPh>
    <rPh sb="9" eb="11">
      <t>ジギョウ</t>
    </rPh>
    <phoneticPr fontId="3"/>
  </si>
  <si>
    <t>防災対策の強化</t>
    <rPh sb="0" eb="2">
      <t>ボウサイ</t>
    </rPh>
    <rPh sb="2" eb="4">
      <t>タイサク</t>
    </rPh>
    <rPh sb="5" eb="7">
      <t>キョウカ</t>
    </rPh>
    <phoneticPr fontId="3"/>
  </si>
  <si>
    <t>みんなでつなごう　大井の未来</t>
    <rPh sb="9" eb="11">
      <t>オオイ</t>
    </rPh>
    <rPh sb="12" eb="14">
      <t>ミライ</t>
    </rPh>
    <phoneticPr fontId="3"/>
  </si>
  <si>
    <t>駅前通り線周辺地区土地区画整理事業</t>
    <rPh sb="0" eb="2">
      <t>エキマエ</t>
    </rPh>
    <rPh sb="2" eb="3">
      <t>ドオ</t>
    </rPh>
    <rPh sb="4" eb="5">
      <t>セン</t>
    </rPh>
    <rPh sb="5" eb="7">
      <t>シュウヘン</t>
    </rPh>
    <rPh sb="7" eb="9">
      <t>チク</t>
    </rPh>
    <rPh sb="9" eb="11">
      <t>トチ</t>
    </rPh>
    <rPh sb="11" eb="13">
      <t>クカク</t>
    </rPh>
    <rPh sb="13" eb="15">
      <t>セイリ</t>
    </rPh>
    <rPh sb="15" eb="17">
      <t>ジギョウ</t>
    </rPh>
    <phoneticPr fontId="8"/>
  </si>
  <si>
    <t>過疎地域指定からの持続的発展</t>
    <rPh sb="9" eb="12">
      <t>じぞくてき</t>
    </rPh>
    <rPh sb="12" eb="14">
      <t>はってん</t>
    </rPh>
    <phoneticPr fontId="3" type="Hiragana" alignment="distributed"/>
  </si>
  <si>
    <t>魅力と活力にあふれにぎわいのあるまちづくり（観光・地域産業の振興、地方創生の推進など）</t>
    <rPh sb="0" eb="2">
      <t>みりょく</t>
    </rPh>
    <rPh sb="3" eb="5">
      <t>かつりょく</t>
    </rPh>
    <rPh sb="22" eb="24">
      <t>かんこう</t>
    </rPh>
    <rPh sb="25" eb="27">
      <t>ちいき</t>
    </rPh>
    <rPh sb="27" eb="29">
      <t>さんぎょう</t>
    </rPh>
    <rPh sb="30" eb="32">
      <t>しんこう</t>
    </rPh>
    <rPh sb="33" eb="35">
      <t>ちほう</t>
    </rPh>
    <rPh sb="35" eb="37">
      <t>そうせい</t>
    </rPh>
    <rPh sb="38" eb="40">
      <t>すいしん</t>
    </rPh>
    <phoneticPr fontId="3" type="Hiragana" alignment="distributed"/>
  </si>
  <si>
    <t>ともに支え合い笑顔で暮らせるまちづくり（保健・医療・社会保障の充実など）</t>
    <rPh sb="3" eb="4">
      <t>ササ</t>
    </rPh>
    <rPh sb="5" eb="6">
      <t>ア</t>
    </rPh>
    <rPh sb="7" eb="9">
      <t>エガオ</t>
    </rPh>
    <rPh sb="10" eb="11">
      <t>ク</t>
    </rPh>
    <rPh sb="20" eb="22">
      <t>ホケン</t>
    </rPh>
    <rPh sb="23" eb="25">
      <t>イリョウ</t>
    </rPh>
    <rPh sb="26" eb="28">
      <t>シャカイ</t>
    </rPh>
    <rPh sb="28" eb="30">
      <t>ホショウ</t>
    </rPh>
    <rPh sb="31" eb="33">
      <t>ジュウジツ</t>
    </rPh>
    <phoneticPr fontId="8"/>
  </si>
  <si>
    <t>四季彩と暮らしが調和した安全・安心のまちづくり（計画的な土地利用による自然環境の保全、持続可能な生活環境の構築など）</t>
    <rPh sb="0" eb="3">
      <t>シキサイ</t>
    </rPh>
    <rPh sb="4" eb="5">
      <t>ク</t>
    </rPh>
    <rPh sb="8" eb="10">
      <t>チョウワ</t>
    </rPh>
    <rPh sb="12" eb="14">
      <t>アンゼン</t>
    </rPh>
    <rPh sb="15" eb="17">
      <t>アンシン</t>
    </rPh>
    <rPh sb="24" eb="26">
      <t>ケイカク</t>
    </rPh>
    <rPh sb="26" eb="27">
      <t>テキ</t>
    </rPh>
    <rPh sb="28" eb="30">
      <t>トチ</t>
    </rPh>
    <rPh sb="30" eb="32">
      <t>リヨウ</t>
    </rPh>
    <rPh sb="35" eb="37">
      <t>シゼン</t>
    </rPh>
    <rPh sb="37" eb="39">
      <t>カンキョウ</t>
    </rPh>
    <rPh sb="40" eb="42">
      <t>ホゼン</t>
    </rPh>
    <rPh sb="43" eb="45">
      <t>ジゾク</t>
    </rPh>
    <rPh sb="45" eb="47">
      <t>カノウ</t>
    </rPh>
    <rPh sb="48" eb="50">
      <t>セイカツ</t>
    </rPh>
    <rPh sb="50" eb="52">
      <t>カンキョウ</t>
    </rPh>
    <rPh sb="53" eb="55">
      <t>コウチク</t>
    </rPh>
    <phoneticPr fontId="8"/>
  </si>
  <si>
    <t>生涯を通じて学び豊かな心を育むまちづくり（生涯にわたる学び・多文化共生の推進、文化芸術の振興・保存など）</t>
    <rPh sb="0" eb="2">
      <t>ショウガイ</t>
    </rPh>
    <rPh sb="3" eb="4">
      <t>ツウ</t>
    </rPh>
    <rPh sb="6" eb="7">
      <t>マナ</t>
    </rPh>
    <rPh sb="8" eb="9">
      <t>ユタ</t>
    </rPh>
    <rPh sb="11" eb="12">
      <t>ココロ</t>
    </rPh>
    <rPh sb="13" eb="14">
      <t>ハグク</t>
    </rPh>
    <rPh sb="21" eb="23">
      <t>ショウガイ</t>
    </rPh>
    <rPh sb="27" eb="28">
      <t>マナ</t>
    </rPh>
    <rPh sb="30" eb="33">
      <t>タブンカ</t>
    </rPh>
    <rPh sb="33" eb="35">
      <t>キョウセイ</t>
    </rPh>
    <rPh sb="36" eb="38">
      <t>スイシン</t>
    </rPh>
    <rPh sb="39" eb="41">
      <t>ブンカ</t>
    </rPh>
    <rPh sb="41" eb="43">
      <t>ゲイジュツ</t>
    </rPh>
    <rPh sb="44" eb="46">
      <t>シンコウ</t>
    </rPh>
    <rPh sb="47" eb="49">
      <t>ホゾン</t>
    </rPh>
    <phoneticPr fontId="8"/>
  </si>
  <si>
    <t>みんなでつくる自立と協働のまちづくり（協働によるまちづくり・社会環境の変化に対応した行政経営の推進など）</t>
    <rPh sb="7" eb="9">
      <t>ジリツ</t>
    </rPh>
    <rPh sb="10" eb="12">
      <t>キョウドウ</t>
    </rPh>
    <rPh sb="19" eb="21">
      <t>キョウドウ</t>
    </rPh>
    <rPh sb="30" eb="32">
      <t>シャカイ</t>
    </rPh>
    <rPh sb="32" eb="34">
      <t>カンキョウ</t>
    </rPh>
    <rPh sb="35" eb="37">
      <t>ヘンカ</t>
    </rPh>
    <rPh sb="38" eb="40">
      <t>タイオウ</t>
    </rPh>
    <rPh sb="42" eb="44">
      <t>ギョウセイ</t>
    </rPh>
    <rPh sb="44" eb="46">
      <t>ケイエイ</t>
    </rPh>
    <rPh sb="47" eb="49">
      <t>スイシン</t>
    </rPh>
    <phoneticPr fontId="8"/>
  </si>
  <si>
    <t>村民憲章（昭和48年10月１日制定）
緑の山々、国定公園丹沢の美しい大自然にかこまれて住む、私たち清川村民は、恵まれた環境にふさわしい近代的産業文化の向上と、豊かな生活をめざして、ここに村民憲章を定めます。
１．私たちはたがいにたすけあい、明るい村をつくりましょう。
１．私たちは健康に気をつけ、豊かな家庭をつくりましょう。
１．私たちは山や川をきれいにし、美しい村をつくりましょう。
１．私たちはきまりを守りよい習慣を育て、住みよい村をつくりましょう。
１．私たちは教養を深め、文化の高い地域をつくりましょう。</t>
    <phoneticPr fontId="3"/>
  </si>
  <si>
    <t>公共施設再編事業</t>
    <phoneticPr fontId="8"/>
  </si>
  <si>
    <t>水とみどりに育まれ　誰もが輝く暮らしよい都市</t>
    <rPh sb="0" eb="1">
      <t>みず</t>
    </rPh>
    <rPh sb="6" eb="7">
      <t>はぐく</t>
    </rPh>
    <rPh sb="10" eb="11">
      <t>だれ</t>
    </rPh>
    <rPh sb="13" eb="14">
      <t>かがや</t>
    </rPh>
    <rPh sb="15" eb="16">
      <t>く</t>
    </rPh>
    <rPh sb="20" eb="22">
      <t>まち</t>
    </rPh>
    <phoneticPr fontId="3" type="Hiragana" alignment="center"/>
  </si>
  <si>
    <t>健康で安心して暮らせるプロジェクト（水とみどりを育む取組みの推進等）</t>
    <rPh sb="0" eb="2">
      <t>けんこう</t>
    </rPh>
    <rPh sb="3" eb="5">
      <t>あんしん</t>
    </rPh>
    <rPh sb="7" eb="8">
      <t>く</t>
    </rPh>
    <rPh sb="18" eb="19">
      <t>みず</t>
    </rPh>
    <rPh sb="24" eb="25">
      <t>はぐく</t>
    </rPh>
    <rPh sb="26" eb="28">
      <t>とりく</t>
    </rPh>
    <rPh sb="30" eb="32">
      <t>すいしん</t>
    </rPh>
    <rPh sb="32" eb="33">
      <t>とう</t>
    </rPh>
    <phoneticPr fontId="3" type="Hiragana" alignment="noControl"/>
  </si>
  <si>
    <t>未来を拓く子育て・教育プロジェクト（安心して妊娠・出産できる環境づくりの推進等）</t>
    <rPh sb="0" eb="2">
      <t>みらい</t>
    </rPh>
    <rPh sb="3" eb="4">
      <t>ひら</t>
    </rPh>
    <rPh sb="5" eb="7">
      <t>こそだ</t>
    </rPh>
    <rPh sb="9" eb="11">
      <t>きょういく</t>
    </rPh>
    <rPh sb="18" eb="20">
      <t>あんしん</t>
    </rPh>
    <rPh sb="22" eb="24">
      <t>にんしん</t>
    </rPh>
    <rPh sb="25" eb="27">
      <t>しゅっさん</t>
    </rPh>
    <rPh sb="30" eb="32">
      <t>かんきょう</t>
    </rPh>
    <rPh sb="36" eb="38">
      <t>すいしん</t>
    </rPh>
    <rPh sb="38" eb="39">
      <t>とう</t>
    </rPh>
    <phoneticPr fontId="3" type="Hiragana" alignment="noControl"/>
  </si>
  <si>
    <t>小田急線４駅周辺のにぎわい創造プロジェクト（温泉を生かしたにぎわい創造の推進等）</t>
    <rPh sb="0" eb="4">
      <t>おだきゅうせん</t>
    </rPh>
    <rPh sb="5" eb="6">
      <t>えき</t>
    </rPh>
    <rPh sb="6" eb="8">
      <t>しゅうへん</t>
    </rPh>
    <rPh sb="13" eb="15">
      <t>そうぞう</t>
    </rPh>
    <rPh sb="22" eb="24">
      <t>おんせん</t>
    </rPh>
    <rPh sb="25" eb="26">
      <t>い</t>
    </rPh>
    <rPh sb="33" eb="35">
      <t>そうぞう</t>
    </rPh>
    <rPh sb="36" eb="38">
      <t>すいしん</t>
    </rPh>
    <rPh sb="38" eb="39">
      <t>とう</t>
    </rPh>
    <phoneticPr fontId="3" type="Hiragana" alignment="noControl"/>
  </si>
  <si>
    <t>新東名・246バイパスの最大活用プロジェクト（表丹沢魅力づくり構想の推進等）</t>
    <rPh sb="0" eb="3">
      <t>しんとうめい</t>
    </rPh>
    <rPh sb="12" eb="14">
      <t>さいだい</t>
    </rPh>
    <rPh sb="14" eb="16">
      <t>かつよう</t>
    </rPh>
    <rPh sb="23" eb="28">
      <t>おもてたんざわみりょく</t>
    </rPh>
    <rPh sb="31" eb="33">
      <t>こうそう</t>
    </rPh>
    <rPh sb="34" eb="36">
      <t>すいしん</t>
    </rPh>
    <rPh sb="36" eb="37">
      <t>とう</t>
    </rPh>
    <phoneticPr fontId="3" type="Hiragana" alignment="noControl"/>
  </si>
  <si>
    <t>○</t>
    <phoneticPr fontId="3"/>
  </si>
  <si>
    <t>新たな日常創造プロジェクト（感染症対策と経済活動の推進、デジタル化の推進）</t>
    <rPh sb="0" eb="1">
      <t>あら</t>
    </rPh>
    <rPh sb="3" eb="5">
      <t>にちじょう</t>
    </rPh>
    <rPh sb="5" eb="7">
      <t>そうぞう</t>
    </rPh>
    <rPh sb="14" eb="17">
      <t>かんせんしょう</t>
    </rPh>
    <rPh sb="17" eb="19">
      <t>たいさく</t>
    </rPh>
    <rPh sb="20" eb="22">
      <t>けいざい</t>
    </rPh>
    <rPh sb="22" eb="24">
      <t>かつどう</t>
    </rPh>
    <rPh sb="25" eb="27">
      <t>すいしん</t>
    </rPh>
    <rPh sb="32" eb="33">
      <t>か</t>
    </rPh>
    <rPh sb="34" eb="36">
      <t>すいしん</t>
    </rPh>
    <phoneticPr fontId="3" type="Hiragana" alignment="noControl"/>
  </si>
  <si>
    <t>秦野市・伊勢原市消防通信指令事務協議会加入（伊勢原市）</t>
    <rPh sb="19" eb="21">
      <t>カニュウ</t>
    </rPh>
    <rPh sb="22" eb="26">
      <t>イセハラシ</t>
    </rPh>
    <phoneticPr fontId="3"/>
  </si>
  <si>
    <t>秦野市・伊勢原市消防通信指令事務協議会加入（秦野市）</t>
    <rPh sb="22" eb="24">
      <t>ハダノ</t>
    </rPh>
    <phoneticPr fontId="3"/>
  </si>
  <si>
    <t>横浜高速鉄道みなとみらい線　馬車道駅直結
ＪＲ・市営地下鉄　桜木町駅　徒歩3分</t>
    <rPh sb="0" eb="2">
      <t>ヨコハマ</t>
    </rPh>
    <rPh sb="2" eb="4">
      <t>コウソク</t>
    </rPh>
    <rPh sb="4" eb="6">
      <t>テツドウ</t>
    </rPh>
    <rPh sb="12" eb="13">
      <t>セン</t>
    </rPh>
    <rPh sb="14" eb="18">
      <t>バシャミチエキ</t>
    </rPh>
    <rPh sb="18" eb="20">
      <t>チョッケツ</t>
    </rPh>
    <phoneticPr fontId="8"/>
  </si>
  <si>
    <t>郷弁（弁当）、開成弥一芋（里芋）、開成弥一芋加工品（うどん、そば、カレーパン、もちもちぱん）、開成開運かざぐるま、開成コリコリ丼、足柄焼（陶器）、開成コロッケ、開成町酒米団子、あしがらナン茶、開成ライスバーガー、開成町米粉食パン</t>
    <rPh sb="96" eb="98">
      <t>カイセイ</t>
    </rPh>
    <rPh sb="109" eb="111">
      <t>コメコ</t>
    </rPh>
    <rPh sb="111" eb="112">
      <t>ショク</t>
    </rPh>
    <phoneticPr fontId="8"/>
  </si>
  <si>
    <t>足柄茶、丹沢山（地酒）、丹沢まいたけ、みかん、キウイフルーツ、すっぽん加工品、飲むおんせんVeil、丹沢の猪（最中）、梅肉エキス</t>
    <rPh sb="50" eb="52">
      <t>たんざわ</t>
    </rPh>
    <rPh sb="53" eb="54">
      <t>いのしし</t>
    </rPh>
    <rPh sb="55" eb="57">
      <t>もなか</t>
    </rPh>
    <rPh sb="59" eb="61">
      <t>ばいにく</t>
    </rPh>
    <phoneticPr fontId="3" type="Hiragana" alignment="distributed"/>
  </si>
  <si>
    <t>ニース市（フランス・昭和41年11月9日提携）、萩市（山口県・昭和54年11月2日提携）、上田市（長野県・昭和54年11月5日提携（旧上田市）合併後、平成18年8月18日提携継続確認））、足利市（栃木県・昭和57年4月26日提携）、敦煌市（中国・平成10年9月28日提携）</t>
    <rPh sb="66" eb="67">
      <t>きゅう</t>
    </rPh>
    <rPh sb="71" eb="74">
      <t>がっぺいご</t>
    </rPh>
    <rPh sb="75" eb="77">
      <t>へいせい</t>
    </rPh>
    <rPh sb="79" eb="80">
      <t>ねん</t>
    </rPh>
    <rPh sb="81" eb="82">
      <t>がつ</t>
    </rPh>
    <rPh sb="84" eb="85">
      <t>にち</t>
    </rPh>
    <rPh sb="85" eb="87">
      <t>ていけい</t>
    </rPh>
    <rPh sb="87" eb="89">
      <t>けいぞく</t>
    </rPh>
    <rPh sb="89" eb="91">
      <t>かくにん</t>
    </rPh>
    <phoneticPr fontId="3" type="Hiragana" alignment="distributed"/>
  </si>
  <si>
    <t>市民桜（若葉）まつり（春）、相模の大凧まつり（5月）、相模原納涼花火大会（夏）、上溝夏祭り（7月）、橋本七夕まつり（8月）、さがみ湖湖上祭花火大会（8月）</t>
    <rPh sb="37" eb="38">
      <t>ナツ</t>
    </rPh>
    <rPh sb="65" eb="66">
      <t>ミズウミ</t>
    </rPh>
    <phoneticPr fontId="8"/>
  </si>
  <si>
    <t>うえまえ　ゆきお</t>
    <phoneticPr fontId="3"/>
  </si>
  <si>
    <t>上前　行男</t>
    <rPh sb="0" eb="1">
      <t>ウエ</t>
    </rPh>
    <rPh sb="1" eb="2">
      <t>マエ</t>
    </rPh>
    <rPh sb="3" eb="5">
      <t>ユキオ</t>
    </rPh>
    <phoneticPr fontId="3"/>
  </si>
  <si>
    <t>とん漬、アユ、いのしし鍋、ホルモン、ハム・ソーセージ、ナシ、イチゴ、ブドウ、トマト、カボス、大豆、清酒、焼酎、地ビール</t>
    <rPh sb="46" eb="48">
      <t>だいず</t>
    </rPh>
    <rPh sb="49" eb="51">
      <t>せいしゅ</t>
    </rPh>
    <rPh sb="52" eb="54">
      <t>しょうちゅう</t>
    </rPh>
    <phoneticPr fontId="3" type="Hiragana" alignment="distributed"/>
  </si>
  <si>
    <t>〒</t>
    <phoneticPr fontId="3" type="Hiragana" alignment="distributed"/>
  </si>
  <si>
    <t>231-0005</t>
    <phoneticPr fontId="3"/>
  </si>
  <si>
    <t>https://www.city.yokohama.lg.jp/</t>
    <phoneticPr fontId="3" type="Hiragana" alignment="distributed"/>
  </si>
  <si>
    <t>M22.4.1</t>
    <phoneticPr fontId="3" type="Hiragana" alignment="distributed"/>
  </si>
  <si>
    <t>OPEN YOKOHAMAは、開港を経て発展した横浜にふさわしく、開放的で自由な横浜らしさを表しています。市民が自ら新たな活動を生み出すきっかけとなることばであり、対外的にも横浜のおもてなしの心を伝えています。</t>
    <phoneticPr fontId="3"/>
  </si>
  <si>
    <t>　</t>
    <phoneticPr fontId="8"/>
  </si>
  <si>
    <t>横浜デザイン都市宣言</t>
    <phoneticPr fontId="8"/>
  </si>
  <si>
    <t>人/k㎡</t>
    <phoneticPr fontId="3" type="Hiragana" alignment="distributed"/>
  </si>
  <si>
    <t>％</t>
    <phoneticPr fontId="3" type="Hiragana" alignment="distributed"/>
  </si>
  <si>
    <t>k㎡</t>
    <phoneticPr fontId="3" type="Hiragana" alignment="distributed"/>
  </si>
  <si>
    <t>【主要財政指標】</t>
    <phoneticPr fontId="3" type="Hiragana" alignment="distributed"/>
  </si>
  <si>
    <t>（単位：百万円、％）</t>
    <phoneticPr fontId="3" type="Hiragana" alignment="distributed"/>
  </si>
  <si>
    <t>実質収支
比率</t>
    <phoneticPr fontId="3" type="Hiragana" alignment="distributed"/>
  </si>
  <si>
    <t>ＪＲ東海道本線川崎駅から徒歩5分</t>
    <phoneticPr fontId="3"/>
  </si>
  <si>
    <t>URL</t>
    <phoneticPr fontId="3" type="Hiragana" alignment="distributed"/>
  </si>
  <si>
    <t>ふくだ　のりひこ</t>
    <phoneticPr fontId="3" type="Hiragana" alignment="distributed"/>
  </si>
  <si>
    <t>福田　紀彦</t>
    <phoneticPr fontId="3" type="Hiragana" alignment="distributed"/>
  </si>
  <si>
    <t>境界変更</t>
    <phoneticPr fontId="3" type="Hiragana" alignment="distributed"/>
  </si>
  <si>
    <t>かとう　じゅんいち</t>
    <phoneticPr fontId="3" type="Hiragana" alignment="distributed"/>
  </si>
  <si>
    <t>ふじくら　しげき</t>
    <phoneticPr fontId="3" type="Hiragana" alignment="distributed"/>
  </si>
  <si>
    <t>基本政策１‥「生命を守り生き生きと暮らすことができるまちづくり」(防災機能の強化、超高齢社会を見据えた地域づくりなど)</t>
    <phoneticPr fontId="3"/>
  </si>
  <si>
    <t>○</t>
    <phoneticPr fontId="3" type="Hiragana" alignment="distributed"/>
  </si>
  <si>
    <t>○</t>
    <phoneticPr fontId="3" type="Hiragana" alignment="distributed"/>
  </si>
  <si>
    <t>基本政策５‥「誰もが生きがいを持てる市民自治の地域づくり」(市民が主体となった地域課題の解決など)</t>
    <phoneticPr fontId="3"/>
  </si>
  <si>
    <t>○</t>
    <phoneticPr fontId="3" type="Hiragana" alignment="distributed"/>
  </si>
  <si>
    <t>○</t>
    <phoneticPr fontId="3"/>
  </si>
  <si>
    <t>リエカ市（クロアチア・昭和52年6月23日提携）、ボルチモア市（アメリカ・昭和54年6月14日提携）、瀋陽市（中国・昭和56年8月18日提携）、ウーロンゴン市（オーストラリア・昭和63年5月18日提携）、シェフィールド市（イギリス・平成2年7月30日提携）、ザルツブルク市（オーストリア・平成4年4月17日提携）、リューベック市（ドイツ・平成4年5月12日提携）、富川市（大韓民国・平成8年10月21日提携）、中標津町（北海道・平成4年7月9日提携）、富士見町（長野県・平成5年4月22日提携）、那覇市（沖縄県・平成8年5月20日提携）</t>
    <phoneticPr fontId="3" type="Hiragana" alignment="distributed"/>
  </si>
  <si>
    <t>平成27年国調</t>
    <phoneticPr fontId="3" type="Hiragana" alignment="distributed"/>
  </si>
  <si>
    <t>k㎡</t>
    <phoneticPr fontId="3" type="Hiragana" alignment="distributed"/>
  </si>
  <si>
    <t>ｈａ</t>
    <phoneticPr fontId="3" type="Hiragana" alignment="distributed"/>
  </si>
  <si>
    <t>【主要財政指標】</t>
    <phoneticPr fontId="3" type="Hiragana" alignment="distributed"/>
  </si>
  <si>
    <t>経常収支
比率</t>
    <phoneticPr fontId="3" type="Hiragana" alignment="distributed"/>
  </si>
  <si>
    <t>ＪＲ横浜線相模原駅からバスで市役所前下車徒歩1分</t>
    <phoneticPr fontId="3" type="Hiragana" alignment="distributed"/>
  </si>
  <si>
    <t>https://www.city.sagamihara.kanagawa.jp/</t>
    <phoneticPr fontId="3" type="Hiragana" alignment="distributed"/>
  </si>
  <si>
    <t>もとむら　けんたろう</t>
    <phoneticPr fontId="3" type="Hiragana" alignment="distributed"/>
  </si>
  <si>
    <t>境界変更</t>
    <phoneticPr fontId="3" type="Hiragana" alignment="distributed"/>
  </si>
  <si>
    <t>中核市</t>
    <phoneticPr fontId="3" type="Hiragana" alignment="distributed"/>
  </si>
  <si>
    <t>津久井町、相模湖町</t>
    <phoneticPr fontId="3" type="Hiragana" alignment="distributed"/>
  </si>
  <si>
    <t>町田市との行政境界</t>
    <phoneticPr fontId="3" type="Hiragana" alignment="distributed"/>
  </si>
  <si>
    <t>境界変更</t>
    <phoneticPr fontId="3"/>
  </si>
  <si>
    <t>○</t>
    <phoneticPr fontId="3" type="Hiragana" alignment="distributed"/>
  </si>
  <si>
    <t>○</t>
    <phoneticPr fontId="3" type="Hiragana" alignment="distributed"/>
  </si>
  <si>
    <t>無錫市（中国・昭和60年10月6日提携）、トロント市（カナダ・平成3年5月31日スカボロー市と提携、平成10年1月1日トロント市とスカボロー市の合併）、大船渡市（岩手県・昭和62年11月8日提携）、能代市（秋田県・昭和62年11月8日提携）、佐久市（長野県・昭和62年11月8日提携）、肝付町（鹿児島県・昭和62年11月8日提携）、大樹町（北海道・平成22年4月1日提携）、角田市（宮城県・平成28年4月1日提携）</t>
    <phoneticPr fontId="3" type="Hiragana" alignment="distributed"/>
  </si>
  <si>
    <t>人/k㎡</t>
    <phoneticPr fontId="3" type="Hiragana" alignment="distributed"/>
  </si>
  <si>
    <t>％</t>
    <phoneticPr fontId="3" type="Hiragana" alignment="distributed"/>
  </si>
  <si>
    <t>k㎡</t>
    <phoneticPr fontId="3" type="Hiragana" alignment="distributed"/>
  </si>
  <si>
    <t>ｈａ</t>
    <phoneticPr fontId="3" type="Hiragana" alignment="distributed"/>
  </si>
  <si>
    <t>キャッチフレーズ</t>
    <phoneticPr fontId="3" type="Hiragana" alignment="distributed"/>
  </si>
  <si>
    <t>https://www.city.yokosuka.kanagawa.jp/</t>
    <phoneticPr fontId="3" type="Hiragana" alignment="distributed"/>
  </si>
  <si>
    <t>かみぢ　かつあき</t>
    <phoneticPr fontId="8"/>
  </si>
  <si>
    <t>祭</t>
    <phoneticPr fontId="3" type="Hiragana" alignment="distributed"/>
  </si>
  <si>
    <t>○</t>
    <phoneticPr fontId="3" type="Hiragana" alignment="distributed"/>
  </si>
  <si>
    <t>経常収支
比率</t>
    <phoneticPr fontId="3" type="Hiragana" alignment="distributed"/>
  </si>
  <si>
    <t>ＪＲ東海道本線平塚駅から徒歩15分</t>
    <phoneticPr fontId="3"/>
  </si>
  <si>
    <t>落合  克宏</t>
    <phoneticPr fontId="3" type="Hiragana" alignment="distributed"/>
  </si>
  <si>
    <t>湘南平、金目観音堂</t>
    <phoneticPr fontId="3" type="Hiragana" alignment="distributed"/>
  </si>
  <si>
    <t>経常収支
比率</t>
    <phoneticPr fontId="3" type="Hiragana" alignment="distributed"/>
  </si>
  <si>
    <t>市民憲章（昭和48年11月３日制定）　　　　　　　　　　　　　　　　　　　　　　　　　　　　　　　　　　　　　　　　　　　　　　　　　　　　　　　　　　　　　　　　　　　　　　　　　　　　　　　　　　　　　　　　　　前文
鎌倉は、海と山の美しい自然環境とゆたかな歴史的遺産をもつ古都であり、わたくしたち市民のふるさとです。すでに平和都市であることを宣言したわたくしたちは、平和を信条とし、世界の国々との友好に努めるとともに、わたくしたちの鎌倉がその風格を保ち、さらに高度の文化都市として発展することを願い、ここに市民憲章を定めます。
本文
１　わたくしたちは、お互いの友愛と連帯意識を深め、すすんで市政に参加し、住民自治を確立します。
１　わたくしたちは、健康でゆたかな市民生活をより向上させるため、教育・文化・福祉の充実に努めます。
１　わたくしたちは、鎌倉の歴史的遺産と自然及び生活環境を破壊から守り、責任をもってこれを後世に伝えます。
１　わたくしたちは、各地域それぞれの特性を生かし、調和と活力のあるまちづくりに努めます。
１　わたくしたちは、鎌倉が世界の鎌倉であることを誇りとし、訪れる人々に良識と善意をもって接します。</t>
    <phoneticPr fontId="3"/>
  </si>
  <si>
    <t>https://www.city.kamakura.kanagawa.jp/</t>
    <phoneticPr fontId="3" type="Hiragana" alignment="distributed"/>
  </si>
  <si>
    <t>松尾　崇</t>
    <phoneticPr fontId="3" type="Hiragana" alignment="distributed"/>
  </si>
  <si>
    <t>鶴岡八幡宮、高徳院（大仏）、鎌倉五山、長谷寺、銭洗弁財天</t>
    <phoneticPr fontId="3" type="Hiragana" alignment="distributed"/>
  </si>
  <si>
    <t>ちだ　しょういちろう</t>
    <phoneticPr fontId="3" type="Hiragana" alignment="distributed"/>
  </si>
  <si>
    <t>鎌倉まつり（4月）、鎌倉花火大会（7月）、ぼんぼり祭り（8月）、面掛行列（9月）、人形供養（10月）、お十夜（10月）、節分祭（2月）</t>
    <phoneticPr fontId="3" type="Hiragana" alignment="distributed"/>
  </si>
  <si>
    <t>リンドウ</t>
    <phoneticPr fontId="3" type="Hiragana" alignment="distributed"/>
  </si>
  <si>
    <t>ヤマザクラ</t>
    <phoneticPr fontId="3" type="Hiragana" alignment="distributed"/>
  </si>
  <si>
    <t>平成27年国調</t>
    <phoneticPr fontId="3" type="Hiragana" alignment="distributed"/>
  </si>
  <si>
    <t>％</t>
    <phoneticPr fontId="3" type="Hiragana" alignment="distributed"/>
  </si>
  <si>
    <t>経常収支
比率</t>
    <phoneticPr fontId="3" type="Hiragana" alignment="distributed"/>
  </si>
  <si>
    <t>https://www.city.fujisawa.kanagawa.jp/</t>
    <phoneticPr fontId="3" type="Hiragana" alignment="distributed"/>
  </si>
  <si>
    <t>すずき　つねお</t>
    <phoneticPr fontId="8"/>
  </si>
  <si>
    <t>鈴木　恒夫</t>
    <phoneticPr fontId="3" type="Hiragana" alignment="distributed"/>
  </si>
  <si>
    <t>フジ</t>
    <phoneticPr fontId="3" type="Hiragana" alignment="distributed"/>
  </si>
  <si>
    <t>ふじさわ教育大綱</t>
    <phoneticPr fontId="3" type="Hiragana" alignment="distributed"/>
  </si>
  <si>
    <t>k㎡</t>
    <phoneticPr fontId="3" type="Hiragana" alignment="distributed"/>
  </si>
  <si>
    <t>～学びの環・人の和・元気の輪～</t>
    <phoneticPr fontId="3" type="Hiragana" alignment="distributed"/>
  </si>
  <si>
    <t>（平成28年5月制定）</t>
    <phoneticPr fontId="3" type="Hiragana" alignment="distributed"/>
  </si>
  <si>
    <t>木製品（漆器、寄木細工、その他木製品）、鋳物、小田原提灯、蒲鉾、干物、梅・梅干し、小田原おでん、小田原どん、アジ・イシダイ、湘南ゴールド、みかん、キウイ、玉葱、足柄牛、足柄茶、片浦レモン</t>
    <phoneticPr fontId="8"/>
  </si>
  <si>
    <t>○</t>
    <phoneticPr fontId="3" type="Hiragana" alignment="distributed"/>
  </si>
  <si>
    <t>財源の確保・財政負担の軽減</t>
    <phoneticPr fontId="8"/>
  </si>
  <si>
    <t>ＪＲ東海道本線茅ケ崎駅から徒歩5分</t>
    <phoneticPr fontId="3" type="Hiragana" alignment="distributed"/>
  </si>
  <si>
    <t>さとう　ひかる</t>
    <phoneticPr fontId="3" type="Hiragana" alignment="distributed"/>
  </si>
  <si>
    <t>しおざき　たけし</t>
    <phoneticPr fontId="8"/>
  </si>
  <si>
    <t>きし　こうじ</t>
    <phoneticPr fontId="3" type="Hiragana" alignment="distributed"/>
  </si>
  <si>
    <t>あかしあ</t>
    <phoneticPr fontId="3" type="Hiragana" alignment="distributed"/>
  </si>
  <si>
    <t>シジュウカラ</t>
    <phoneticPr fontId="3" type="Hiragana" alignment="distributed"/>
  </si>
  <si>
    <t>火葬に関する事務受託（寒川町）</t>
    <phoneticPr fontId="3" type="Hiragana" alignment="distributed"/>
  </si>
  <si>
    <t>公共下水道使用料の徴収事務委託（神奈川県）</t>
    <phoneticPr fontId="3" type="Hiragana" alignment="distributed"/>
  </si>
  <si>
    <t>（単位：百万円、％）</t>
    <phoneticPr fontId="3" type="Hiragana" alignment="distributed"/>
  </si>
  <si>
    <t>実質収支
比率</t>
    <phoneticPr fontId="3" type="Hiragana" alignment="distributed"/>
  </si>
  <si>
    <t>行政の特色
「青い海と　みどり豊かな　平和都市」（逗子市総合計画基本構想の理想像）　　　　　　　　　　　　　　　　　　　　　　　　　　　　　　　　　　　　　　　　　　　　　　　　　　　　　　　　　　　　　　　　　　　　　　　　　　　　　　　　　　　　　　　　　　　　　　　　　　　　「自然に生かされ、自然を生かすまち」「コミュニティに支えられ、コミュニティを支えるまち」（逗子市総合計画基本構想の将来像）
逗子市は、いつまでも変わることのない理想像と将来像の実現に向け、めざすべきまちの姿として「５本の柱」
第１の柱　共に生き、心豊かに暮らせるふれあいのまち
第２の柱　共に学び、共に育つ「共育（きょういく）」のまち
第３の柱　自然と人間を共に大切にするまち
第４の柱　安全で安心な、快適な暮らしを支えるまち
第５の柱　新しい地域の姿を示す市民主権のまち
を定めています。</t>
    <phoneticPr fontId="3" type="Hiragana" alignment="distributed"/>
  </si>
  <si>
    <t>https://www.city.zushi.kanagawa.jp/</t>
    <phoneticPr fontId="3" type="Hiragana" alignment="distributed"/>
  </si>
  <si>
    <t>きりがや　さとる</t>
    <phoneticPr fontId="3" type="Hiragana" alignment="distributed"/>
  </si>
  <si>
    <t>かしわむら　あつし</t>
    <phoneticPr fontId="3" type="Hiragana" alignment="distributed"/>
  </si>
  <si>
    <t xml:space="preserve"> </t>
    <phoneticPr fontId="8"/>
  </si>
  <si>
    <t xml:space="preserve"> </t>
    <phoneticPr fontId="8"/>
  </si>
  <si>
    <t>ほととぎす</t>
    <phoneticPr fontId="3" type="Hiragana" alignment="distributed"/>
  </si>
  <si>
    <t xml:space="preserve"> </t>
    <phoneticPr fontId="3" type="Hiragana" alignment="distributed"/>
  </si>
  <si>
    <t>つばき</t>
    <phoneticPr fontId="3" type="Hiragana" alignment="distributed"/>
  </si>
  <si>
    <t>-</t>
    <phoneticPr fontId="3" type="Hiragana" alignment="distributed"/>
  </si>
  <si>
    <t>都市宣言｢青い海とみどり豊かな平</t>
    <phoneticPr fontId="3" type="Hiragana" alignment="distributed"/>
  </si>
  <si>
    <t>和都市」</t>
    <phoneticPr fontId="3" type="Hiragana" alignment="distributed"/>
  </si>
  <si>
    <t>実質収支
比率</t>
    <phoneticPr fontId="3" type="Hiragana" alignment="distributed"/>
  </si>
  <si>
    <t>http://www.city.miura.kanagawa.jp/</t>
    <phoneticPr fontId="3" type="Hiragana" alignment="distributed"/>
  </si>
  <si>
    <t>はまゆう</t>
    <phoneticPr fontId="3" type="Hiragana" alignment="distributed"/>
  </si>
  <si>
    <t>うみう</t>
    <phoneticPr fontId="3" type="Hiragana" alignment="distributed"/>
  </si>
  <si>
    <t>実質収支
比率</t>
    <phoneticPr fontId="3" type="Hiragana" alignment="distributed"/>
  </si>
  <si>
    <t>https://www.city.hadano.kanagawa.jp/</t>
    <phoneticPr fontId="3" type="Hiragana" alignment="noControl"/>
  </si>
  <si>
    <t>たかはし　まさかず</t>
    <phoneticPr fontId="3" type="Hiragana" alignment="noControl"/>
  </si>
  <si>
    <t>沿革</t>
    <phoneticPr fontId="3" type="Hiragana" alignment="noControl"/>
  </si>
  <si>
    <t>なでしこ、あじさい</t>
    <phoneticPr fontId="3" type="Hiragana" alignment="noControl"/>
  </si>
  <si>
    <t>うぐいす</t>
    <phoneticPr fontId="3" type="Hiragana" alignment="noControl"/>
  </si>
  <si>
    <t>○</t>
    <phoneticPr fontId="3" type="Hiragana" alignment="noControl"/>
  </si>
  <si>
    <t>平成27年国調</t>
    <phoneticPr fontId="3" type="Hiragana" alignment="distributed"/>
  </si>
  <si>
    <t>％</t>
    <phoneticPr fontId="3" type="Hiragana" alignment="distributed"/>
  </si>
  <si>
    <t>【主要財政指標】</t>
    <phoneticPr fontId="3" type="Hiragana" alignment="distributed"/>
  </si>
  <si>
    <t>あつぎの3字と鮎3尾をもって「あ」の字型を図案化し、市民の和合と発展を象徴する。</t>
    <phoneticPr fontId="3" type="Hiragana" alignment="distributed"/>
  </si>
  <si>
    <t>市民憲章（昭和39年２月１日制定）　　　　　　　　　　　　　　　　　　　　　　　　　　　　　　　　　　　　　　　　　　　　　　　　　　　　　　　　　　　　　　　　　　　　　　　　　　　　　　　　　　　　　　　　　　　　　　　　　　　　　　　　　　　　　　　　　　　　　　大山を仰ぎ、相模川の流れに臨む郷土、ここに生きるわたくしたち厚木市民は、先人の努力をうけつぎ、県央の近代都市としての発展をめざして、この憲章をかかげ力強く前進しましょう。
一　わたくしたち厚木市民は、花や緑を愛し、きれいなまちをつくりましょう。
一　わたくしたち厚木市民は、たがいに敬い愛しあい、善意に満ちた家庭とまちをつくりましょう。
一　わたくしたち厚木市民は、教養をゆたかにし、文化の高いまちをつくりましょう。
一　わたくしたち厚木市民は、健康ではたらき、力あふれるまちをつくりましょう。
一　わたくしたち厚木市民は、進んできまりを守り、住みよいまちをつくりましょう。</t>
    <phoneticPr fontId="3"/>
  </si>
  <si>
    <t>小田急小田原線本厚木駅から徒歩8分</t>
    <phoneticPr fontId="3" type="Hiragana" alignment="distributed"/>
  </si>
  <si>
    <t>https://www.city.atsugi.kanagawa.jp/</t>
    <phoneticPr fontId="3" type="Hiragana" alignment="distributed"/>
  </si>
  <si>
    <t>さつき</t>
    <phoneticPr fontId="3" type="Hiragana" alignment="distributed"/>
  </si>
  <si>
    <t>もみじ</t>
    <phoneticPr fontId="3" type="Hiragana" alignment="distributed"/>
  </si>
  <si>
    <t>【行政課題及びＰＲ事項等】</t>
    <phoneticPr fontId="3" type="Hiragana" alignment="distributed"/>
  </si>
  <si>
    <t>【事務の共同処理状況】</t>
    <phoneticPr fontId="3" type="Hiragana" alignment="distributed"/>
  </si>
  <si>
    <t>都市宣言“あつぎ”</t>
    <phoneticPr fontId="3" type="Hiragana" alignment="distributed"/>
  </si>
  <si>
    <t>市民憲章（昭和54年２月１日制定）　　　　　　　　　　　　　　　　　　　　　　　　　　　　　　　　　　　　　　　　　　　　　　　　　　　　　　　　　　　　　　　　　　　　　　　　　　　　　　　　　　　　　　　　　自然と人間との健全な調和のとれた大和市の輝かしい未来を目ざして、わたくしたちは、大和市民としての自覚と誇りをもって、市民ひとりひとりのしあわせを願いながら、ここに市民憲章を定めます。
１　みんなで力をあわせて、若さと明るさにあふれたまちをつくりましょう。
１　みんなで力をあわせて、友情としあわせにつつまれたまちをつくりましょう。
１　みんなで力をあわせて、教養と文化の豊かなまちをつくりましょう。
１　みんなで力をあわせて、自然と環境の美しいまちをつくりましょう。
１　みんなで力をあわせて、きまりと平和を守るまちをつくりましょう。</t>
    <phoneticPr fontId="3"/>
  </si>
  <si>
    <t>オナガ</t>
    <phoneticPr fontId="3" type="Hiragana" alignment="distributed"/>
  </si>
  <si>
    <t>しい</t>
    <phoneticPr fontId="3" type="Hiragana" alignment="distributed"/>
  </si>
  <si>
    <t>片仮名の「エビナ」を図案化したもので、平和を表し、中央のマークは鳥で、大きな飛躍への期待を表している。</t>
    <phoneticPr fontId="3" type="Hiragana" alignment="distributed"/>
  </si>
  <si>
    <t>うちの　まさる</t>
    <phoneticPr fontId="8"/>
  </si>
  <si>
    <t>内野　優</t>
    <phoneticPr fontId="3" type="Hiragana" alignment="distributed"/>
  </si>
  <si>
    <t>大谷農村歌舞伎、ささら踊り</t>
    <phoneticPr fontId="8"/>
  </si>
  <si>
    <t>野ぎく</t>
    <phoneticPr fontId="3" type="Hiragana" alignment="distributed"/>
  </si>
  <si>
    <t>山ざくら</t>
    <phoneticPr fontId="3" type="Hiragana" alignment="distributed"/>
  </si>
  <si>
    <t>甲州市（山梨県・平成18年4月23日提携）、光明市（大韓民国・平成21年11月24日提携）</t>
    <phoneticPr fontId="3" type="Hiragana" alignment="distributed"/>
  </si>
  <si>
    <t>都市宣言</t>
    <phoneticPr fontId="3" type="Hiragana" alignment="distributed"/>
  </si>
  <si>
    <t>伊勢原市の「イセ」の文字を図案化したもので、伊勢原を象徴し、円は市政の円満を意味し、「）（」は市政の限りなき発展を表している。</t>
    <phoneticPr fontId="3" type="Hiragana" alignment="distributed"/>
  </si>
  <si>
    <t>市民憲章（昭和40年１月１日制定）　　　　　　　　　　　　　　　　　　　　　　　　　　　　　　　　　　　　　　　　　　　　　　　　　　　　　　　　　　　　　　　　　　　　　　　　　　　　　　　　　　　　　　　　　　わたくしたちは、伝統に輝く伊勢原市民である誇りと、責任を持ってこの憲章を守りぬきましょう。
１．きまりを守り　誠をつらぬく健民となりましょう。
１．元気で働き　楽しい家庭をつくりましょう。
１．文化を高め　住みよいまちにいたしましょう。</t>
    <phoneticPr fontId="3"/>
  </si>
  <si>
    <t>https://www.city.isehara.kanagawa.jp/</t>
    <phoneticPr fontId="3" type="Hiragana" alignment="distributed"/>
  </si>
  <si>
    <t>ききょう</t>
    <phoneticPr fontId="3" type="Hiragana" alignment="distributed"/>
  </si>
  <si>
    <t>やまどり</t>
    <phoneticPr fontId="3" type="Hiragana" alignment="distributed"/>
  </si>
  <si>
    <t>【行政課題及びＰＲ事項等】</t>
    <phoneticPr fontId="3" type="Hiragana" alignment="distributed"/>
  </si>
  <si>
    <t>人/k㎡</t>
    <phoneticPr fontId="3" type="Hiragana" alignment="distributed"/>
  </si>
  <si>
    <t>（単位：百万円、％）</t>
    <phoneticPr fontId="3" type="Hiragana" alignment="distributed"/>
  </si>
  <si>
    <t>実質収支
比率</t>
    <phoneticPr fontId="3" type="Hiragana" alignment="distributed"/>
  </si>
  <si>
    <t>みんなが笑顔　住みやすいまち　えびな</t>
    <phoneticPr fontId="3"/>
  </si>
  <si>
    <t>ＪＲ相模線・小田急小田原線・相模鉄道線海老名駅から徒歩10分</t>
    <phoneticPr fontId="3" type="Hiragana" alignment="distributed"/>
  </si>
  <si>
    <t>https://www.city.ebina.kanagawa.jp/</t>
    <phoneticPr fontId="3" type="Hiragana" alignment="distributed"/>
  </si>
  <si>
    <t>はぎわら　けいいち</t>
    <phoneticPr fontId="3"/>
  </si>
  <si>
    <t>萩原　圭一</t>
    <phoneticPr fontId="3"/>
  </si>
  <si>
    <t>えびな市民まつり（11月）</t>
    <phoneticPr fontId="8"/>
  </si>
  <si>
    <t>市制記念日　　11月１日</t>
    <phoneticPr fontId="3" type="Hiragana" alignment="distributed"/>
  </si>
  <si>
    <t>カワラヒワ</t>
    <phoneticPr fontId="3" type="Hiragana" alignment="distributed"/>
  </si>
  <si>
    <t>姉妹都市：白石市（宮城県・平成6年10月23日提携）、登別市（北海道・平成27年5月18日提携）
トライアングル姉妹都市：白石市（宮城県・平成27年5月18日提携）、登別市（北海道・平成27年5月18日提携）</t>
    <phoneticPr fontId="3" type="Hiragana" alignment="distributed"/>
  </si>
  <si>
    <t>人/k㎡</t>
    <phoneticPr fontId="3" type="Hiragana" alignment="distributed"/>
  </si>
  <si>
    <t>％</t>
    <phoneticPr fontId="3" type="Hiragana" alignment="distributed"/>
  </si>
  <si>
    <t>k㎡</t>
    <phoneticPr fontId="3" type="Hiragana" alignment="distributed"/>
  </si>
  <si>
    <t>ｈａ</t>
    <phoneticPr fontId="3" type="Hiragana" alignment="distributed"/>
  </si>
  <si>
    <t>小田急小田原線相武台前駅からバスで3分</t>
    <phoneticPr fontId="3" type="Hiragana" alignment="distributed"/>
  </si>
  <si>
    <t>さとう　みと</t>
    <phoneticPr fontId="3"/>
  </si>
  <si>
    <t>星谷寺（しょうこくじ）、鈴鹿明神社、東原桜並木、相模が丘仲よし小道</t>
    <phoneticPr fontId="3" type="Hiragana" alignment="distributed"/>
  </si>
  <si>
    <t>ヒマワリ</t>
    <phoneticPr fontId="3" type="Hiragana" alignment="distributed"/>
  </si>
  <si>
    <t>モクセイ</t>
    <phoneticPr fontId="8"/>
  </si>
  <si>
    <t>スマーナ市（アメリカ・平成3年11月1日提携）、須賀川市（福島県・平成25年11月10日提携）、大仙市（秋田県・平成27年3月21日提携）</t>
    <phoneticPr fontId="3" type="Hiragana" alignment="distributed"/>
  </si>
  <si>
    <t>加藤　修平</t>
    <phoneticPr fontId="3" type="Hiragana" alignment="center"/>
  </si>
  <si>
    <t>足柄金太郎まつり（8月）、あしがら花紀行（年間）、足柄峠笛まつり（9月）、夕日の滝びらき（7月）</t>
    <phoneticPr fontId="3" type="Hiragana" alignment="center"/>
  </si>
  <si>
    <t>りんどう</t>
    <phoneticPr fontId="3" type="Hiragana" alignment="center"/>
  </si>
  <si>
    <t>さざんか</t>
    <phoneticPr fontId="3" type="Hiragana" alignment="center"/>
  </si>
  <si>
    <t>-</t>
    <phoneticPr fontId="3" type="Hiragana" alignment="center"/>
  </si>
  <si>
    <t>○</t>
    <phoneticPr fontId="3" type="Hiragana" alignment="center"/>
  </si>
  <si>
    <t>神奈川県後期高齢者医療広域連合加入</t>
    <phoneticPr fontId="3" type="Hiragana" alignment="center"/>
  </si>
  <si>
    <t>箱根町）</t>
    <phoneticPr fontId="3" type="Hiragana" alignment="center"/>
  </si>
  <si>
    <t>町・開成町）</t>
    <phoneticPr fontId="3" type="Hiragana" alignment="center"/>
  </si>
  <si>
    <t>https://www.city.ayase.kanagawa.jp/</t>
    <phoneticPr fontId="3" type="Hiragana" alignment="distributed"/>
  </si>
  <si>
    <t>ばら</t>
    <phoneticPr fontId="3" type="Hiragana" alignment="distributed"/>
  </si>
  <si>
    <t>やまもみじ</t>
    <phoneticPr fontId="8"/>
  </si>
  <si>
    <t>カワセミ</t>
    <phoneticPr fontId="3" type="Hiragana" alignment="distributed"/>
  </si>
  <si>
    <t>https://www.town.hayama.lg.jp/</t>
    <phoneticPr fontId="3" type="Hiragana" alignment="distributed"/>
  </si>
  <si>
    <t>やまなし　たかひと</t>
    <phoneticPr fontId="8"/>
  </si>
  <si>
    <t>山梨　崇仁</t>
    <phoneticPr fontId="3" type="Hiragana" alignment="distributed"/>
  </si>
  <si>
    <t>おの　じゅん</t>
    <phoneticPr fontId="3"/>
  </si>
  <si>
    <t>小野　淳</t>
    <phoneticPr fontId="3"/>
  </si>
  <si>
    <t>つつじ</t>
    <phoneticPr fontId="3" type="Hiragana" alignment="distributed"/>
  </si>
  <si>
    <t>うぐいす</t>
    <phoneticPr fontId="3" type="Hiragana" alignment="distributed"/>
  </si>
  <si>
    <t>教育環境整備の推進</t>
    <phoneticPr fontId="3" type="Hiragana" alignment="distributed"/>
  </si>
  <si>
    <t>インスタグラムによる町の情報発信の取組の推進</t>
    <phoneticPr fontId="3" type="Hiragana" alignment="distributed"/>
  </si>
  <si>
    <t>葉山町非核平和都市宣言</t>
    <phoneticPr fontId="8"/>
  </si>
  <si>
    <t>可燃ごみの焼却処理の事務委託（逗子市）</t>
    <phoneticPr fontId="3" type="Hiragana" alignment="distributed"/>
  </si>
  <si>
    <t>町民憲章（昭和55年11月１日制定）　　　　　　　　　　　　　　　　　　　　　　　　　　　　　　　　　　　　　　　　　　　　　　　　　　　　　　　　　　　　　　　　　　　　　　　　　　　　　　　　　　　　　　　　　　　　　　　　　　　　　　　　　　　　　　　　　　　　寒川は、相模川のほとり、水とみどりに恵まれた自然と、歴史と伝統にはぐくまれた文化のあるまちです。
わたくしたちは、このまちを愛し、限りない発展をねがって、ここに町民憲章を定めます。
１　水とみどりを大切にし、住みよいまちをつくりましょう。
１　ゆずりあい、力をあわせ、助けあいましょう。
１　きまりを守り、だれにも迷惑をかけないようにしましょう。
１　元気で働き、幸せな家庭をつくりましょう。
１　学びあい、明るい豊かな心を育てましょう。</t>
    <phoneticPr fontId="3"/>
  </si>
  <si>
    <t>ＪＲ相模線寒川駅から徒歩10分</t>
    <phoneticPr fontId="3" type="Hiragana" alignment="center"/>
  </si>
  <si>
    <t>http://www.town.samukawa.kanagawa.jp/</t>
    <phoneticPr fontId="3" type="Hiragana" alignment="center"/>
  </si>
  <si>
    <t>きむら　としお</t>
    <phoneticPr fontId="8"/>
  </si>
  <si>
    <t>木村　俊雄</t>
    <phoneticPr fontId="3" type="Hiragana" alignment="center"/>
  </si>
  <si>
    <t>すいせん</t>
    <phoneticPr fontId="3" type="Hiragana" alignment="center"/>
  </si>
  <si>
    <t>もくせい</t>
    <phoneticPr fontId="8"/>
  </si>
  <si>
    <t>ダイサギ</t>
    <phoneticPr fontId="3" type="Hiragana" alignment="center"/>
  </si>
  <si>
    <t>大磯の「大」を三つ組み合わせ、飛躍、発展、勤労、友愛を意味づけ町の発展を象徴したものである。昭和39年合併10周年を記念し、更にはオリンピックに間に合わせるため一般公募して制定した。</t>
    <phoneticPr fontId="3" type="Hiragana" alignment="distributed"/>
  </si>
  <si>
    <t>はまひるがお</t>
    <phoneticPr fontId="3" type="Hiragana" alignment="distributed"/>
  </si>
  <si>
    <t>くろまつ、さざんか</t>
    <phoneticPr fontId="8"/>
  </si>
  <si>
    <t>かもめ、アオバト</t>
    <phoneticPr fontId="3" type="Hiragana" alignment="distributed"/>
  </si>
  <si>
    <t>昭和59年12月1日、平成22年11月3日</t>
    <phoneticPr fontId="8"/>
  </si>
  <si>
    <t>剪定枝資源化施設の整備運営委託（二宮町）</t>
    <phoneticPr fontId="3" type="Hiragana" alignment="distributed"/>
  </si>
  <si>
    <t>町民憲章（昭和53年７月５日制定）　　　　　　　　　　　　　　　　　　　　　　　　　　　　　　　　　　　　　　　　　　　　　　　　　　　　　　　　　　　　　　　　　　　　　　　　　　　　　　　　　　　　　　わたくしたちは、美しい自然に恵まれた「長寿の里」二宮の町民であることに誇りと責任をもって、より明るく、豊かな町づくりのために町民憲章を定めます。
１．郷土を愛し、自然をいかすきれいな二宮町をつくりましょう。
１．ふれあいを深め、ことばをかけあうさわやかな二宮町をつくりましょう。
１．きまりを守り、良習をはぐくむ住みよい二宮町をつくりましょう。
１．幸せを願い、健やかな明るい二宮町をつくりましょう。
１．教養を高め、文化のかおる豊かな二宮町をつくりましょう。</t>
    <phoneticPr fontId="3"/>
  </si>
  <si>
    <t>ＪＲ東海道本線二宮駅から徒歩3分</t>
    <phoneticPr fontId="3" type="Hiragana" alignment="distributed"/>
  </si>
  <si>
    <t>http://www.town.ninomiya.kanagawa.jp/</t>
    <phoneticPr fontId="3" type="Hiragana" alignment="distributed"/>
  </si>
  <si>
    <t>むらた　くにこ</t>
    <phoneticPr fontId="3" type="Hiragana" alignment="distributed"/>
  </si>
  <si>
    <t>村田　・子</t>
    <phoneticPr fontId="3" type="Hiragana" alignment="distributed"/>
  </si>
  <si>
    <t>国府祭神輿出御（5月）、川勾神社例大祭（10月）、湘南にのみやふるさとまつり（11月）、菜の花ウォッチング（1月）</t>
    <phoneticPr fontId="3" type="Hiragana" alignment="distributed"/>
  </si>
  <si>
    <t>カンナ</t>
    <phoneticPr fontId="3" type="Hiragana" alignment="distributed"/>
  </si>
  <si>
    <t>ヤマガラ</t>
    <phoneticPr fontId="3" type="Hiragana" alignment="distributed"/>
  </si>
  <si>
    <t>ごみ焼却施設の整備運営委託（平塚市）</t>
    <phoneticPr fontId="8"/>
  </si>
  <si>
    <t>市・大磯町）</t>
    <phoneticPr fontId="3" type="Hiragana" alignment="distributed"/>
  </si>
  <si>
    <t>ＪＲ東海道本線二宮駅・小田急小田原線秦野駅からバスで20分</t>
    <phoneticPr fontId="3" type="Hiragana" alignment="distributed"/>
  </si>
  <si>
    <t>https://www.town.nakai.kanagawa.jp/</t>
    <phoneticPr fontId="3" type="Hiragana" alignment="distributed"/>
  </si>
  <si>
    <t>きんもくせい</t>
    <phoneticPr fontId="8"/>
  </si>
  <si>
    <t>しらさぎ</t>
    <phoneticPr fontId="3" type="Hiragana" alignment="distributed"/>
  </si>
  <si>
    <t>北町・開成町）</t>
    <phoneticPr fontId="3" type="Hiragana" alignment="distributed"/>
  </si>
  <si>
    <t>ＪＲ御殿場線上大井駅から徒歩15分</t>
    <phoneticPr fontId="3" type="Hiragana" alignment="distributed"/>
  </si>
  <si>
    <t>https://www.town.oi.kanagawa.jp/</t>
    <phoneticPr fontId="3" type="Hiragana" alignment="distributed"/>
  </si>
  <si>
    <t>すいせん</t>
    <phoneticPr fontId="3" type="Hiragana" alignment="distributed"/>
  </si>
  <si>
    <t>〇</t>
    <phoneticPr fontId="3" type="Hiragana" alignment="distributed"/>
  </si>
  <si>
    <t>足柄東部清掃組合加入</t>
    <phoneticPr fontId="3" type="Hiragana" alignment="distributed"/>
  </si>
  <si>
    <t>神奈川県後期高齢者医療広域連合加入</t>
    <phoneticPr fontId="3" type="Hiragana" alignment="distributed"/>
  </si>
  <si>
    <t>火葬事務委託（小田原市）</t>
    <phoneticPr fontId="3" type="Hiragana" alignment="distributed"/>
  </si>
  <si>
    <t>ＪＲ御殿場線松田駅から徒歩4分　小田急小田原線新松田駅から徒歩5分</t>
    <phoneticPr fontId="3" type="Hiragana" alignment="distributed"/>
  </si>
  <si>
    <t>https://town.matsuda.kanagawa.jp/</t>
    <phoneticPr fontId="3" type="Hiragana" alignment="distributed"/>
  </si>
  <si>
    <t>もとやま　ひろゆき</t>
    <phoneticPr fontId="3" type="Hiragana" alignment="distributed"/>
  </si>
  <si>
    <t>コスモス</t>
    <phoneticPr fontId="3" type="Hiragana" alignment="distributed"/>
  </si>
  <si>
    <t>昭和54年10月17日、平成22年3月31日</t>
    <phoneticPr fontId="8"/>
  </si>
  <si>
    <t>セグロセキレイ</t>
    <phoneticPr fontId="3" type="Hiragana" alignment="distributed"/>
  </si>
  <si>
    <t>定住化促進政策</t>
    <phoneticPr fontId="3" type="Hiragana" alignment="distributed"/>
  </si>
  <si>
    <t>松田町クールチョイス宣言</t>
    <phoneticPr fontId="3" type="Hiragana" alignment="distributed"/>
  </si>
  <si>
    <t>ＪＲ御殿場線山北駅から徒歩3分</t>
    <phoneticPr fontId="3" type="Hiragana" alignment="distributed"/>
  </si>
  <si>
    <t>https://www.town.yamakita.kanagawa.jp/</t>
    <phoneticPr fontId="3" type="Hiragana" alignment="distributed"/>
  </si>
  <si>
    <t>湯川　裕司</t>
    <phoneticPr fontId="3" type="Hiragana" alignment="distributed"/>
  </si>
  <si>
    <t>ヤマブキ</t>
    <phoneticPr fontId="3" type="Hiragana" alignment="distributed"/>
  </si>
  <si>
    <t>ブナ</t>
    <phoneticPr fontId="8"/>
  </si>
  <si>
    <t>－</t>
    <phoneticPr fontId="3" type="Hiragana" alignment="distributed"/>
  </si>
  <si>
    <t>町民憲章（平成2年３月16日制定）　　　　　　　　　　　　　　　　　　　　　　　　　　　　　　　　　　　　　　　　　　　　　　　　　　　　　　　　　　　　　　　　　　　
わたくしたちは、酒匂川の清流と緑と太陽に恵まれた開成町の豊かな自然を誇りとし、｢開物成務」をめざした住みよいまちづくりに願いをこめて、ここに町民憲章を定めます。
１．自然とすまいの調和を大切にし、魅力あるまちをつくります。
１．恵まれた環境を守り、うるおいのあるまちをつくります。
１．教養を深めスポーツを愛し、文化の高いまちをつくります。
１．ゆずりあう心で、ふれあいの輪が広がるまちをつくります。
１．健康をよろこび勤労を尊び、いきいきとしたまちをつくります。</t>
    <phoneticPr fontId="3"/>
  </si>
  <si>
    <t>https://www.town.kaisei.kanagawa.jp/</t>
    <phoneticPr fontId="3" type="Hiragana" alignment="distributed"/>
  </si>
  <si>
    <t>あじさい</t>
    <phoneticPr fontId="3" type="Hiragana" alignment="distributed"/>
  </si>
  <si>
    <t>〇</t>
    <phoneticPr fontId="8"/>
  </si>
  <si>
    <t>足柄西部清掃組合加入</t>
    <phoneticPr fontId="3" type="Hiragana" alignment="distributed"/>
  </si>
  <si>
    <t>箱根登山バス・伊豆箱根バス湯本駅又は箱根登山鉄道箱根湯本駅から徒歩5分</t>
    <phoneticPr fontId="3" type="Hiragana" alignment="distributed"/>
  </si>
  <si>
    <t>http://www.town.hakone.kanagawa.jp/</t>
    <phoneticPr fontId="3" type="Hiragana" alignment="distributed"/>
  </si>
  <si>
    <t>かつまた　ひろゆき</t>
    <phoneticPr fontId="3"/>
  </si>
  <si>
    <t>勝俣　浩行</t>
    <phoneticPr fontId="3" type="Hiragana" alignment="distributed"/>
  </si>
  <si>
    <t>いとう　かずお</t>
    <phoneticPr fontId="3" type="Hiragana" alignment="distributed"/>
  </si>
  <si>
    <t>やまだ　しげのり</t>
    <phoneticPr fontId="8"/>
  </si>
  <si>
    <t>きつつき</t>
    <phoneticPr fontId="3" type="Hiragana" alignment="distributed"/>
  </si>
  <si>
    <t>ワカサギ</t>
    <phoneticPr fontId="3" type="Hiragana" alignment="distributed"/>
  </si>
  <si>
    <t>井町・松田町）</t>
    <phoneticPr fontId="3" type="Hiragana" alignment="distributed"/>
  </si>
  <si>
    <t>くすのき</t>
    <phoneticPr fontId="8"/>
  </si>
  <si>
    <t>たなか　しゅんいち</t>
    <phoneticPr fontId="8"/>
  </si>
  <si>
    <t>いそひよどり</t>
    <phoneticPr fontId="3" type="Hiragana" alignment="distributed"/>
  </si>
  <si>
    <t>安曇野市(長野県・平成18年9月30日提携)</t>
    <phoneticPr fontId="3" type="Hiragana" alignment="distributed"/>
  </si>
  <si>
    <t>下水処理事務委託（湯河原町）</t>
    <phoneticPr fontId="3" type="Hiragana" alignment="distributed"/>
  </si>
  <si>
    <t>ゆの字を図案化し、みかんの断面層と温泉を表し、平和と繁栄を象徴したものである。</t>
    <phoneticPr fontId="3" type="Hiragana" alignment="distributed"/>
  </si>
  <si>
    <t>町民憲章（昭和61年３月１日制定）
わたくしたちの町、湯河原は、海と山と川の美しい自然環境と豊かな温泉や歴史文化に恵まれた温泉観光地です。子や孫に、誰もが『心に泉のもてる誇り高いふるさと』を譲り渡していくことが、わたくしたちの責任です。町村合併30周年にあたり、わたくしたち湯河原町民の生活の道標として、ここに町民憲章を制定します。
１　健康をよろこび、思いやりに満ちた明るく住みよいまちをつくりましょう
１　自然をはぐくみ、青空のもとにさわやかな緑と花のまちを築きましょう
１　伝統を重んじ、香り高い文化の生まれるまちを創りましょう
１　教養を深め、こぞって時代にさきがけた“地球民”をめざしましょう
１　訪れる人々を温かく迎え、世界にはばたくまちを拓きましょう</t>
    <phoneticPr fontId="3" type="Hiragana" alignment="distributed"/>
  </si>
  <si>
    <t>ＪＲ東海道本線湯河原駅から徒歩10分</t>
    <phoneticPr fontId="3" type="Hiragana" alignment="distributed"/>
  </si>
  <si>
    <t>https://www.town.yugawara.kanagawa.jp/</t>
    <phoneticPr fontId="3" type="Hiragana" alignment="distributed"/>
  </si>
  <si>
    <t>湯河原梅林、さつきの郷、もみじの郷、城願寺、不動滝</t>
    <phoneticPr fontId="3" type="Hiragana" alignment="distributed"/>
  </si>
  <si>
    <t>ひもの、みかん、きびもち、キウイ、みかんジュース、ブルーベリージャム、温泉まんじゅう</t>
    <phoneticPr fontId="3" type="Hiragana" alignment="distributed"/>
  </si>
  <si>
    <t>みかん</t>
    <phoneticPr fontId="3" type="Hiragana" alignment="distributed"/>
  </si>
  <si>
    <t>椿、桜</t>
    <phoneticPr fontId="8"/>
  </si>
  <si>
    <t>下水処理事務受託（真鶴町・静岡県熱海市）</t>
    <phoneticPr fontId="3" type="Hiragana" alignment="distributed"/>
  </si>
  <si>
    <t>｢アイ川」を図案化し、清流の美と人心の和を象徴している。全体の円が町の円満をあらわし、右側にカタカナで｢ア」、左側に同じく｢イ」、中央部が｢川」を意味している。　　　　　　　　                         　                                                                                 昭和27年５月一般募集して制定した。</t>
    <phoneticPr fontId="3" type="Hiragana" alignment="distributed"/>
  </si>
  <si>
    <t>ぬまた　つよし</t>
    <phoneticPr fontId="3"/>
  </si>
  <si>
    <t>かえで</t>
    <phoneticPr fontId="3" type="Hiragana" alignment="distributed"/>
  </si>
  <si>
    <t>一般廃棄物処理委託（厚木市）</t>
    <phoneticPr fontId="3" type="Hiragana" alignment="distributed"/>
  </si>
  <si>
    <t>https://www.town.kiyokawa.kanagawa.jp/</t>
    <phoneticPr fontId="3" type="Hiragana" alignment="distributed"/>
  </si>
  <si>
    <t>いわさわ　よしみ</t>
    <phoneticPr fontId="3" type="Hiragana" alignment="distributed"/>
  </si>
  <si>
    <t>沿革</t>
    <phoneticPr fontId="3" type="Hiragana" alignment="distributed"/>
  </si>
  <si>
    <t>宮ヶ瀬桜まつり（4月）、青龍祭（8月）、宮ヶ瀬ふるさとまつり（8月）、宮ヶ瀬クリスマスみんなのつどい（12月）</t>
    <phoneticPr fontId="3"/>
  </si>
  <si>
    <t>かみじょう　ひろし</t>
    <phoneticPr fontId="3" type="Hiragana" alignment="distributed"/>
  </si>
  <si>
    <t>上条　浩</t>
    <phoneticPr fontId="3" type="Hiragana" alignment="distributed"/>
  </si>
  <si>
    <t>令和２年国調</t>
    <rPh sb="0" eb="2">
      <t>れいわ</t>
    </rPh>
    <phoneticPr fontId="3" type="Hiragana" alignment="distributed"/>
  </si>
  <si>
    <t>山中　竹春</t>
    <phoneticPr fontId="3" type="Hiragana" alignment="distributed"/>
  </si>
  <si>
    <t>やまなか　たけはる</t>
    <phoneticPr fontId="3"/>
  </si>
  <si>
    <t>いぢち　ひでひろ</t>
    <phoneticPr fontId="8"/>
  </si>
  <si>
    <t>おおくぼ　ともこ</t>
    <phoneticPr fontId="8"/>
  </si>
  <si>
    <t>大川　亜沙奈</t>
    <rPh sb="0" eb="2">
      <t>おおかわ</t>
    </rPh>
    <rPh sb="3" eb="5">
      <t>あさ</t>
    </rPh>
    <rPh sb="5" eb="6">
      <t>な</t>
    </rPh>
    <phoneticPr fontId="3" type="Hiragana" alignment="distributed"/>
  </si>
  <si>
    <t>おおかわ　あさな</t>
    <phoneticPr fontId="3" type="Hiragana" alignment="distributed"/>
  </si>
  <si>
    <t>比留間 　彰</t>
    <rPh sb="0" eb="3">
      <t>ひるま</t>
    </rPh>
    <rPh sb="5" eb="6">
      <t>あきら</t>
    </rPh>
    <phoneticPr fontId="3" type="Hiragana" alignment="distributed"/>
  </si>
  <si>
    <t>ひるま　あきら</t>
    <phoneticPr fontId="8"/>
  </si>
  <si>
    <t>柳田　理恵</t>
    <phoneticPr fontId="3"/>
  </si>
  <si>
    <t>やなぎだ　りえ</t>
    <phoneticPr fontId="3"/>
  </si>
  <si>
    <t>デジタル化推進事業</t>
    <rPh sb="4" eb="7">
      <t>カスイシン</t>
    </rPh>
    <rPh sb="7" eb="9">
      <t>ジギョウ</t>
    </rPh>
    <phoneticPr fontId="3"/>
  </si>
  <si>
    <t>分野横断的に取り組む重点テーマ</t>
    <rPh sb="0" eb="2">
      <t>ブンヤ</t>
    </rPh>
    <rPh sb="2" eb="5">
      <t>オウダンテキ</t>
    </rPh>
    <rPh sb="6" eb="7">
      <t>ト</t>
    </rPh>
    <rPh sb="8" eb="9">
      <t>ク</t>
    </rPh>
    <rPh sb="10" eb="12">
      <t>ジュウテン</t>
    </rPh>
    <phoneticPr fontId="8"/>
  </si>
  <si>
    <r>
      <t>①少子化対策　　 　</t>
    </r>
    <r>
      <rPr>
        <sz val="10"/>
        <rFont val="ＭＳ Ｐ明朝"/>
        <family val="1"/>
        <charset val="128"/>
      </rPr>
      <t/>
    </r>
    <rPh sb="1" eb="4">
      <t>ショウシカ</t>
    </rPh>
    <rPh sb="4" eb="6">
      <t>タイサク</t>
    </rPh>
    <phoneticPr fontId="8"/>
  </si>
  <si>
    <t>②雇用促進対策</t>
    <rPh sb="1" eb="3">
      <t>コヨウ</t>
    </rPh>
    <rPh sb="3" eb="5">
      <t>ソクシン</t>
    </rPh>
    <rPh sb="5" eb="7">
      <t>タイサク</t>
    </rPh>
    <phoneticPr fontId="8"/>
  </si>
  <si>
    <t>③中山間地域対策</t>
    <rPh sb="1" eb="2">
      <t>チュウ</t>
    </rPh>
    <rPh sb="2" eb="4">
      <t>サンカン</t>
    </rPh>
    <rPh sb="4" eb="6">
      <t>チイキ</t>
    </rPh>
    <rPh sb="6" eb="8">
      <t>タイサク</t>
    </rPh>
    <phoneticPr fontId="8"/>
  </si>
  <si>
    <t>ＳＤＧｓの推進</t>
    <phoneticPr fontId="3"/>
  </si>
  <si>
    <t>町民憲章（昭和56年５月10日制定）
わたくしたちは、美しい自然に恵まれ、こころゆたかな“ふるさと愛川”の町民であることを誇りとし、みんなのしあわせとまちの発展に願いをこめて、ここに町民憲章を定めます。
１　水とみどりを愛し、住みよい環境をつくりましょう。
１　健康で楽しく働き、明るい家庭をきずきましょう。
１　たがいに仲よく助けあい、愛の輪をひろげましょう。
１　ものと時間を大切にし、きまりや約束をまもりましょう。
１　学びあい、教養を深め、文化の高いまちにしましょう。</t>
    <phoneticPr fontId="3"/>
  </si>
  <si>
    <t>変化を力に進むまち。横須賀市</t>
    <rPh sb="0" eb="2">
      <t>ヘンカ</t>
    </rPh>
    <rPh sb="3" eb="4">
      <t>チカラ</t>
    </rPh>
    <rPh sb="5" eb="6">
      <t>スス</t>
    </rPh>
    <rPh sb="10" eb="14">
      <t>ヨコスカシ</t>
    </rPh>
    <phoneticPr fontId="3"/>
  </si>
  <si>
    <t>最重点施策５・・・未来につなぐ環境の保全・創出</t>
    <rPh sb="9" eb="11">
      <t>みらい</t>
    </rPh>
    <rPh sb="15" eb="17">
      <t>かんきょう</t>
    </rPh>
    <rPh sb="18" eb="20">
      <t>ほぜん</t>
    </rPh>
    <rPh sb="21" eb="23">
      <t>そうしゅつ</t>
    </rPh>
    <phoneticPr fontId="3" type="Hiragana" alignment="distributed"/>
  </si>
  <si>
    <t>https://www.city.hiratsuka.kanagawa.jp/</t>
    <phoneticPr fontId="3" type="Hiragana" alignment="distributed"/>
  </si>
  <si>
    <t>相模人形芝居前鳥座、一人遣いの人形芝居（湘南座）、田村ばやし、前鳥囃子</t>
    <rPh sb="10" eb="12">
      <t>ひとり</t>
    </rPh>
    <rPh sb="12" eb="13">
      <t>つか</t>
    </rPh>
    <rPh sb="15" eb="17">
      <t>にんぎょう</t>
    </rPh>
    <rPh sb="17" eb="19">
      <t>しばい</t>
    </rPh>
    <rPh sb="20" eb="22">
      <t>しょうなん</t>
    </rPh>
    <rPh sb="22" eb="23">
      <t>ざ</t>
    </rPh>
    <phoneticPr fontId="3" type="Hiragana" alignment="distributed"/>
  </si>
  <si>
    <t>藤沢市スポーツ都市宣言</t>
    <rPh sb="0" eb="3">
      <t>フジサワシ</t>
    </rPh>
    <rPh sb="7" eb="9">
      <t>トシ</t>
    </rPh>
    <rPh sb="9" eb="11">
      <t>センゲン</t>
    </rPh>
    <phoneticPr fontId="3"/>
  </si>
  <si>
    <t>（令和3年10月1日制定）</t>
    <rPh sb="1" eb="3">
      <t>れいわ</t>
    </rPh>
    <rPh sb="4" eb="5">
      <t>ねん</t>
    </rPh>
    <rPh sb="7" eb="8">
      <t>がつ</t>
    </rPh>
    <rPh sb="8" eb="10">
      <t>ついたち</t>
    </rPh>
    <rPh sb="10" eb="12">
      <t>せいてい</t>
    </rPh>
    <phoneticPr fontId="3" type="Hiragana" alignment="distributed"/>
  </si>
  <si>
    <t>地域経済の好循環に資する取組の推進</t>
    <phoneticPr fontId="3"/>
  </si>
  <si>
    <t>行財政改革の強力な推進</t>
    <rPh sb="0" eb="5">
      <t>ギョウザイセイカイカク</t>
    </rPh>
    <rPh sb="6" eb="8">
      <t>キョウリョク</t>
    </rPh>
    <rPh sb="9" eb="11">
      <t>スイシン</t>
    </rPh>
    <phoneticPr fontId="3"/>
  </si>
  <si>
    <t>保健所政令市</t>
    <rPh sb="0" eb="3">
      <t>ホケンジョ</t>
    </rPh>
    <rPh sb="3" eb="6">
      <t>セイレイシ</t>
    </rPh>
    <phoneticPr fontId="3"/>
  </si>
  <si>
    <t>明るくたくましい青少年が育つ</t>
    <phoneticPr fontId="3" type="Hiragana" alignment="distributed"/>
  </si>
  <si>
    <t>大和市平和都市宣言</t>
    <phoneticPr fontId="3"/>
  </si>
  <si>
    <t>「環境立市　大和」宣言</t>
    <phoneticPr fontId="3"/>
  </si>
  <si>
    <t>「認知症1万人時代に備える</t>
    <phoneticPr fontId="3"/>
  </si>
  <si>
    <t>まち　やまと」宣言</t>
    <phoneticPr fontId="3"/>
  </si>
  <si>
    <t>「70歳代を高齢者と言わない都市</t>
    <phoneticPr fontId="3"/>
  </si>
  <si>
    <t>やまと」宣言</t>
    <phoneticPr fontId="3" type="Hiragana" alignment="distributed"/>
  </si>
  <si>
    <t>「大和市気候非常事態」宣言</t>
    <rPh sb="1" eb="4">
      <t>ヤマトシ</t>
    </rPh>
    <rPh sb="4" eb="6">
      <t>キコウ</t>
    </rPh>
    <rPh sb="6" eb="8">
      <t>ヒジョウ</t>
    </rPh>
    <rPh sb="8" eb="10">
      <t>ジタイ</t>
    </rPh>
    <rPh sb="11" eb="13">
      <t>センゲン</t>
    </rPh>
    <phoneticPr fontId="3"/>
  </si>
  <si>
    <t>座間市ゼロカーボンシティ宣言</t>
    <rPh sb="0" eb="3">
      <t>ザマシ</t>
    </rPh>
    <rPh sb="12" eb="14">
      <t>センゲン</t>
    </rPh>
    <phoneticPr fontId="3"/>
  </si>
  <si>
    <t>公共施設再整備</t>
    <rPh sb="0" eb="2">
      <t>コウキョウ</t>
    </rPh>
    <rPh sb="2" eb="4">
      <t>シセツ</t>
    </rPh>
    <rPh sb="4" eb="7">
      <t>サイセイビ</t>
    </rPh>
    <phoneticPr fontId="3"/>
  </si>
  <si>
    <t>はやまクリーンプログラム等を通じたSDGｓ達成のための取組の推進</t>
    <rPh sb="12" eb="13">
      <t>とう</t>
    </rPh>
    <rPh sb="14" eb="15">
      <t>つう</t>
    </rPh>
    <rPh sb="21" eb="23">
      <t>たっせい</t>
    </rPh>
    <rPh sb="27" eb="29">
      <t>とりくみ</t>
    </rPh>
    <phoneticPr fontId="3" type="Hiragana" alignment="distributed"/>
  </si>
  <si>
    <t>つながる力で 新化するまち</t>
    <rPh sb="4" eb="5">
      <t>チカラ</t>
    </rPh>
    <rPh sb="7" eb="8">
      <t>シン</t>
    </rPh>
    <rPh sb="8" eb="9">
      <t>カ</t>
    </rPh>
    <phoneticPr fontId="3"/>
  </si>
  <si>
    <t>生活交通等の整備、充実</t>
    <rPh sb="0" eb="2">
      <t>セイカツ</t>
    </rPh>
    <rPh sb="2" eb="4">
      <t>コウツウ</t>
    </rPh>
    <rPh sb="4" eb="5">
      <t>トウ</t>
    </rPh>
    <rPh sb="6" eb="8">
      <t>セイビ</t>
    </rPh>
    <rPh sb="9" eb="11">
      <t>ジュウジツ</t>
    </rPh>
    <phoneticPr fontId="3"/>
  </si>
  <si>
    <t>ふるさと納税の推進</t>
    <rPh sb="4" eb="6">
      <t>ノウゼイ</t>
    </rPh>
    <rPh sb="7" eb="9">
      <t>スイシン</t>
    </rPh>
    <phoneticPr fontId="3"/>
  </si>
  <si>
    <t>学校教育の充実</t>
    <rPh sb="0" eb="4">
      <t>ガッコウキョウイク</t>
    </rPh>
    <rPh sb="5" eb="7">
      <t>ジュウジツ</t>
    </rPh>
    <phoneticPr fontId="3"/>
  </si>
  <si>
    <t>自治体DXの推進</t>
    <rPh sb="0" eb="3">
      <t>ジチタイ</t>
    </rPh>
    <rPh sb="6" eb="8">
      <t>スイシン</t>
    </rPh>
    <phoneticPr fontId="3"/>
  </si>
  <si>
    <t>子育て世代を主なターゲットにした定住促進</t>
    <phoneticPr fontId="8"/>
  </si>
  <si>
    <t>日本初のZEB庁舎をはじめとする脱炭素社会の実現に向けた環境に対する取組</t>
    <rPh sb="0" eb="3">
      <t>にほんはつ</t>
    </rPh>
    <rPh sb="7" eb="9">
      <t>ちょうしゃ</t>
    </rPh>
    <rPh sb="16" eb="17">
      <t>だつ</t>
    </rPh>
    <rPh sb="17" eb="19">
      <t>たんそ</t>
    </rPh>
    <rPh sb="19" eb="21">
      <t>しゃかい</t>
    </rPh>
    <rPh sb="22" eb="24">
      <t>じつげん</t>
    </rPh>
    <rPh sb="25" eb="26">
      <t>む</t>
    </rPh>
    <rPh sb="28" eb="30">
      <t>かんきょう</t>
    </rPh>
    <rPh sb="31" eb="32">
      <t>たい</t>
    </rPh>
    <rPh sb="34" eb="36">
      <t>とりくみ</t>
    </rPh>
    <phoneticPr fontId="3" type="Hiragana" alignment="distributed"/>
  </si>
  <si>
    <t>新松田駅周辺整備推進事業</t>
    <rPh sb="0" eb="4">
      <t>しんまつだえき</t>
    </rPh>
    <rPh sb="4" eb="8">
      <t>しゅうへんせいび</t>
    </rPh>
    <rPh sb="8" eb="10">
      <t>すいしん</t>
    </rPh>
    <rPh sb="10" eb="12">
      <t>じぎょう</t>
    </rPh>
    <phoneticPr fontId="3" type="Hiragana" alignment="distributed"/>
  </si>
  <si>
    <t>https://www.city.kawasaki.jp/</t>
    <phoneticPr fontId="3"/>
  </si>
  <si>
    <t>https://www.city.odawara.kanagawa.jp/</t>
    <phoneticPr fontId="3" type="Hiragana" alignment="distributed"/>
  </si>
  <si>
    <t>https://www.city.yamato.lg.jp/</t>
    <phoneticPr fontId="3" type="Hiragana" alignment="distributed"/>
  </si>
  <si>
    <t>https://www.city.minamiashigara.kanagawa.jp/</t>
    <phoneticPr fontId="3"/>
  </si>
  <si>
    <t>小田急線4駅周辺のにぎわい創造</t>
    <rPh sb="0" eb="3">
      <t>おだきゅう</t>
    </rPh>
    <rPh sb="3" eb="4">
      <t>せん</t>
    </rPh>
    <rPh sb="5" eb="6">
      <t>えき</t>
    </rPh>
    <rPh sb="6" eb="8">
      <t>しゅうへん</t>
    </rPh>
    <rPh sb="13" eb="15">
      <t>そうぞう</t>
    </rPh>
    <phoneticPr fontId="3" type="Hiragana" alignment="noControl"/>
  </si>
  <si>
    <t>市民憲章（昭和44年10月1日制定）　　　　　　　　　　　　　　　　　　　　　　　　　　　　　　　　　　　　　　　　　　　　　　　　　　　　　　　　　　　　　　　　　　　　　　　　　　　　　　　　　　　　　　　わたくしたち秦野市民は、丹沢の美しい自然のもとで、このまちの限りない発展に願いをこめ、ここに市民憲章を定めます。
１　平和を愛する市民のまち、それは私たちの誇りです。
１　きれいな水とすがすがしい空気、それは私たちのいのちです。
１　健康ではたらき若さあふれるまち、それは私たちのねがいです。
１　市民のための豊かな文化、それは私たちののぞみです。
１　みんなの発言で住みよいまちを、それは私たちのちかいです。</t>
    <phoneticPr fontId="3"/>
  </si>
  <si>
    <t>気候非常事態宣言</t>
    <rPh sb="0" eb="2">
      <t>キコウ</t>
    </rPh>
    <rPh sb="2" eb="4">
      <t>ヒジョウ</t>
    </rPh>
    <rPh sb="4" eb="6">
      <t>ジタイ</t>
    </rPh>
    <rPh sb="6" eb="8">
      <t>センゲン</t>
    </rPh>
    <phoneticPr fontId="3"/>
  </si>
  <si>
    <t>サンディエゴ市(アメリカ･昭和32年10月29日提携)､リヨン市(フランス･昭和34年4月7日提携)､ムンバイ市(インド･昭和40年6月26日提携)､マニラ市(フィリピン･昭和40年7月1日提携)､オデーサ市（ウクライナ･昭和40年7月1日提携）、バンクーバー市（カナダ･昭和40年7月1日提携）、上海市（中国･昭和48年11月30日提携）、コンスタンツァ市（ルーマニア･昭和52年10月12日提携）、道志村(山梨県・平成16年6月22日提携)、昭和村(群馬県・平成25年10月6日提携)</t>
  </si>
  <si>
    <t>成長と成熟の調和による持続可能な最幸のまち　かわさき</t>
    <rPh sb="0" eb="2">
      <t>セイチョウ</t>
    </rPh>
    <rPh sb="3" eb="5">
      <t>セイジュク</t>
    </rPh>
    <rPh sb="6" eb="8">
      <t>チョウワ</t>
    </rPh>
    <rPh sb="11" eb="13">
      <t>ジゾク</t>
    </rPh>
    <rPh sb="13" eb="15">
      <t>カノウ</t>
    </rPh>
    <rPh sb="16" eb="18">
      <t>サイコウ</t>
    </rPh>
    <phoneticPr fontId="8"/>
  </si>
  <si>
    <t>≪横須賀再興プランの推進≫
『海洋都市』、『音楽・スポーツ・エンターテイメント都市』、『個性ある地域コミュニティのある都市』という３つのまちづくりの方向性を掲げ、横須賀の再興に向けて取り組みを進めています。経済の再興と福祉の充実の両立を図り、最終的には日々の悩みや将来の不安を抱えている方々に寄り添うことができる「誰も一人にさせないまち」の実現を目指します。</t>
    <rPh sb="1" eb="4">
      <t>よこすか</t>
    </rPh>
    <rPh sb="4" eb="6">
      <t>さいこう</t>
    </rPh>
    <rPh sb="10" eb="12">
      <t>すいしん</t>
    </rPh>
    <rPh sb="15" eb="17">
      <t>かいよう</t>
    </rPh>
    <rPh sb="17" eb="19">
      <t>とし</t>
    </rPh>
    <rPh sb="22" eb="24">
      <t>おんがく</t>
    </rPh>
    <rPh sb="39" eb="41">
      <t>とし</t>
    </rPh>
    <rPh sb="44" eb="46">
      <t>こせい</t>
    </rPh>
    <rPh sb="48" eb="50">
      <t>ちいき</t>
    </rPh>
    <rPh sb="59" eb="61">
      <t>とし</t>
    </rPh>
    <rPh sb="74" eb="77">
      <t>ほうこうせい</t>
    </rPh>
    <rPh sb="78" eb="79">
      <t>かか</t>
    </rPh>
    <rPh sb="81" eb="84">
      <t>よこすか</t>
    </rPh>
    <rPh sb="85" eb="87">
      <t>さいこう</t>
    </rPh>
    <rPh sb="88" eb="89">
      <t>む</t>
    </rPh>
    <rPh sb="91" eb="92">
      <t>と</t>
    </rPh>
    <rPh sb="93" eb="94">
      <t>く</t>
    </rPh>
    <rPh sb="96" eb="97">
      <t>すす</t>
    </rPh>
    <rPh sb="103" eb="105">
      <t>けいざい</t>
    </rPh>
    <rPh sb="106" eb="108">
      <t>さいこう</t>
    </rPh>
    <rPh sb="109" eb="111">
      <t>ふくし</t>
    </rPh>
    <rPh sb="112" eb="114">
      <t>じゅうじつ</t>
    </rPh>
    <rPh sb="115" eb="117">
      <t>りょうりつ</t>
    </rPh>
    <rPh sb="118" eb="119">
      <t>はか</t>
    </rPh>
    <rPh sb="121" eb="123">
      <t>さいしゅう</t>
    </rPh>
    <rPh sb="123" eb="124">
      <t>てき</t>
    </rPh>
    <rPh sb="126" eb="128">
      <t>ひび</t>
    </rPh>
    <rPh sb="129" eb="130">
      <t>なや</t>
    </rPh>
    <rPh sb="132" eb="134">
      <t>しょうらい</t>
    </rPh>
    <rPh sb="135" eb="137">
      <t>ふあん</t>
    </rPh>
    <rPh sb="138" eb="139">
      <t>かか</t>
    </rPh>
    <rPh sb="143" eb="145">
      <t>かたがた</t>
    </rPh>
    <rPh sb="146" eb="147">
      <t>よ</t>
    </rPh>
    <rPh sb="148" eb="149">
      <t>そ</t>
    </rPh>
    <rPh sb="157" eb="158">
      <t>だれ</t>
    </rPh>
    <rPh sb="159" eb="161">
      <t>ひとり</t>
    </rPh>
    <rPh sb="170" eb="172">
      <t>じつげん</t>
    </rPh>
    <rPh sb="173" eb="175">
      <t>めざ</t>
    </rPh>
    <phoneticPr fontId="3" type="Hiragana" alignment="distributed"/>
  </si>
  <si>
    <t>史跡相模国分寺跡、史跡相模国分尼寺跡、史跡秋葉山古墳群、海老名の大欅、有馬のはるにれ</t>
    <rPh sb="9" eb="11">
      <t>しせき</t>
    </rPh>
    <rPh sb="11" eb="13">
      <t>さがみ</t>
    </rPh>
    <rPh sb="13" eb="17">
      <t>こくぶんにじ</t>
    </rPh>
    <rPh sb="17" eb="18">
      <t>あと</t>
    </rPh>
    <rPh sb="19" eb="21">
      <t>しせき</t>
    </rPh>
    <rPh sb="21" eb="22">
      <t>あき</t>
    </rPh>
    <rPh sb="22" eb="24">
      <t>はやま</t>
    </rPh>
    <rPh sb="24" eb="26">
      <t>こふん</t>
    </rPh>
    <rPh sb="26" eb="27">
      <t>ぐん</t>
    </rPh>
    <rPh sb="28" eb="31">
      <t>えびな</t>
    </rPh>
    <rPh sb="33" eb="34">
      <t>けやき</t>
    </rPh>
    <phoneticPr fontId="3" type="Hiragana" alignment="distributed"/>
  </si>
  <si>
    <t>足柄茶、丹沢大山茶、みかん、おひるねみかんジュース、キウイ、鮎、ハーブ、さくら鱒、里いも、原木しいたけ、日本酒、乾燥きくらげ、とん漬け（豚の味噌漬け）、森のおにく（犬用飼料・鹿肉）、ユズ精油（アロマオイル）</t>
    <rPh sb="0" eb="2">
      <t>あしがら</t>
    </rPh>
    <rPh sb="2" eb="3">
      <t>ちゃ</t>
    </rPh>
    <rPh sb="4" eb="6">
      <t>たんざわ</t>
    </rPh>
    <rPh sb="6" eb="8">
      <t>おおやま</t>
    </rPh>
    <rPh sb="8" eb="9">
      <t>ちゃ</t>
    </rPh>
    <rPh sb="30" eb="31">
      <t>あゆ</t>
    </rPh>
    <rPh sb="39" eb="40">
      <t>ます</t>
    </rPh>
    <rPh sb="41" eb="42">
      <t>さと</t>
    </rPh>
    <rPh sb="45" eb="47">
      <t>げんぼく</t>
    </rPh>
    <rPh sb="52" eb="55">
      <t>にほんしゅ</t>
    </rPh>
    <rPh sb="56" eb="58">
      <t>かんそう</t>
    </rPh>
    <rPh sb="65" eb="66">
      <t>づ</t>
    </rPh>
    <rPh sb="68" eb="69">
      <t>ぶた</t>
    </rPh>
    <rPh sb="70" eb="72">
      <t>みそ</t>
    </rPh>
    <rPh sb="72" eb="73">
      <t>づ</t>
    </rPh>
    <rPh sb="76" eb="77">
      <t>もり</t>
    </rPh>
    <rPh sb="82" eb="84">
      <t>いぬよう</t>
    </rPh>
    <rPh sb="84" eb="86">
      <t>しりょう</t>
    </rPh>
    <rPh sb="87" eb="89">
      <t>しかにく</t>
    </rPh>
    <rPh sb="93" eb="95">
      <t>せいゆ</t>
    </rPh>
    <phoneticPr fontId="3" type="Hiragana" alignment="distributed"/>
  </si>
  <si>
    <t>https://www.town.manazuru.kanagawa.jp/</t>
  </si>
  <si>
    <t>市民憲章（昭和57年４月１日制定）　　　　　　　　　　　　　　　　　　　　　　　　　　　　　　　　　　　　　　　　　　　　　　　　　　　　　　　　　　　　　　　　　　　前文
わたくしたちのまちは、東海道五十三次の一つの宿場として古く知られていましたが、国鉄が開通してから農・漁・商業に工業が加わり、近代的な都市となりました。不幸にして関東大震災と第二次大戦によって打撃を受けましたが、雄々しく立ち直り、今や湘南屈指の都市として発展をつづけております。
北に丹沢、西に富士を仰ぎ、南は相模灘に臨み、おだやかな四季、豊かな水など自然の環境にめぐまれています。
このまちを一層住み心地のよい都市に成長させることがわたくしたちの責任です。市制50周年にあたり、わたくしたち平塚市民の生活指標として、ここに市民憲章を制定します。
主文
１．　わたくしたちは、自然を愛し、秩序をまもり、うるおいのある心を育てます。
１．　わたくしたちは、心身を鍛え、仕事に励み、明るい家庭をきずきます。
１．　わたくしたちは、地域の行事にすすんで参加し、友愛の輪を広げます。
１．　わたくしたちは、心を合わせ、安全なまち、豊かなまちをつくります。
１．　わたくしたちは、教養を高め、文化をはぐくみ、世界に目を開きます。</t>
    <phoneticPr fontId="3"/>
  </si>
  <si>
    <r>
      <t xml:space="preserve">計
</t>
    </r>
    <r>
      <rPr>
        <sz val="9"/>
        <rFont val="ＭＳ Ｐ明朝"/>
        <family val="1"/>
        <charset val="128"/>
      </rPr>
      <t>（分類不能含む）</t>
    </r>
    <rPh sb="0" eb="1">
      <t>けい</t>
    </rPh>
    <phoneticPr fontId="3" type="Hiragana" alignment="distributed"/>
  </si>
  <si>
    <t>保健所業務受託（神奈川県）</t>
    <rPh sb="0" eb="3">
      <t>ホケンジョ</t>
    </rPh>
    <rPh sb="3" eb="5">
      <t>ギョウム</t>
    </rPh>
    <rPh sb="5" eb="7">
      <t>ジュタク</t>
    </rPh>
    <rPh sb="8" eb="12">
      <t>カナガワケン</t>
    </rPh>
    <phoneticPr fontId="3"/>
  </si>
  <si>
    <t>介護認定審査会加入（中井町・大井町・松田町・山北町・開成町）</t>
    <rPh sb="7" eb="9">
      <t>カニュウ</t>
    </rPh>
    <phoneticPr fontId="3"/>
  </si>
  <si>
    <t>介護認定審査会加入（南足柄市・大井町・松田町・山北町・開成町）</t>
    <phoneticPr fontId="3"/>
  </si>
  <si>
    <t>火葬事務委託（小田原市）</t>
    <phoneticPr fontId="3"/>
  </si>
  <si>
    <t>介護認定審査会加入（南足柄市・中井町・松田町・山北町・開成町）</t>
    <phoneticPr fontId="3"/>
  </si>
  <si>
    <t>介護認定審査会加入（南足柄市・中井町・大井町・山北町・開成町）</t>
    <phoneticPr fontId="3"/>
  </si>
  <si>
    <t>介護認定審査会加入（南足柄市・中井町・大井町・松田町・開成町）</t>
    <phoneticPr fontId="3"/>
  </si>
  <si>
    <t>介護認定審査会加入（南足柄市・中井町・大井町・松田町・山北町）</t>
    <phoneticPr fontId="3"/>
  </si>
  <si>
    <t>平塚市・大磯町及び二宮町消防通信指令事務協議会加入（大磯</t>
    <rPh sb="0" eb="3">
      <t>ヒラツカシ</t>
    </rPh>
    <rPh sb="4" eb="7">
      <t>オオイソマチ</t>
    </rPh>
    <rPh sb="7" eb="8">
      <t>オヨ</t>
    </rPh>
    <rPh sb="9" eb="12">
      <t>ニノミヤマチ</t>
    </rPh>
    <rPh sb="12" eb="14">
      <t>ショウボウ</t>
    </rPh>
    <rPh sb="14" eb="16">
      <t>ツウシン</t>
    </rPh>
    <rPh sb="16" eb="18">
      <t>シレイ</t>
    </rPh>
    <rPh sb="18" eb="20">
      <t>ジム</t>
    </rPh>
    <rPh sb="20" eb="23">
      <t>キョウギカイ</t>
    </rPh>
    <phoneticPr fontId="8"/>
  </si>
  <si>
    <t>町・二宮町）</t>
    <phoneticPr fontId="3"/>
  </si>
  <si>
    <t>平塚市・大磯町及び二宮町消防通信指令事務協議会加入（平塚</t>
    <rPh sb="0" eb="3">
      <t>ヒラツカシ</t>
    </rPh>
    <rPh sb="4" eb="7">
      <t>オオイソチョウ</t>
    </rPh>
    <rPh sb="7" eb="8">
      <t>オヨ</t>
    </rPh>
    <rPh sb="9" eb="12">
      <t>ニノミヤチョウ</t>
    </rPh>
    <rPh sb="12" eb="14">
      <t>ショウボウ</t>
    </rPh>
    <rPh sb="14" eb="16">
      <t>ツウシン</t>
    </rPh>
    <phoneticPr fontId="8"/>
  </si>
  <si>
    <t>市・二宮町）</t>
    <phoneticPr fontId="3"/>
  </si>
  <si>
    <t>髙橋　正道</t>
    <phoneticPr fontId="3"/>
  </si>
  <si>
    <t>たかはし　まさみち</t>
    <phoneticPr fontId="3"/>
  </si>
  <si>
    <t>山口　貴裕</t>
    <phoneticPr fontId="3" type="Hiragana" alignment="distributed"/>
  </si>
  <si>
    <t>やまぐち　たかひろ</t>
    <phoneticPr fontId="3"/>
  </si>
  <si>
    <t>石塚　修</t>
    <rPh sb="0" eb="2">
      <t>いしづか</t>
    </rPh>
    <rPh sb="3" eb="4">
      <t>おさむ</t>
    </rPh>
    <phoneticPr fontId="3" type="Hiragana" alignment="distributed"/>
  </si>
  <si>
    <t>いしづか　おさむ</t>
    <phoneticPr fontId="3" type="Hiragana" alignment="distributed"/>
  </si>
  <si>
    <t>戸村　裕司</t>
    <phoneticPr fontId="3" type="Hiragana" alignment="distributed"/>
  </si>
  <si>
    <t>とむら　ゆうじ</t>
    <phoneticPr fontId="3" type="Hiragana" alignment="distributed"/>
  </si>
  <si>
    <t>川瀬　久弥</t>
    <rPh sb="0" eb="2">
      <t>カワセ</t>
    </rPh>
    <rPh sb="3" eb="5">
      <t>ヒサヤ</t>
    </rPh>
    <phoneticPr fontId="8"/>
  </si>
  <si>
    <t>かわせ　ひさや</t>
    <phoneticPr fontId="8"/>
  </si>
  <si>
    <t>田村　俊二</t>
    <phoneticPr fontId="3" type="Hiragana" alignment="distributed"/>
  </si>
  <si>
    <t>共にめざす都市像「明日をひらく都市」OPEN×PIONEER 2040 YOKOHAMA</t>
    <rPh sb="0" eb="1">
      <t>トモ</t>
    </rPh>
    <rPh sb="5" eb="7">
      <t>トシ</t>
    </rPh>
    <rPh sb="7" eb="8">
      <t>ゾウ</t>
    </rPh>
    <rPh sb="9" eb="11">
      <t>アス</t>
    </rPh>
    <rPh sb="15" eb="17">
      <t>トシ</t>
    </rPh>
    <phoneticPr fontId="3"/>
  </si>
  <si>
    <t>テーマ01</t>
    <phoneticPr fontId="3"/>
  </si>
  <si>
    <t>「子育て世代への直接支援」では、誰もが安心して出産や育児ができるまちを目指し、小児医療費助成の拡充など</t>
    <phoneticPr fontId="3"/>
  </si>
  <si>
    <t>子育て世代への支援につながる取組を行う。</t>
    <phoneticPr fontId="3"/>
  </si>
  <si>
    <t>テーマ02</t>
    <phoneticPr fontId="3"/>
  </si>
  <si>
    <t>テーマ03</t>
    <phoneticPr fontId="3"/>
  </si>
  <si>
    <t>テーマ04</t>
    <phoneticPr fontId="3"/>
  </si>
  <si>
    <t>テーマ05</t>
    <phoneticPr fontId="3"/>
  </si>
  <si>
    <t>「コミュニティ・生活環境づくり」では、未来を育むつながり・自然・文化・学びに溢れるまちを目指し、新たな図書館像</t>
    <phoneticPr fontId="3"/>
  </si>
  <si>
    <t>の策定など未来を育むつながりに向けた取組を行う。</t>
    <phoneticPr fontId="3"/>
  </si>
  <si>
    <t>「生産年齢人口流入による経済活性化」では、住居・交通・仕事において便利で選ばれるまちを目指し、子育て住ま</t>
    <phoneticPr fontId="3"/>
  </si>
  <si>
    <t>いサポートなど生産年齢人口の流入につながる取組を行う。</t>
    <phoneticPr fontId="3"/>
  </si>
  <si>
    <t>ーアルや2027年国際園芸博覧会の開催に向けた取組を進める。</t>
    <phoneticPr fontId="3"/>
  </si>
  <si>
    <t>「まちの魅力・ブランド力向上」では、いつまでも愛着をもって過ごせる魅力的なまちを目指し、野毛山動物園のリニュ</t>
    <phoneticPr fontId="3"/>
  </si>
  <si>
    <t>「都市の持続可能性」では、将来の世代にわたり安全・安心に暮らせるまちを目指し、Zero Carbon Yokohamaの達成</t>
    <phoneticPr fontId="3"/>
  </si>
  <si>
    <t>に向けた取組などを行う。</t>
    <phoneticPr fontId="3"/>
  </si>
  <si>
    <t>川崎大師、生田緑地、日本民家園、岡本太郎美術館、東海道かわさき宿交流館、藤子・Ｆ・不二雄ミュージアム、等々力緑地、川崎マリエン、工場夜景、ミューザ川崎シンフォニーホール等</t>
    <phoneticPr fontId="8"/>
  </si>
  <si>
    <t>スカジャン、よこすか海軍カレー、横須賀海上自衛隊カレー、ヨコスカネイビーバーガー、ヨコスカチェリーチーズケーキ、よこすか野菜、キャベツ、大根、カボチャ、猿島わかめ、走水のり、佐島のタコ、湘南しらす、相模のとらふぐ</t>
    <rPh sb="99" eb="101">
      <t>サガミ</t>
    </rPh>
    <phoneticPr fontId="8"/>
  </si>
  <si>
    <t>横須賀市民憲章
　私たちの横須賀は、海と緑に恵まれた自然と世界に開かれた交流の歴史のもとで、魅力ある都市をめざし、常に新しいまちづくりに挑戦する気概を身につけてきました。
　 21世紀を迎え、私たちは中核市としての新たな出発を機に新しい時代の先駆けとしての意欲を持ち、市民、企業、行政が共に手を携え、郷土の歴史と文化を尊重し、さらに魅力あるまちづくりをすすめるためにこの憲章を定めます。
　１　すべての国々や人々との交流を深め、国際社会に貢献します。
　２　海と緑の豊かな自然を守り、うるおいと活気のあるまちをつくります。
　３　子どもが健やかに育ち、だれもが生きがいを持てるまちをめざします。
　４　お互いに助け合い、すべての人々が安心して生活できる地域社会を築きます。
　５　災害に強い、安全で暮らしやすいまちを実現します。
                                                                                    　　　　　　　　　　　　　　　　　　　　　　 （平成13年12月18日議決）</t>
    <phoneticPr fontId="8"/>
  </si>
  <si>
    <t>湘南ひらつか名産品（郷土を代表する和菓子、洋菓子、食品加工品、民芸・工芸・工業製品 計22品目）、湘南ひらつか特産品（市内生産の優れた農水産物９品目）</t>
    <rPh sb="0" eb="2">
      <t>ショウナン</t>
    </rPh>
    <rPh sb="6" eb="8">
      <t>メイサン</t>
    </rPh>
    <rPh sb="8" eb="9">
      <t>ヒン</t>
    </rPh>
    <rPh sb="10" eb="12">
      <t>キョウド</t>
    </rPh>
    <rPh sb="13" eb="15">
      <t>ダイヒョウ</t>
    </rPh>
    <rPh sb="17" eb="20">
      <t>ワガシ</t>
    </rPh>
    <rPh sb="21" eb="24">
      <t>ヨウガシ</t>
    </rPh>
    <rPh sb="25" eb="27">
      <t>ショクヒン</t>
    </rPh>
    <rPh sb="27" eb="30">
      <t>カコウヒン</t>
    </rPh>
    <rPh sb="31" eb="33">
      <t>ミンゲイ</t>
    </rPh>
    <rPh sb="34" eb="36">
      <t>コウゲイ</t>
    </rPh>
    <rPh sb="37" eb="39">
      <t>コウギョウ</t>
    </rPh>
    <rPh sb="39" eb="41">
      <t>セイヒン</t>
    </rPh>
    <rPh sb="42" eb="43">
      <t>ケイ</t>
    </rPh>
    <rPh sb="45" eb="47">
      <t>ヒンモク</t>
    </rPh>
    <rPh sb="49" eb="51">
      <t>ショウナン</t>
    </rPh>
    <rPh sb="55" eb="58">
      <t>トクサンヒン</t>
    </rPh>
    <rPh sb="59" eb="61">
      <t>シナイ</t>
    </rPh>
    <rPh sb="61" eb="63">
      <t>セイサン</t>
    </rPh>
    <rPh sb="64" eb="65">
      <t>スグ</t>
    </rPh>
    <rPh sb="67" eb="68">
      <t>ノウ</t>
    </rPh>
    <rPh sb="68" eb="71">
      <t>スイサンブツ</t>
    </rPh>
    <rPh sb="72" eb="74">
      <t>ヒンモク</t>
    </rPh>
    <phoneticPr fontId="8"/>
  </si>
  <si>
    <t>やまと芋、相模川の鮎、津久井のうどん、かんこ焼、くみひも、ブルーベリー、鶏卵、津久井在来大豆、津久井産材加工製品、地酒、ゆず</t>
    <phoneticPr fontId="3" type="Hiragana" alignment="distributed"/>
  </si>
  <si>
    <t>史跡小田原城跡、史跡石垣山（石垣山城）、史跡江戸城石垣石丁場跡（早川石丁場群関白沢支群）、石橋山古戦場、尊徳記念館（二宮尊徳生家）、長興山の枝垂桜、羽根尾（横穴墓）史跡公園、曽我梅林、早川のビランジュ</t>
    <rPh sb="70" eb="72">
      <t>シダ</t>
    </rPh>
    <phoneticPr fontId="8"/>
  </si>
  <si>
    <t>相模人形芝居下中座、小田原囃子、鹿島踊、白髭神社の奉射祭、曽我別所の寿獅子舞、山王原大漁木遣唄、栢山田植歌、根府川の福踊り、ちょうちん踊り</t>
    <rPh sb="0" eb="2">
      <t>サガミ</t>
    </rPh>
    <rPh sb="2" eb="4">
      <t>ニンギョウ</t>
    </rPh>
    <rPh sb="4" eb="6">
      <t>シバイ</t>
    </rPh>
    <rPh sb="6" eb="8">
      <t>シモナカ</t>
    </rPh>
    <rPh sb="8" eb="9">
      <t>ザ</t>
    </rPh>
    <rPh sb="10" eb="13">
      <t>オダワラ</t>
    </rPh>
    <rPh sb="13" eb="15">
      <t>ハヤシ</t>
    </rPh>
    <rPh sb="16" eb="18">
      <t>カシマ</t>
    </rPh>
    <rPh sb="18" eb="19">
      <t>オドリ</t>
    </rPh>
    <rPh sb="20" eb="22">
      <t>シラヒゲ</t>
    </rPh>
    <rPh sb="22" eb="24">
      <t>ジンジャ</t>
    </rPh>
    <rPh sb="25" eb="26">
      <t>トモ</t>
    </rPh>
    <rPh sb="26" eb="27">
      <t>イ</t>
    </rPh>
    <rPh sb="27" eb="28">
      <t>サイ</t>
    </rPh>
    <rPh sb="29" eb="33">
      <t>ソガベッショ</t>
    </rPh>
    <rPh sb="34" eb="35">
      <t>コトブキ</t>
    </rPh>
    <rPh sb="35" eb="38">
      <t>シシマイ</t>
    </rPh>
    <rPh sb="39" eb="41">
      <t>サンノウ</t>
    </rPh>
    <rPh sb="41" eb="42">
      <t>ハラ</t>
    </rPh>
    <rPh sb="42" eb="44">
      <t>タイリョウ</t>
    </rPh>
    <rPh sb="44" eb="46">
      <t>キヤリ</t>
    </rPh>
    <rPh sb="46" eb="47">
      <t>ウタ</t>
    </rPh>
    <rPh sb="48" eb="50">
      <t>カヤマ</t>
    </rPh>
    <rPh sb="50" eb="52">
      <t>タウエ</t>
    </rPh>
    <rPh sb="52" eb="53">
      <t>ウタ</t>
    </rPh>
    <rPh sb="54" eb="57">
      <t>ネブカワ</t>
    </rPh>
    <rPh sb="58" eb="59">
      <t>フク</t>
    </rPh>
    <rPh sb="59" eb="60">
      <t>オド</t>
    </rPh>
    <rPh sb="67" eb="68">
      <t>オド</t>
    </rPh>
    <phoneticPr fontId="8"/>
  </si>
  <si>
    <t>道の駅整備推進事業</t>
    <rPh sb="5" eb="7">
      <t>すいしん</t>
    </rPh>
    <phoneticPr fontId="3" type="Hiragana" alignment="distributed"/>
  </si>
  <si>
    <t>中学校給食実施事業</t>
    <phoneticPr fontId="3" type="Hiragana" alignment="distributed"/>
  </si>
  <si>
    <t>小田急江ノ島線鶴間駅から徒歩12分</t>
    <phoneticPr fontId="3" type="Hiragana" alignment="distributed"/>
  </si>
  <si>
    <t>人と自然と歴史が織りなす　暮らしやすさ実感都市　伊勢原</t>
    <rPh sb="0" eb="1">
      <t>ヒト</t>
    </rPh>
    <rPh sb="2" eb="4">
      <t>シゼン</t>
    </rPh>
    <rPh sb="5" eb="7">
      <t>レキシ</t>
    </rPh>
    <rPh sb="8" eb="9">
      <t>オ</t>
    </rPh>
    <rPh sb="13" eb="14">
      <t>ク</t>
    </rPh>
    <rPh sb="19" eb="21">
      <t>ジッカン</t>
    </rPh>
    <rPh sb="21" eb="23">
      <t>トシ</t>
    </rPh>
    <rPh sb="24" eb="27">
      <t>イセハラ</t>
    </rPh>
    <phoneticPr fontId="3"/>
  </si>
  <si>
    <t>子ども家庭支援拠点整備事業</t>
    <rPh sb="0" eb="1">
      <t>コ</t>
    </rPh>
    <rPh sb="3" eb="5">
      <t>カテイ</t>
    </rPh>
    <rPh sb="5" eb="7">
      <t>シエン</t>
    </rPh>
    <rPh sb="7" eb="9">
      <t>キョテン</t>
    </rPh>
    <rPh sb="9" eb="11">
      <t>セイビ</t>
    </rPh>
    <rPh sb="11" eb="13">
      <t>ジギョウ</t>
    </rPh>
    <phoneticPr fontId="3"/>
  </si>
  <si>
    <t>観光インバウンド等プロモーション事業</t>
    <rPh sb="0" eb="2">
      <t>カンコウ</t>
    </rPh>
    <rPh sb="8" eb="9">
      <t>ナド</t>
    </rPh>
    <rPh sb="16" eb="18">
      <t>ジギョウ</t>
    </rPh>
    <phoneticPr fontId="3"/>
  </si>
  <si>
    <t>伊勢原駅北口市街地整備推進事業</t>
    <rPh sb="0" eb="3">
      <t>イセハラ</t>
    </rPh>
    <rPh sb="3" eb="4">
      <t>エキ</t>
    </rPh>
    <rPh sb="4" eb="6">
      <t>キタグチ</t>
    </rPh>
    <rPh sb="6" eb="9">
      <t>シガイチ</t>
    </rPh>
    <rPh sb="9" eb="11">
      <t>セイビ</t>
    </rPh>
    <rPh sb="11" eb="13">
      <t>スイシン</t>
    </rPh>
    <rPh sb="13" eb="15">
      <t>ジギョウ</t>
    </rPh>
    <phoneticPr fontId="3"/>
  </si>
  <si>
    <t>伊勢原大山インター土地区画整理推進事業</t>
    <rPh sb="0" eb="3">
      <t>イセハラ</t>
    </rPh>
    <rPh sb="3" eb="5">
      <t>オオヤマ</t>
    </rPh>
    <rPh sb="9" eb="11">
      <t>トチ</t>
    </rPh>
    <rPh sb="11" eb="13">
      <t>クカク</t>
    </rPh>
    <rPh sb="13" eb="15">
      <t>セイリ</t>
    </rPh>
    <rPh sb="15" eb="17">
      <t>スイシン</t>
    </rPh>
    <rPh sb="17" eb="19">
      <t>ジギョウ</t>
    </rPh>
    <phoneticPr fontId="3"/>
  </si>
  <si>
    <t>カーボンニュートラル推進事業</t>
    <rPh sb="10" eb="12">
      <t>スイシン</t>
    </rPh>
    <rPh sb="12" eb="14">
      <t>ジギョウ</t>
    </rPh>
    <phoneticPr fontId="3"/>
  </si>
  <si>
    <t>まちの特性や強みを生かした地域産業の振興により、新たな雇用を創出する</t>
    <rPh sb="3" eb="5">
      <t>トクセイ</t>
    </rPh>
    <rPh sb="6" eb="7">
      <t>ツヨ</t>
    </rPh>
    <rPh sb="9" eb="10">
      <t>イ</t>
    </rPh>
    <rPh sb="13" eb="15">
      <t>チイキ</t>
    </rPh>
    <rPh sb="15" eb="17">
      <t>サンギョウ</t>
    </rPh>
    <rPh sb="18" eb="20">
      <t>シンコウ</t>
    </rPh>
    <rPh sb="24" eb="25">
      <t>アラ</t>
    </rPh>
    <rPh sb="27" eb="29">
      <t>コヨウ</t>
    </rPh>
    <rPh sb="30" eb="32">
      <t>ソウシュツ</t>
    </rPh>
    <phoneticPr fontId="3"/>
  </si>
  <si>
    <t>魅力の効果的な発信により、多彩な人の流れをつくる</t>
    <rPh sb="0" eb="2">
      <t>ミリョク</t>
    </rPh>
    <rPh sb="3" eb="6">
      <t>コウカテキ</t>
    </rPh>
    <rPh sb="7" eb="9">
      <t>ハッシン</t>
    </rPh>
    <rPh sb="13" eb="15">
      <t>タサイ</t>
    </rPh>
    <rPh sb="16" eb="17">
      <t>ヒト</t>
    </rPh>
    <rPh sb="18" eb="19">
      <t>ナガ</t>
    </rPh>
    <phoneticPr fontId="3"/>
  </si>
  <si>
    <t>結婚・妊娠・出産・子育ての希望に応え、選ばれるまちをつくる</t>
    <rPh sb="0" eb="2">
      <t>ケッコン</t>
    </rPh>
    <rPh sb="3" eb="5">
      <t>ニンシン</t>
    </rPh>
    <rPh sb="6" eb="8">
      <t>シュッサン</t>
    </rPh>
    <rPh sb="9" eb="11">
      <t>コソダ</t>
    </rPh>
    <rPh sb="13" eb="15">
      <t>キボウ</t>
    </rPh>
    <rPh sb="16" eb="17">
      <t>コタ</t>
    </rPh>
    <rPh sb="19" eb="20">
      <t>エラ</t>
    </rPh>
    <phoneticPr fontId="3"/>
  </si>
  <si>
    <t>持続可能な地域社会を築き、健康で快適な暮らしを創出する</t>
    <rPh sb="0" eb="2">
      <t>ジゾク</t>
    </rPh>
    <rPh sb="2" eb="4">
      <t>カノウ</t>
    </rPh>
    <rPh sb="5" eb="7">
      <t>チイキ</t>
    </rPh>
    <rPh sb="7" eb="9">
      <t>シャカイ</t>
    </rPh>
    <rPh sb="10" eb="11">
      <t>キズ</t>
    </rPh>
    <rPh sb="13" eb="15">
      <t>ケンコウ</t>
    </rPh>
    <rPh sb="16" eb="18">
      <t>カイテキ</t>
    </rPh>
    <rPh sb="19" eb="20">
      <t>ク</t>
    </rPh>
    <rPh sb="23" eb="25">
      <t>ソウシュツ</t>
    </rPh>
    <phoneticPr fontId="3"/>
  </si>
  <si>
    <t>スマート申請の拡充</t>
    <rPh sb="4" eb="6">
      <t>しんせい</t>
    </rPh>
    <rPh sb="7" eb="9">
      <t>かくじゅう</t>
    </rPh>
    <phoneticPr fontId="3" type="Hiragana" alignment="distributed"/>
  </si>
  <si>
    <t>国際化事業の充実</t>
    <rPh sb="0" eb="3">
      <t>こくさいか</t>
    </rPh>
    <rPh sb="3" eb="5">
      <t>じぎょう</t>
    </rPh>
    <rPh sb="6" eb="8">
      <t>じゅうじつ</t>
    </rPh>
    <phoneticPr fontId="3" type="Hiragana" alignment="distributed"/>
  </si>
  <si>
    <t>ひと・まちが輝き　未来へつなぐ</t>
    <rPh sb="6" eb="7">
      <t>カガヤ</t>
    </rPh>
    <rPh sb="9" eb="11">
      <t>ミライ</t>
    </rPh>
    <phoneticPr fontId="3"/>
  </si>
  <si>
    <t>「オール・リソース」宣言</t>
    <rPh sb="10" eb="12">
      <t>センゲン</t>
    </rPh>
    <phoneticPr fontId="3"/>
  </si>
  <si>
    <t>保育所待機児童</t>
    <rPh sb="0" eb="2">
      <t>ホイク</t>
    </rPh>
    <rPh sb="2" eb="3">
      <t>ジョ</t>
    </rPh>
    <rPh sb="3" eb="5">
      <t>タイキ</t>
    </rPh>
    <rPh sb="5" eb="7">
      <t>ジドウ</t>
    </rPh>
    <phoneticPr fontId="3"/>
  </si>
  <si>
    <t>環境政策（脱炭素の取組など）の推進</t>
    <rPh sb="0" eb="2">
      <t>カンキョウ</t>
    </rPh>
    <rPh sb="2" eb="4">
      <t>セイサク</t>
    </rPh>
    <rPh sb="5" eb="6">
      <t>ダツ</t>
    </rPh>
    <rPh sb="6" eb="8">
      <t>タンソ</t>
    </rPh>
    <rPh sb="9" eb="11">
      <t>トリクミ</t>
    </rPh>
    <rPh sb="15" eb="17">
      <t>スイシン</t>
    </rPh>
    <phoneticPr fontId="3"/>
  </si>
  <si>
    <t>企業誘致の実現</t>
    <rPh sb="0" eb="2">
      <t>きぎょう</t>
    </rPh>
    <rPh sb="2" eb="4">
      <t>ゆうち</t>
    </rPh>
    <rPh sb="5" eb="7">
      <t>じつげん</t>
    </rPh>
    <phoneticPr fontId="3" type="Hiragana" alignment="center"/>
  </si>
  <si>
    <t>子育て支援の一層の充実</t>
    <rPh sb="0" eb="2">
      <t>こそだ</t>
    </rPh>
    <rPh sb="3" eb="5">
      <t>しえん</t>
    </rPh>
    <rPh sb="6" eb="8">
      <t>いっそう</t>
    </rPh>
    <rPh sb="9" eb="11">
      <t>じゅうじつ</t>
    </rPh>
    <phoneticPr fontId="3" type="Hiragana" alignment="center"/>
  </si>
  <si>
    <t>交通手段の確保と道路整備</t>
    <rPh sb="0" eb="2">
      <t>コウツウ</t>
    </rPh>
    <rPh sb="2" eb="4">
      <t>シュダン</t>
    </rPh>
    <rPh sb="5" eb="7">
      <t>カクホ</t>
    </rPh>
    <rPh sb="8" eb="10">
      <t>ドウロ</t>
    </rPh>
    <rPh sb="10" eb="12">
      <t>セイビ</t>
    </rPh>
    <phoneticPr fontId="8"/>
  </si>
  <si>
    <t>防災の充実</t>
    <rPh sb="0" eb="2">
      <t>ぼうさい</t>
    </rPh>
    <rPh sb="3" eb="5">
      <t>じゅうじつ</t>
    </rPh>
    <phoneticPr fontId="3" type="Hiragana" alignment="center"/>
  </si>
  <si>
    <t>ゼロカーボンシティ</t>
    <phoneticPr fontId="3"/>
  </si>
  <si>
    <t>(令和4年3月15日表明)</t>
    <rPh sb="10" eb="12">
      <t>ヒョウメイ</t>
    </rPh>
    <phoneticPr fontId="3"/>
  </si>
  <si>
    <t>茅ヶ崎市・寒川町気候非常事態宣言</t>
    <rPh sb="0" eb="4">
      <t>チガサキシ</t>
    </rPh>
    <rPh sb="5" eb="8">
      <t>サムカワマチ</t>
    </rPh>
    <phoneticPr fontId="3"/>
  </si>
  <si>
    <t>こども医療費助成事業（18歳まで拡充）</t>
    <rPh sb="3" eb="6">
      <t>イリョウヒ</t>
    </rPh>
    <rPh sb="6" eb="10">
      <t>ジョセイジギョウ</t>
    </rPh>
    <rPh sb="13" eb="14">
      <t>サイ</t>
    </rPh>
    <rPh sb="16" eb="18">
      <t>カクジュウ</t>
    </rPh>
    <phoneticPr fontId="3"/>
  </si>
  <si>
    <t>学校給食運営事業（小学校給食費無償化）</t>
    <rPh sb="0" eb="2">
      <t>ガッコウ</t>
    </rPh>
    <rPh sb="2" eb="4">
      <t>キュウショク</t>
    </rPh>
    <rPh sb="4" eb="6">
      <t>ウンエイ</t>
    </rPh>
    <rPh sb="6" eb="8">
      <t>ジギョウ</t>
    </rPh>
    <rPh sb="9" eb="14">
      <t>ショウガッコウキュウショク</t>
    </rPh>
    <rPh sb="14" eb="15">
      <t>ヒ</t>
    </rPh>
    <rPh sb="15" eb="18">
      <t>ムショウカ</t>
    </rPh>
    <phoneticPr fontId="3"/>
  </si>
  <si>
    <t>地酒、大井スイーツ、フェイジョア、米、みかん、大根、さつまいも、ひょうたん加工品</t>
    <phoneticPr fontId="8"/>
  </si>
  <si>
    <t>住みたいまち箱根推進事業</t>
    <rPh sb="0" eb="1">
      <t>ス</t>
    </rPh>
    <rPh sb="6" eb="10">
      <t>ハコネスイシン</t>
    </rPh>
    <rPh sb="10" eb="12">
      <t>ジギョウ</t>
    </rPh>
    <phoneticPr fontId="3"/>
  </si>
  <si>
    <t>誘客宣伝事業</t>
    <rPh sb="0" eb="6">
      <t>ユウキャクセンデンジギョウ</t>
    </rPh>
    <phoneticPr fontId="3"/>
  </si>
  <si>
    <t>防災力の強化</t>
    <rPh sb="0" eb="3">
      <t>ボウサイリョク</t>
    </rPh>
    <rPh sb="4" eb="6">
      <t>キョウカ</t>
    </rPh>
    <phoneticPr fontId="8"/>
  </si>
  <si>
    <t>若者定住の促進</t>
    <rPh sb="0" eb="4">
      <t>ワカモノテイジュウ</t>
    </rPh>
    <rPh sb="5" eb="7">
      <t>ソクシン</t>
    </rPh>
    <phoneticPr fontId="8"/>
  </si>
  <si>
    <t>ブランド力の強化</t>
    <rPh sb="4" eb="5">
      <t>リョク</t>
    </rPh>
    <rPh sb="6" eb="8">
      <t>キョウカ</t>
    </rPh>
    <phoneticPr fontId="3"/>
  </si>
  <si>
    <t>持続可能なまちづくり</t>
    <rPh sb="0" eb="4">
      <t>ジゾクカノウ</t>
    </rPh>
    <phoneticPr fontId="8"/>
  </si>
  <si>
    <t>ひかり、みどり、ゆとり、共生のまち愛川</t>
    <phoneticPr fontId="3"/>
  </si>
  <si>
    <t>GIGAスクール及び学校ICT化推進事業</t>
    <rPh sb="8" eb="9">
      <t>オヨ</t>
    </rPh>
    <rPh sb="10" eb="12">
      <t>ガッコウ</t>
    </rPh>
    <rPh sb="15" eb="16">
      <t>カ</t>
    </rPh>
    <rPh sb="16" eb="18">
      <t>スイシン</t>
    </rPh>
    <rPh sb="18" eb="20">
      <t>ジギョウ</t>
    </rPh>
    <phoneticPr fontId="3"/>
  </si>
  <si>
    <t>奈良　浩之</t>
    <phoneticPr fontId="3" type="Hiragana" alignment="distributed"/>
  </si>
  <si>
    <t>岸　正明</t>
    <rPh sb="0" eb="1">
      <t>きし</t>
    </rPh>
    <rPh sb="2" eb="4">
      <t>まさあき</t>
    </rPh>
    <phoneticPr fontId="3" type="Hiragana" alignment="distributed"/>
  </si>
  <si>
    <t>きし　まさあき</t>
    <phoneticPr fontId="3" type="Hiragana" alignment="distributed"/>
  </si>
  <si>
    <t>古谷田　力</t>
    <phoneticPr fontId="3" type="Hiragana" alignment="distributed"/>
  </si>
  <si>
    <t>樋田　久美子</t>
    <phoneticPr fontId="3"/>
  </si>
  <si>
    <t>こやた　つとむ</t>
    <phoneticPr fontId="3"/>
  </si>
  <si>
    <t>ひだ　くみこ</t>
    <phoneticPr fontId="3"/>
  </si>
  <si>
    <t>石渡　正次</t>
    <phoneticPr fontId="3"/>
  </si>
  <si>
    <t>いしわた　しょうじ</t>
    <phoneticPr fontId="3"/>
  </si>
  <si>
    <t>山神　裕</t>
    <phoneticPr fontId="3" type="Hiragana" alignment="distributed"/>
  </si>
  <si>
    <t>山本　研一</t>
    <phoneticPr fontId="3"/>
  </si>
  <si>
    <t>やまもと　けんいち</t>
    <phoneticPr fontId="3"/>
  </si>
  <si>
    <t>やまがみ　ゆたか</t>
    <phoneticPr fontId="3"/>
  </si>
  <si>
    <t>細野　洋一</t>
    <rPh sb="0" eb="2">
      <t>ほその</t>
    </rPh>
    <rPh sb="3" eb="5">
      <t>よういち</t>
    </rPh>
    <phoneticPr fontId="3" type="Hiragana" alignment="distributed"/>
  </si>
  <si>
    <t>ほその　よういち</t>
    <phoneticPr fontId="3" type="Hiragana" alignment="distributed"/>
  </si>
  <si>
    <t>消防事務受託</t>
    <rPh sb="0" eb="2">
      <t>しょうぼう</t>
    </rPh>
    <rPh sb="2" eb="4">
      <t>じむ</t>
    </rPh>
    <rPh sb="4" eb="6">
      <t>じゅたく</t>
    </rPh>
    <phoneticPr fontId="3" type="Hiragana" alignment="distributed"/>
  </si>
  <si>
    <t>（南足柄市・中井町・大井町・松田町・山北町・開成町）</t>
    <phoneticPr fontId="3" type="Hiragana" alignment="distributed"/>
  </si>
  <si>
    <t>証明書等の交付等の事務相互委託</t>
    <rPh sb="11" eb="13">
      <t>そうご</t>
    </rPh>
    <phoneticPr fontId="3" type="Hiragana" alignment="distributed"/>
  </si>
  <si>
    <t>（南足柄市・大井町・松田町・箱根町）</t>
    <phoneticPr fontId="3" type="Hiragana" alignment="distributed"/>
  </si>
  <si>
    <t>火葬事務受託</t>
    <rPh sb="0" eb="2">
      <t>かそう</t>
    </rPh>
    <rPh sb="2" eb="4">
      <t>じむ</t>
    </rPh>
    <rPh sb="4" eb="6">
      <t>じゅたく</t>
    </rPh>
    <phoneticPr fontId="3" type="Hiragana" alignment="distributed"/>
  </si>
  <si>
    <t>（南足柄市・大井町・松田町・山北町・開成町・箱根町）</t>
    <phoneticPr fontId="3"/>
  </si>
  <si>
    <t>住民サービスの向上に係る行政手続等のデジタル化の推進</t>
    <rPh sb="0" eb="2">
      <t>じゅうみん</t>
    </rPh>
    <rPh sb="7" eb="9">
      <t>こうじょう</t>
    </rPh>
    <rPh sb="10" eb="11">
      <t>かかわ</t>
    </rPh>
    <rPh sb="12" eb="14">
      <t>ぎょうせい</t>
    </rPh>
    <rPh sb="14" eb="16">
      <t>てつづ</t>
    </rPh>
    <rPh sb="16" eb="17">
      <t>など</t>
    </rPh>
    <rPh sb="22" eb="23">
      <t>か</t>
    </rPh>
    <rPh sb="24" eb="26">
      <t>すいしん</t>
    </rPh>
    <phoneticPr fontId="3" type="Hiragana" alignment="distributed"/>
  </si>
  <si>
    <t>火葬事務委託（小田原市）</t>
  </si>
  <si>
    <t>障害支援区分等認定審査会加入</t>
    <phoneticPr fontId="3" type="Hiragana" alignment="distributed"/>
  </si>
  <si>
    <t>（南足柄市・中井町・松田町・山北町・開成町）</t>
  </si>
  <si>
    <t>証明書等の交付等の事務相互委託</t>
    <rPh sb="11" eb="13">
      <t>そうご</t>
    </rPh>
    <phoneticPr fontId="3" type="Hiragana" alignment="center"/>
  </si>
  <si>
    <t>（小田原市・南足柄市・松田町・箱根町）</t>
    <phoneticPr fontId="3"/>
  </si>
  <si>
    <t>証明書等の交付等の事務相互委託</t>
    <rPh sb="0" eb="4">
      <t>しょうめいしょとう</t>
    </rPh>
    <rPh sb="5" eb="8">
      <t>こうふとう</t>
    </rPh>
    <rPh sb="9" eb="11">
      <t>じむ</t>
    </rPh>
    <rPh sb="11" eb="13">
      <t>そうご</t>
    </rPh>
    <rPh sb="13" eb="15">
      <t>いたく</t>
    </rPh>
    <phoneticPr fontId="3" type="Hiragana" alignment="center"/>
  </si>
  <si>
    <t>（小田原市・南足柄市・大井町・箱根町）</t>
    <phoneticPr fontId="3" type="Hiragana" alignment="distributed"/>
  </si>
  <si>
    <t>障害支援区分等認定審査会加入</t>
    <rPh sb="0" eb="2">
      <t>しょうがい</t>
    </rPh>
    <rPh sb="2" eb="4">
      <t>しえん</t>
    </rPh>
    <rPh sb="4" eb="6">
      <t>くぶん</t>
    </rPh>
    <rPh sb="6" eb="7">
      <t>とう</t>
    </rPh>
    <rPh sb="7" eb="9">
      <t>にんてい</t>
    </rPh>
    <rPh sb="9" eb="12">
      <t>しんさかい</t>
    </rPh>
    <rPh sb="12" eb="14">
      <t>かにゅう</t>
    </rPh>
    <phoneticPr fontId="3" type="Hiragana" alignment="center"/>
  </si>
  <si>
    <t>（南足柄市・中井町・大井町・山北町・開成町）</t>
    <phoneticPr fontId="3" type="Hiragana" alignment="distributed"/>
  </si>
  <si>
    <t>（南足柄市・中井町・大井町・松田町・開成町）</t>
    <phoneticPr fontId="3" type="Hiragana" alignment="center"/>
  </si>
  <si>
    <t>（南足柄市・中井町・大井町・松田町・山北町）</t>
    <phoneticPr fontId="3" type="Hiragana" alignment="center"/>
  </si>
  <si>
    <t>基地問題に対する取組</t>
    <phoneticPr fontId="3"/>
  </si>
  <si>
    <t>し尿及び浄化槽汚泥の処理に関する事務委託（葉山町）</t>
    <rPh sb="1" eb="2">
      <t>にょう</t>
    </rPh>
    <rPh sb="2" eb="3">
      <t>およ</t>
    </rPh>
    <rPh sb="4" eb="7">
      <t>じょうかそう</t>
    </rPh>
    <rPh sb="7" eb="9">
      <t>おでい</t>
    </rPh>
    <rPh sb="10" eb="12">
      <t>しょり</t>
    </rPh>
    <rPh sb="13" eb="14">
      <t>かん</t>
    </rPh>
    <rPh sb="16" eb="18">
      <t>じむ</t>
    </rPh>
    <rPh sb="18" eb="20">
      <t>いたく</t>
    </rPh>
    <rPh sb="21" eb="24">
      <t>はやままち</t>
    </rPh>
    <phoneticPr fontId="3" type="Hiragana" alignment="distributed"/>
  </si>
  <si>
    <t>し尿及び浄化槽汚泥の処理に関する事務受託（逗子市）</t>
    <rPh sb="18" eb="19">
      <t>じゅ</t>
    </rPh>
    <phoneticPr fontId="3" type="Hiragana" alignment="distributed"/>
  </si>
  <si>
    <t>石井　護</t>
    <rPh sb="0" eb="2">
      <t>いしい</t>
    </rPh>
    <rPh sb="3" eb="4">
      <t>まもる</t>
    </rPh>
    <phoneticPr fontId="3" type="Hiragana" alignment="distributed"/>
  </si>
  <si>
    <t>いしい　まもる</t>
    <phoneticPr fontId="3" type="Hiragana" alignment="distributed"/>
  </si>
  <si>
    <t>松田町ゼロカーボンシティ宣言</t>
    <rPh sb="0" eb="3">
      <t>マツダマチ</t>
    </rPh>
    <rPh sb="12" eb="14">
      <t>センゲン</t>
    </rPh>
    <phoneticPr fontId="3"/>
  </si>
  <si>
    <t>今井　高司</t>
    <rPh sb="0" eb="2">
      <t>いまい</t>
    </rPh>
    <rPh sb="3" eb="5">
      <t>たかし</t>
    </rPh>
    <phoneticPr fontId="3" type="Hiragana" alignment="distributed"/>
  </si>
  <si>
    <t>いまい　たかし</t>
    <phoneticPr fontId="3" type="Hiragana" alignment="distributed"/>
  </si>
  <si>
    <t>つだ　かつとし</t>
    <phoneticPr fontId="8"/>
  </si>
  <si>
    <t>津田　勝稔</t>
    <rPh sb="0" eb="2">
      <t>つだ</t>
    </rPh>
    <rPh sb="3" eb="4">
      <t>かつ</t>
    </rPh>
    <rPh sb="4" eb="5">
      <t>みのる</t>
    </rPh>
    <phoneticPr fontId="3" type="Hiragana" alignment="distributed"/>
  </si>
  <si>
    <t>　令和４年12月に策定した「横浜市中期計画2022～2025」では、2040年頃の横浜のありたい姿として、共にめざす都市像「明日をひらく都市」を描き、その実現に向けた基本戦略「子育てしたいまち 次世代を共に育むまち ヨコハマ」を掲げ、目指す中期的な方向性・姿勢を明確にしました。その上で、10年程度の９つの戦略と４年間に重点的に取り組む38の政策及び行財政運営を定めました。これらの取組を推進することで、横浜の魅力をさらに高め、「住みたい都市」「住み続けたい都市」「選ばれる都市」を目指していきます。</t>
    <rPh sb="1" eb="3">
      <t>レイワ</t>
    </rPh>
    <rPh sb="4" eb="5">
      <t>ネン</t>
    </rPh>
    <rPh sb="7" eb="8">
      <t>ガツ</t>
    </rPh>
    <rPh sb="9" eb="11">
      <t>サクテイ</t>
    </rPh>
    <rPh sb="14" eb="17">
      <t>ヨコハマシ</t>
    </rPh>
    <rPh sb="17" eb="19">
      <t>チュウキ</t>
    </rPh>
    <rPh sb="19" eb="21">
      <t>ケイカク</t>
    </rPh>
    <rPh sb="117" eb="119">
      <t>メザ</t>
    </rPh>
    <phoneticPr fontId="2"/>
  </si>
  <si>
    <t>お札まき（横浜市指定無形民俗文化財/戸塚区・八坂神社）､お馬流し（神奈川県指定無形民俗文化財/中区・本牧神社）　等</t>
    <rPh sb="10" eb="12">
      <t>ムケイ</t>
    </rPh>
    <rPh sb="12" eb="14">
      <t>ミンゾク</t>
    </rPh>
    <rPh sb="14" eb="17">
      <t>ブンカザイ</t>
    </rPh>
    <rPh sb="18" eb="21">
      <t>トツカク</t>
    </rPh>
    <rPh sb="22" eb="24">
      <t>ヤサカ</t>
    </rPh>
    <rPh sb="24" eb="26">
      <t>ジンジャ</t>
    </rPh>
    <rPh sb="39" eb="41">
      <t>ムケイ</t>
    </rPh>
    <rPh sb="41" eb="43">
      <t>ミンゾク</t>
    </rPh>
    <rPh sb="43" eb="46">
      <t>ブンカザイ</t>
    </rPh>
    <rPh sb="47" eb="49">
      <t>ナカク</t>
    </rPh>
    <rPh sb="50" eb="52">
      <t>ホンモク</t>
    </rPh>
    <rPh sb="52" eb="54">
      <t>ジンジャ</t>
    </rPh>
    <phoneticPr fontId="2"/>
  </si>
  <si>
    <t>猿島、長井海の手公園ソレイユの丘、横須賀美術館、観音崎、くりはま花の国、ペリー公園、立石、世界三大記念艦「三笠」、YOKOSUKA軍港めぐり、ルートミュージアムの各サテライト（ヴェルニー公園及びよこすか近代遺産ミュージアム ティボディエ邸ほか）</t>
  </si>
  <si>
    <t>子育て・教育で選ばれるまちの実現</t>
    <rPh sb="0" eb="2">
      <t>こそだ</t>
    </rPh>
    <rPh sb="4" eb="6">
      <t>きょういく</t>
    </rPh>
    <rPh sb="7" eb="8">
      <t>えら</t>
    </rPh>
    <rPh sb="14" eb="16">
      <t>じつげん</t>
    </rPh>
    <phoneticPr fontId="3" type="Hiragana" alignment="distributed"/>
  </si>
  <si>
    <t>福祉の充実による住みやすいまちの実現</t>
    <rPh sb="0" eb="2">
      <t>ふくし</t>
    </rPh>
    <rPh sb="3" eb="5">
      <t>じゅうじつ</t>
    </rPh>
    <rPh sb="8" eb="9">
      <t>す</t>
    </rPh>
    <rPh sb="16" eb="18">
      <t>じつげん</t>
    </rPh>
    <phoneticPr fontId="3" type="Hiragana" alignment="distributed"/>
  </si>
  <si>
    <t>生まれ変わる中心市街地の実現</t>
    <rPh sb="0" eb="1">
      <t>ウ</t>
    </rPh>
    <rPh sb="3" eb="4">
      <t>カ</t>
    </rPh>
    <rPh sb="6" eb="8">
      <t>チュウシン</t>
    </rPh>
    <rPh sb="8" eb="11">
      <t>シガイチ</t>
    </rPh>
    <rPh sb="12" eb="14">
      <t>ジツゲン</t>
    </rPh>
    <phoneticPr fontId="3"/>
  </si>
  <si>
    <t>スポーツ・文化芸術・歴史の聖地の実現</t>
    <rPh sb="5" eb="7">
      <t>ブンカ</t>
    </rPh>
    <rPh sb="7" eb="9">
      <t>ゲイジュツ</t>
    </rPh>
    <rPh sb="10" eb="12">
      <t>レキシ</t>
    </rPh>
    <rPh sb="13" eb="15">
      <t>セイチ</t>
    </rPh>
    <rPh sb="16" eb="18">
      <t>ジツゲン</t>
    </rPh>
    <phoneticPr fontId="3"/>
  </si>
  <si>
    <t>浜降祭（7月）、さむかわ神輿まつり（7月）、寒川町産業まつり（11月）</t>
    <rPh sb="0" eb="1">
      <t>ハマ</t>
    </rPh>
    <rPh sb="1" eb="2">
      <t>オ</t>
    </rPh>
    <rPh sb="2" eb="3">
      <t>サイ</t>
    </rPh>
    <rPh sb="5" eb="6">
      <t>ガツ</t>
    </rPh>
    <rPh sb="12" eb="14">
      <t>ミコシ</t>
    </rPh>
    <rPh sb="19" eb="20">
      <t>ガツ</t>
    </rPh>
    <rPh sb="22" eb="24">
      <t>サムカワ</t>
    </rPh>
    <rPh sb="24" eb="25">
      <t>マチ</t>
    </rPh>
    <rPh sb="25" eb="27">
      <t>サンギョウ</t>
    </rPh>
    <rPh sb="33" eb="34">
      <t>ガツ</t>
    </rPh>
    <phoneticPr fontId="8"/>
  </si>
  <si>
    <t>インターチェンジ周辺土地利用推進事業</t>
    <rPh sb="8" eb="10">
      <t>シュウヘン</t>
    </rPh>
    <rPh sb="10" eb="12">
      <t>トチ</t>
    </rPh>
    <rPh sb="12" eb="14">
      <t>リヨウ</t>
    </rPh>
    <rPh sb="14" eb="16">
      <t>スイシン</t>
    </rPh>
    <rPh sb="16" eb="18">
      <t>ジギョウ</t>
    </rPh>
    <phoneticPr fontId="3"/>
  </si>
  <si>
    <t>横芝光町（千葉県・平成18年11月３日提携（合併前の旧光町とは昭和43年12月１日に提携））
ダラグエテ市（フィリピン・令和５年３月20日交流の推進に関する覚書締結）</t>
    <rPh sb="9" eb="11">
      <t>へいせい</t>
    </rPh>
    <rPh sb="22" eb="24">
      <t>がっぺい</t>
    </rPh>
    <rPh sb="24" eb="25">
      <t>まえ</t>
    </rPh>
    <phoneticPr fontId="3" type="Hiragana" alignment="distributed"/>
  </si>
  <si>
    <t>日米親善スプリングフェスタ、カレーフェスティバル、YYのりものフェスタ、ペリー祭、開国花火大会、みこしパレード、BMXフリースタイルJapanCup、ウインドサーフィンワールドカップ、咸臨丸フェスティバル</t>
    <rPh sb="41" eb="43">
      <t>かいこく</t>
    </rPh>
    <rPh sb="43" eb="45">
      <t>はなび</t>
    </rPh>
    <rPh sb="45" eb="47">
      <t>たいかい</t>
    </rPh>
    <rPh sb="92" eb="95">
      <t>かんりんまる</t>
    </rPh>
    <phoneticPr fontId="3" type="Hiragana" alignment="distributed"/>
  </si>
  <si>
    <t>【行政課題及びＰＲ事項等】</t>
    <phoneticPr fontId="3"/>
  </si>
  <si>
    <t>森戸神社例大祭（9月）、ビッグハヤマ・マーケット（10月）</t>
    <phoneticPr fontId="3" type="Hiragana" alignment="distributed"/>
  </si>
  <si>
    <t>はこねデジタル未来宣言</t>
    <rPh sb="7" eb="9">
      <t>ミライ</t>
    </rPh>
    <rPh sb="9" eb="11">
      <t>センゲン</t>
    </rPh>
    <phoneticPr fontId="3"/>
  </si>
  <si>
    <t>(令和４年8月22日制定）</t>
    <rPh sb="1" eb="3">
      <t>レイワ</t>
    </rPh>
    <rPh sb="4" eb="5">
      <t>ネン</t>
    </rPh>
    <rPh sb="10" eb="12">
      <t>セイテイ</t>
    </rPh>
    <phoneticPr fontId="3"/>
  </si>
  <si>
    <t>【姉妹都市】洞爺湖町（北海道・昭和39年7月4日提携）、ジャスパー町（カナダ・昭和47年7月4日提携）、タウポ町（ニュージーランド・昭和62年10月7日提携）
【友好都市】サンモリッツ（スイス・平成26年11月2日提携）</t>
    <rPh sb="1" eb="5">
      <t>しまいとし</t>
    </rPh>
    <rPh sb="81" eb="85">
      <t>ゆうこうとし</t>
    </rPh>
    <rPh sb="97" eb="99">
      <t>へいせい</t>
    </rPh>
    <rPh sb="101" eb="102">
      <t>ねん</t>
    </rPh>
    <rPh sb="104" eb="105">
      <t>がつ</t>
    </rPh>
    <rPh sb="106" eb="107">
      <t>にち</t>
    </rPh>
    <rPh sb="107" eb="109">
      <t>ていけい</t>
    </rPh>
    <phoneticPr fontId="3" type="Hiragana" alignment="distributed"/>
  </si>
  <si>
    <t>箱根細工、芦ノ湖のわかさぎ、箱根寄木細工・木象嵌</t>
    <rPh sb="22" eb="23">
      <t>ゾウ</t>
    </rPh>
    <phoneticPr fontId="3"/>
  </si>
  <si>
    <t>湖水まつり（7月31日）、鳥居焼まつり（8月5日）、箱根大文字焼（8月16日）、箱根大名行列（11月3日）</t>
    <rPh sb="10" eb="11">
      <t>ニチ</t>
    </rPh>
    <rPh sb="23" eb="24">
      <t>ニチ</t>
    </rPh>
    <rPh sb="37" eb="38">
      <t>ニチ</t>
    </rPh>
    <rPh sb="51" eb="52">
      <t>ニチ</t>
    </rPh>
    <phoneticPr fontId="3"/>
  </si>
  <si>
    <t>高座豚、ブロッコリー、菜速　あやせコーン(トウモロコシ)、トマト、レタス、自然派王家ハム＆ソーセージ、おおくぼの豚みそ漬、あやせサブレ、あやせ本醸造、あやせプリン、あやせとんすきメンチ</t>
    <phoneticPr fontId="3" type="Hiragana" alignment="distributed"/>
  </si>
  <si>
    <t>〇中期計画で新たに掲げた基本戦略では、子育て世代への直接支援をはじめとして、５つのテーマで構成されている。</t>
    <rPh sb="23" eb="24">
      <t>ダイ</t>
    </rPh>
    <phoneticPr fontId="3"/>
  </si>
  <si>
    <t>教育水準の改善・向上</t>
    <rPh sb="0" eb="2">
      <t>キョウイク</t>
    </rPh>
    <rPh sb="2" eb="4">
      <t>スイジュン</t>
    </rPh>
    <rPh sb="5" eb="7">
      <t>カイゼン</t>
    </rPh>
    <rPh sb="8" eb="10">
      <t>コウジョウ</t>
    </rPh>
    <phoneticPr fontId="8"/>
  </si>
  <si>
    <t>池田　東一郎</t>
    <rPh sb="0" eb="2">
      <t>いけだ</t>
    </rPh>
    <rPh sb="3" eb="4">
      <t>あずま</t>
    </rPh>
    <rPh sb="4" eb="6">
      <t>いちろう</t>
    </rPh>
    <phoneticPr fontId="3" type="Hiragana" alignment="distributed"/>
  </si>
  <si>
    <t>鈴木　一男</t>
    <phoneticPr fontId="3"/>
  </si>
  <si>
    <t>すずき　かずお</t>
    <phoneticPr fontId="3"/>
  </si>
  <si>
    <t>いけだ　とういちろう</t>
    <phoneticPr fontId="3" type="Hiragana" alignment="distributed"/>
  </si>
  <si>
    <t>石井　賢之</t>
    <rPh sb="0" eb="2">
      <t>いしい</t>
    </rPh>
    <rPh sb="3" eb="4">
      <t>けん</t>
    </rPh>
    <rPh sb="4" eb="5">
      <t>の</t>
    </rPh>
    <phoneticPr fontId="3" type="Hiragana" alignment="distributed"/>
  </si>
  <si>
    <t>いしい　けんし</t>
    <phoneticPr fontId="3"/>
  </si>
  <si>
    <t>なら　ひろゆき</t>
    <phoneticPr fontId="3" type="Hiragana" alignment="distributed"/>
  </si>
  <si>
    <t>伊地知　英弘</t>
    <rPh sb="0" eb="3">
      <t>いぢち</t>
    </rPh>
    <rPh sb="4" eb="5">
      <t>えい</t>
    </rPh>
    <rPh sb="5" eb="6">
      <t>ひろし</t>
    </rPh>
    <phoneticPr fontId="3" type="Hiragana" alignment="distributed"/>
  </si>
  <si>
    <t>大久保　智子</t>
    <phoneticPr fontId="3" type="Hiragana" alignment="distributed"/>
  </si>
  <si>
    <t>佐藤　広毅</t>
    <rPh sb="0" eb="2">
      <t>サトウ</t>
    </rPh>
    <rPh sb="3" eb="4">
      <t>ヒロ</t>
    </rPh>
    <rPh sb="4" eb="5">
      <t>タケシ</t>
    </rPh>
    <phoneticPr fontId="8"/>
  </si>
  <si>
    <t>さとう　ひろたか</t>
    <phoneticPr fontId="8"/>
  </si>
  <si>
    <t>加藤　順一</t>
    <rPh sb="0" eb="2">
      <t>かとう</t>
    </rPh>
    <rPh sb="3" eb="5">
      <t>じゅんいち</t>
    </rPh>
    <phoneticPr fontId="3" type="Hiragana" alignment="distributed"/>
  </si>
  <si>
    <t>藤倉　茂起</t>
    <phoneticPr fontId="3" type="Hiragana" alignment="distributed"/>
  </si>
  <si>
    <t>三田村　有也</t>
    <rPh sb="0" eb="3">
      <t>みたむら</t>
    </rPh>
    <rPh sb="4" eb="6">
      <t>ゆうや</t>
    </rPh>
    <phoneticPr fontId="3" type="Hiragana" alignment="distributed"/>
  </si>
  <si>
    <t>みたむら　ともなり</t>
    <phoneticPr fontId="3" type="Hiragana" alignment="distributed"/>
  </si>
  <si>
    <t>中山　良平</t>
    <phoneticPr fontId="3" type="Hiragana" alignment="distributed"/>
  </si>
  <si>
    <t>なかやま　りょうへい</t>
    <phoneticPr fontId="3" type="Hiragana" alignment="distributed"/>
  </si>
  <si>
    <t>川﨑　隆之</t>
    <phoneticPr fontId="3" type="Hiragana" alignment="distributed"/>
  </si>
  <si>
    <t>かわさき　たかゆき</t>
    <phoneticPr fontId="3" type="Hiragana" alignment="distributed"/>
  </si>
  <si>
    <t>岩田　佳恵</t>
    <phoneticPr fontId="3" type="Hiragana" alignment="center"/>
  </si>
  <si>
    <t>いわた　よしえ</t>
    <phoneticPr fontId="3" type="Hiragana" alignment="center"/>
  </si>
  <si>
    <t>深澤　文武</t>
    <phoneticPr fontId="3" type="Hiragana" alignment="center"/>
  </si>
  <si>
    <t>ふかざわ　ふみたけ</t>
    <phoneticPr fontId="8"/>
  </si>
  <si>
    <t>平野　由里子</t>
    <phoneticPr fontId="3" type="Hiragana" alignment="distributed"/>
  </si>
  <si>
    <t>ひらの　ゆりこ</t>
    <phoneticPr fontId="8"/>
  </si>
  <si>
    <t>南雲　まさ子</t>
    <rPh sb="0" eb="2">
      <t>なぐも</t>
    </rPh>
    <rPh sb="5" eb="6">
      <t>こ</t>
    </rPh>
    <phoneticPr fontId="3" type="Hiragana" alignment="distributed"/>
  </si>
  <si>
    <t>なぐも　まさこ　</t>
    <phoneticPr fontId="3" type="Hiragana" alignment="distributed"/>
  </si>
  <si>
    <t>石田　浩二</t>
    <phoneticPr fontId="3" type="Hiragana" alignment="distributed"/>
  </si>
  <si>
    <t>いしだ　こうじ</t>
    <phoneticPr fontId="3" type="Hiragana" alignment="distributed"/>
  </si>
  <si>
    <t>稲葉　親太郎</t>
    <phoneticPr fontId="3" type="Hiragana" alignment="distributed"/>
  </si>
  <si>
    <t>いなば　しんたろう</t>
    <phoneticPr fontId="8"/>
  </si>
  <si>
    <t>小林　伸行</t>
    <phoneticPr fontId="3" type="Hiragana" alignment="distributed"/>
  </si>
  <si>
    <t>こばやし　のぶゆき</t>
    <phoneticPr fontId="8"/>
  </si>
  <si>
    <t>大塚　伸二</t>
    <phoneticPr fontId="3"/>
  </si>
  <si>
    <t>おおつか　しんじ</t>
    <phoneticPr fontId="3"/>
  </si>
  <si>
    <t>海野　弘幸</t>
    <phoneticPr fontId="3" type="Hiragana" alignment="distributed"/>
  </si>
  <si>
    <t>うみの　ひろゆき</t>
    <phoneticPr fontId="8"/>
  </si>
  <si>
    <t>村瀬　公大</t>
    <phoneticPr fontId="3" type="Hiragana" alignment="distributed"/>
  </si>
  <si>
    <t>善本　真人</t>
    <phoneticPr fontId="3" type="Hiragana" alignment="distributed"/>
  </si>
  <si>
    <t>むらせ　こうだい</t>
    <phoneticPr fontId="3" type="Hiragana" alignment="distributed"/>
  </si>
  <si>
    <t>よしもと　まさと</t>
    <phoneticPr fontId="3" type="Hiragana" alignment="distributed"/>
  </si>
  <si>
    <t>井出　一己</t>
    <phoneticPr fontId="3" type="Hiragana" alignment="distributed"/>
  </si>
  <si>
    <t>いで　かずみ</t>
    <phoneticPr fontId="8"/>
  </si>
  <si>
    <t>山中　正樹</t>
    <phoneticPr fontId="3" type="Hiragana" alignment="distributed"/>
  </si>
  <si>
    <t>やまなか　まさき</t>
    <phoneticPr fontId="3" type="Hiragana" alignment="distributed"/>
  </si>
  <si>
    <t>ザよこはまパレード（5月）、横浜開港祭（6月）､ワールドフェスタ・ヨコハマ（10月）、横濱 JAZZ PROMENADE（10月）</t>
    <phoneticPr fontId="3"/>
  </si>
  <si>
    <t>サイクルシティ宣言</t>
    <phoneticPr fontId="3"/>
  </si>
  <si>
    <t>座間市大凧まつり（5月）、ひまわりまつり（8月）、市民ふるさとまつり（11月）</t>
    <phoneticPr fontId="8"/>
  </si>
  <si>
    <t>第五次座間市総合計画－ざま未来プラン－実施計画（令和6年度～令和8年度）で分野横断的に取組む１１事業（シティプロモーション推進事業、ゼロカーボン推進補助事業、地域少子化対策推進事業ほか）を位置付けている。</t>
    <rPh sb="0" eb="2">
      <t>ダイゴ</t>
    </rPh>
    <rPh sb="2" eb="3">
      <t>ジ</t>
    </rPh>
    <rPh sb="6" eb="8">
      <t>ソウゴウ</t>
    </rPh>
    <rPh sb="8" eb="10">
      <t>ケイカク</t>
    </rPh>
    <rPh sb="13" eb="15">
      <t>ミライ</t>
    </rPh>
    <rPh sb="37" eb="39">
      <t>ブンヤ</t>
    </rPh>
    <rPh sb="39" eb="41">
      <t>オウダン</t>
    </rPh>
    <rPh sb="41" eb="42">
      <t>テキ</t>
    </rPh>
    <rPh sb="43" eb="45">
      <t>トリクミ</t>
    </rPh>
    <rPh sb="48" eb="50">
      <t>ジギョウ</t>
    </rPh>
    <rPh sb="61" eb="63">
      <t>スイシン</t>
    </rPh>
    <rPh sb="63" eb="65">
      <t>ジギョウ</t>
    </rPh>
    <phoneticPr fontId="3"/>
  </si>
  <si>
    <t>脱炭素社会の実現に向けた取組</t>
    <rPh sb="0" eb="1">
      <t>ダツ</t>
    </rPh>
    <rPh sb="1" eb="3">
      <t>タンソ</t>
    </rPh>
    <rPh sb="3" eb="5">
      <t>シャカイ</t>
    </rPh>
    <rPh sb="6" eb="8">
      <t>ジツゲン</t>
    </rPh>
    <rPh sb="9" eb="10">
      <t>ム</t>
    </rPh>
    <rPh sb="12" eb="14">
      <t>トリクミ</t>
    </rPh>
    <phoneticPr fontId="3"/>
  </si>
  <si>
    <t>ＤＸ推進</t>
    <rPh sb="2" eb="4">
      <t>スイシン</t>
    </rPh>
    <phoneticPr fontId="3"/>
  </si>
  <si>
    <t>みんなでつくる　こころ豊かに暮らせるまち　やまきた</t>
    <rPh sb="11" eb="12">
      <t>ゆた</t>
    </rPh>
    <rPh sb="14" eb="15">
      <t>く</t>
    </rPh>
    <phoneticPr fontId="3" type="Hiragana" alignment="distributed"/>
  </si>
  <si>
    <t>東山北1000まちづくり基本計画推進事業</t>
    <rPh sb="0" eb="3">
      <t>ヒガシヤマキタ</t>
    </rPh>
    <rPh sb="12" eb="14">
      <t>キホン</t>
    </rPh>
    <rPh sb="14" eb="16">
      <t>ケイカク</t>
    </rPh>
    <rPh sb="16" eb="20">
      <t>スイシンジギョウ</t>
    </rPh>
    <phoneticPr fontId="8"/>
  </si>
  <si>
    <t>（仮称）山北スマートIC土地利用構想関連事業</t>
    <rPh sb="1" eb="3">
      <t>かしょう</t>
    </rPh>
    <rPh sb="4" eb="6">
      <t>やまきた</t>
    </rPh>
    <rPh sb="12" eb="14">
      <t>とち</t>
    </rPh>
    <rPh sb="14" eb="16">
      <t>りよう</t>
    </rPh>
    <rPh sb="16" eb="18">
      <t>こうそう</t>
    </rPh>
    <rPh sb="18" eb="20">
      <t>かんれん</t>
    </rPh>
    <rPh sb="20" eb="22">
      <t>じぎょう</t>
    </rPh>
    <phoneticPr fontId="3" type="Hiragana" alignment="distributed"/>
  </si>
  <si>
    <t>子育て支援事業</t>
    <rPh sb="0" eb="2">
      <t>コソダ</t>
    </rPh>
    <rPh sb="3" eb="5">
      <t>シエン</t>
    </rPh>
    <rPh sb="5" eb="7">
      <t>ジギョウ</t>
    </rPh>
    <phoneticPr fontId="8"/>
  </si>
  <si>
    <t>福祉・介護サービスの整備、充実、高度化</t>
    <rPh sb="0" eb="2">
      <t>フクシ</t>
    </rPh>
    <rPh sb="3" eb="5">
      <t>カイゴ</t>
    </rPh>
    <rPh sb="10" eb="12">
      <t>セイビ</t>
    </rPh>
    <rPh sb="13" eb="15">
      <t>ジュウジツ</t>
    </rPh>
    <rPh sb="16" eb="19">
      <t>コウドカ</t>
    </rPh>
    <phoneticPr fontId="8"/>
  </si>
  <si>
    <t>大規模災害への備え、防災意識の向上</t>
    <rPh sb="0" eb="3">
      <t>ダイキボ</t>
    </rPh>
    <rPh sb="3" eb="5">
      <t>サイガイ</t>
    </rPh>
    <rPh sb="7" eb="8">
      <t>ソナ</t>
    </rPh>
    <rPh sb="10" eb="12">
      <t>ボウサイ</t>
    </rPh>
    <rPh sb="12" eb="14">
      <t>イシキ</t>
    </rPh>
    <rPh sb="15" eb="17">
      <t>コウジョウ</t>
    </rPh>
    <phoneticPr fontId="8"/>
  </si>
  <si>
    <t>森林の持つ多面的機能の持続</t>
    <rPh sb="0" eb="2">
      <t>しんりん</t>
    </rPh>
    <rPh sb="3" eb="4">
      <t>も</t>
    </rPh>
    <rPh sb="5" eb="8">
      <t>ためんてき</t>
    </rPh>
    <rPh sb="8" eb="10">
      <t>きのう</t>
    </rPh>
    <rPh sb="11" eb="13">
      <t>じぞく</t>
    </rPh>
    <phoneticPr fontId="3" type="Hiragana" alignment="distributed"/>
  </si>
  <si>
    <t>地域の実情にあった公共交通の確保、利便性の向上</t>
    <rPh sb="0" eb="2">
      <t>チイキ</t>
    </rPh>
    <rPh sb="3" eb="5">
      <t>ジツジョウ</t>
    </rPh>
    <rPh sb="9" eb="11">
      <t>コウキョウ</t>
    </rPh>
    <rPh sb="11" eb="13">
      <t>コウツウ</t>
    </rPh>
    <rPh sb="14" eb="16">
      <t>カクホ</t>
    </rPh>
    <rPh sb="17" eb="20">
      <t>リベンセイ</t>
    </rPh>
    <rPh sb="21" eb="23">
      <t>コウジョウ</t>
    </rPh>
    <phoneticPr fontId="3"/>
  </si>
  <si>
    <t>地震等防災対策事業</t>
    <rPh sb="0" eb="2">
      <t>ジシン</t>
    </rPh>
    <rPh sb="2" eb="3">
      <t>トウ</t>
    </rPh>
    <rPh sb="3" eb="5">
      <t>ボウサイ</t>
    </rPh>
    <rPh sb="5" eb="7">
      <t>タイサク</t>
    </rPh>
    <rPh sb="7" eb="9">
      <t>ジギョウ</t>
    </rPh>
    <rPh sb="8" eb="9">
      <t>ショクジ</t>
    </rPh>
    <phoneticPr fontId="3"/>
  </si>
  <si>
    <t>自然薯、清川茶、清川恵水ポーク、緑茶焼酎「摘生」、きよかわ梅酒、きよかわゆず酒、茶わらび、茶マドレーヌ、茶クッキー、パン、村の手作りソーセージ・ベーコン、きよかわジェラート、畳雑貨　等</t>
    <rPh sb="0" eb="3">
      <t>ジネンジョ</t>
    </rPh>
    <rPh sb="4" eb="7">
      <t>キヨカワチャ</t>
    </rPh>
    <rPh sb="8" eb="10">
      <t>キヨカワ</t>
    </rPh>
    <rPh sb="10" eb="12">
      <t>メグミミズ</t>
    </rPh>
    <rPh sb="16" eb="18">
      <t>リョクチャ</t>
    </rPh>
    <rPh sb="18" eb="20">
      <t>ショウチュウ</t>
    </rPh>
    <rPh sb="21" eb="22">
      <t>ツ</t>
    </rPh>
    <rPh sb="22" eb="23">
      <t>セイ</t>
    </rPh>
    <rPh sb="29" eb="31">
      <t>ウメシュ</t>
    </rPh>
    <rPh sb="38" eb="39">
      <t>シュ</t>
    </rPh>
    <rPh sb="40" eb="41">
      <t>チャ</t>
    </rPh>
    <rPh sb="45" eb="46">
      <t>チャ</t>
    </rPh>
    <rPh sb="52" eb="53">
      <t>チャ</t>
    </rPh>
    <rPh sb="61" eb="62">
      <t>ムラ</t>
    </rPh>
    <rPh sb="63" eb="65">
      <t>テヅク</t>
    </rPh>
    <rPh sb="87" eb="88">
      <t>タタミ</t>
    </rPh>
    <rPh sb="88" eb="90">
      <t>ザッカ</t>
    </rPh>
    <rPh sb="91" eb="92">
      <t>ナド</t>
    </rPh>
    <phoneticPr fontId="8"/>
  </si>
  <si>
    <t>水と緑あふれる心のふるさと</t>
    <rPh sb="0" eb="1">
      <t>ミズ</t>
    </rPh>
    <rPh sb="2" eb="3">
      <t>ミドリ</t>
    </rPh>
    <rPh sb="7" eb="8">
      <t>ココロ</t>
    </rPh>
    <phoneticPr fontId="3"/>
  </si>
  <si>
    <t>誰もが主役のプラットフォーム事業</t>
    <rPh sb="0" eb="1">
      <t>ダレ</t>
    </rPh>
    <rPh sb="3" eb="5">
      <t>シュヤク</t>
    </rPh>
    <rPh sb="14" eb="16">
      <t>ジギョウ</t>
    </rPh>
    <phoneticPr fontId="3"/>
  </si>
  <si>
    <t>子育て支援紙おむつ等支給事業</t>
    <rPh sb="0" eb="2">
      <t>こそだ</t>
    </rPh>
    <rPh sb="3" eb="5">
      <t>しえん</t>
    </rPh>
    <rPh sb="5" eb="6">
      <t>かみ</t>
    </rPh>
    <rPh sb="9" eb="10">
      <t>など</t>
    </rPh>
    <rPh sb="10" eb="14">
      <t>しきゅうじぎょう</t>
    </rPh>
    <phoneticPr fontId="3" type="Hiragana" alignment="distributed"/>
  </si>
  <si>
    <t>あつぎ温泉郷、飯山観音、飯山白山森林公園、県立七沢森林公園、荻野山中藩陣屋跡史跡公園、登山古墳史跡公園、旧厚木村渡船場跡、烏山藩厚木役所跡、金田建徳寺本間氏累代の墓</t>
    <rPh sb="3" eb="6">
      <t>おんせんきょう</t>
    </rPh>
    <rPh sb="30" eb="32">
      <t>おぎの</t>
    </rPh>
    <rPh sb="32" eb="34">
      <t>やまなか</t>
    </rPh>
    <rPh sb="34" eb="35">
      <t>はん</t>
    </rPh>
    <rPh sb="35" eb="37">
      <t>じんや</t>
    </rPh>
    <rPh sb="37" eb="38">
      <t>あと</t>
    </rPh>
    <rPh sb="38" eb="40">
      <t>しせき</t>
    </rPh>
    <rPh sb="40" eb="42">
      <t>こうえん</t>
    </rPh>
    <rPh sb="43" eb="45">
      <t>とざん</t>
    </rPh>
    <rPh sb="45" eb="47">
      <t>こふん</t>
    </rPh>
    <rPh sb="47" eb="49">
      <t>しせき</t>
    </rPh>
    <rPh sb="49" eb="51">
      <t>こうえん</t>
    </rPh>
    <rPh sb="52" eb="53">
      <t>きゅう</t>
    </rPh>
    <rPh sb="53" eb="55">
      <t>あつぎ</t>
    </rPh>
    <rPh sb="55" eb="56">
      <t>むら</t>
    </rPh>
    <rPh sb="56" eb="58">
      <t>とせん</t>
    </rPh>
    <rPh sb="58" eb="59">
      <t>ば</t>
    </rPh>
    <rPh sb="59" eb="60">
      <t>あと</t>
    </rPh>
    <rPh sb="61" eb="62">
      <t>からす</t>
    </rPh>
    <rPh sb="62" eb="63">
      <t>やま</t>
    </rPh>
    <rPh sb="63" eb="64">
      <t>はん</t>
    </rPh>
    <rPh sb="64" eb="66">
      <t>あつぎ</t>
    </rPh>
    <rPh sb="66" eb="68">
      <t>やくしょ</t>
    </rPh>
    <rPh sb="68" eb="69">
      <t>あと</t>
    </rPh>
    <phoneticPr fontId="8" type="Hiragana" alignment="distributed"/>
  </si>
  <si>
    <t>災害から命と暮らしを守り抜くまちの実現</t>
    <rPh sb="0" eb="2">
      <t>サイガイ</t>
    </rPh>
    <rPh sb="4" eb="5">
      <t>イノチ</t>
    </rPh>
    <rPh sb="6" eb="7">
      <t>ク</t>
    </rPh>
    <rPh sb="10" eb="11">
      <t>マモ</t>
    </rPh>
    <rPh sb="12" eb="13">
      <t>ヌ</t>
    </rPh>
    <rPh sb="17" eb="19">
      <t>ジツゲン</t>
    </rPh>
    <phoneticPr fontId="3"/>
  </si>
  <si>
    <t>愛川ブランド（22ブランド）、やまなみグッズ（1７品目）</t>
    <phoneticPr fontId="3" type="Hiragana" alignment="distributed"/>
  </si>
  <si>
    <t>大岡越前祭（4月)、湘南祭、茅ヶ崎アロハマーケット（5月)、浜降祭（7月)、サザンビーチちがさき花火大会（8月）</t>
    <phoneticPr fontId="8"/>
  </si>
  <si>
    <t>神奈川 やまと最中、湘南ポテト、高級手造りソーセージ チローラ、羊羹 和み、パイナップルケーキ　など</t>
    <rPh sb="32" eb="34">
      <t>ヨウカン</t>
    </rPh>
    <rPh sb="35" eb="36">
      <t>ナゴ</t>
    </rPh>
    <phoneticPr fontId="8"/>
  </si>
  <si>
    <t>みかん、湘南の輝き（ハウスみかん）、湘南のかほり（高糖度みかん）、湘南レッド（赤玉ねぎ）、きゅうり、大玉柿、湘南しらす、大磯マコモ、湘南米（はるみ）</t>
    <rPh sb="60" eb="62">
      <t>オオイソ</t>
    </rPh>
    <rPh sb="66" eb="69">
      <t>ショウナンマイ</t>
    </rPh>
    <phoneticPr fontId="3"/>
  </si>
  <si>
    <t>大磯式部活動構築事業（地域移行に向けた整備）</t>
    <rPh sb="0" eb="2">
      <t>オオイソ</t>
    </rPh>
    <rPh sb="2" eb="3">
      <t>シキ</t>
    </rPh>
    <rPh sb="3" eb="6">
      <t>ブカツドウ</t>
    </rPh>
    <rPh sb="6" eb="8">
      <t>コウチク</t>
    </rPh>
    <rPh sb="8" eb="10">
      <t>ジギョウ</t>
    </rPh>
    <rPh sb="11" eb="13">
      <t>チイキ</t>
    </rPh>
    <rPh sb="13" eb="15">
      <t>イコウ</t>
    </rPh>
    <rPh sb="16" eb="17">
      <t>ム</t>
    </rPh>
    <rPh sb="19" eb="21">
      <t>セイビ</t>
    </rPh>
    <phoneticPr fontId="3"/>
  </si>
  <si>
    <t>防災行政無線更新事業（防災行政無線の機能強化）</t>
    <rPh sb="0" eb="2">
      <t>ボウサイ</t>
    </rPh>
    <rPh sb="2" eb="4">
      <t>ギョウセイ</t>
    </rPh>
    <rPh sb="4" eb="6">
      <t>ムセン</t>
    </rPh>
    <rPh sb="6" eb="10">
      <t>コウシンジギョウ</t>
    </rPh>
    <rPh sb="11" eb="15">
      <t>ボウサイギョウセイ</t>
    </rPh>
    <rPh sb="15" eb="17">
      <t>ムセン</t>
    </rPh>
    <rPh sb="18" eb="22">
      <t>キノウキョウカ</t>
    </rPh>
    <phoneticPr fontId="3"/>
  </si>
  <si>
    <t>油壺湾と油壺温泉、剱崎、城ヶ島と大橋、新井城跡、三崎城跡、和田城跡、ウミウ生息地、海南神社、赤坂遺跡</t>
    <rPh sb="6" eb="8">
      <t>オンセン</t>
    </rPh>
    <phoneticPr fontId="8"/>
  </si>
  <si>
    <t>道寸祭り（5月）、みさき白秋まつり碑前祭（7月）、三浦海岸納涼まつり花火大会（8月）、みうら夜市（10月）、三崎港町まつり（10月）、三浦海岸桜まつり（2～3月）、三浦国際市民マラソン（３月）</t>
    <rPh sb="40" eb="41">
      <t>ガツ</t>
    </rPh>
    <phoneticPr fontId="8"/>
  </si>
  <si>
    <t>二宮町気候非常事態宣言</t>
    <phoneticPr fontId="3"/>
  </si>
  <si>
    <t>（令和5年5月14日制定）</t>
    <rPh sb="1" eb="3">
      <t>レイワ</t>
    </rPh>
    <rPh sb="4" eb="5">
      <t>ネン</t>
    </rPh>
    <rPh sb="6" eb="7">
      <t>ガツ</t>
    </rPh>
    <rPh sb="9" eb="10">
      <t>ニチ</t>
    </rPh>
    <rPh sb="10" eb="12">
      <t>セイテイ</t>
    </rPh>
    <phoneticPr fontId="3"/>
  </si>
  <si>
    <t>母子保健事業</t>
    <rPh sb="0" eb="6">
      <t>ぼしほけんじぎょう</t>
    </rPh>
    <phoneticPr fontId="3" type="Hiragana" alignment="distributed"/>
  </si>
  <si>
    <t>包括的支援体制推進事業</t>
    <rPh sb="0" eb="3">
      <t>ホウカツテキ</t>
    </rPh>
    <rPh sb="3" eb="7">
      <t>シエンタイセイ</t>
    </rPh>
    <rPh sb="7" eb="11">
      <t>スイシンジギョウ</t>
    </rPh>
    <phoneticPr fontId="3"/>
  </si>
  <si>
    <t>地域公共交通の確保・充実</t>
    <rPh sb="0" eb="6">
      <t>チイキコウキョウコウツウ</t>
    </rPh>
    <rPh sb="7" eb="9">
      <t>カクホ</t>
    </rPh>
    <rPh sb="10" eb="12">
      <t>ジュウジツ</t>
    </rPh>
    <phoneticPr fontId="3"/>
  </si>
  <si>
    <t>教育環境の整備・英語教育の強化</t>
    <rPh sb="0" eb="2">
      <t>きょういく</t>
    </rPh>
    <rPh sb="2" eb="4">
      <t>かんきょう</t>
    </rPh>
    <rPh sb="5" eb="7">
      <t>せいび</t>
    </rPh>
    <rPh sb="8" eb="10">
      <t>えいご</t>
    </rPh>
    <rPh sb="10" eb="12">
      <t>きょういく</t>
    </rPh>
    <rPh sb="13" eb="15">
      <t>きょうか</t>
    </rPh>
    <phoneticPr fontId="3" type="Hiragana" alignment="distributed"/>
  </si>
  <si>
    <t>綾瀬ささら踊り、寺尾ばやし（寺尾のバカ面踊）、早川はやし、小園はやし、吉岡はやし、綾瀬音頭、綾瀬焼米搗唄、綾瀬臼挽唄</t>
    <rPh sb="23" eb="25">
      <t>ハヤカワ</t>
    </rPh>
    <rPh sb="29" eb="31">
      <t>コゾノ</t>
    </rPh>
    <rPh sb="35" eb="37">
      <t>ヨシオカ</t>
    </rPh>
    <rPh sb="41" eb="43">
      <t>アヤセ</t>
    </rPh>
    <rPh sb="43" eb="45">
      <t>オンド</t>
    </rPh>
    <rPh sb="46" eb="48">
      <t>アヤセ</t>
    </rPh>
    <rPh sb="48" eb="49">
      <t>ヤ</t>
    </rPh>
    <rPh sb="49" eb="50">
      <t>コメ</t>
    </rPh>
    <rPh sb="50" eb="51">
      <t>トウ</t>
    </rPh>
    <rPh sb="51" eb="52">
      <t>ウタ</t>
    </rPh>
    <rPh sb="53" eb="55">
      <t>アヤセ</t>
    </rPh>
    <rPh sb="55" eb="56">
      <t>ウス</t>
    </rPh>
    <rPh sb="56" eb="57">
      <t>ヒキ</t>
    </rPh>
    <rPh sb="57" eb="58">
      <t>ウタ</t>
    </rPh>
    <phoneticPr fontId="3"/>
  </si>
  <si>
    <t>最重点施策１・・・地域で支え合う福祉のまちの再興～住み慣れた地域で安心して暮らし続けることができるまちの実現～</t>
    <rPh sb="52" eb="54">
      <t>じつげん</t>
    </rPh>
    <phoneticPr fontId="3" type="Hiragana" alignment="distributed"/>
  </si>
  <si>
    <t>最重点施策２・・・子育て・教育環境の再興（整備・充実）</t>
    <rPh sb="9" eb="11">
      <t>こそだ</t>
    </rPh>
    <rPh sb="13" eb="15">
      <t>きょういく</t>
    </rPh>
    <rPh sb="15" eb="17">
      <t>かんきょう</t>
    </rPh>
    <rPh sb="18" eb="20">
      <t>さいこう</t>
    </rPh>
    <rPh sb="21" eb="23">
      <t>せいび</t>
    </rPh>
    <rPh sb="24" eb="26">
      <t>じゅうじつ</t>
    </rPh>
    <phoneticPr fontId="3" type="Hiragana" alignment="distributed"/>
  </si>
  <si>
    <t>最重点施策３・・・経済・産業の再興</t>
    <phoneticPr fontId="3" type="Hiragana" alignment="distributed"/>
  </si>
  <si>
    <t>三溪園、横浜港大さん橋国際客船ターミナル、横浜ランドマークタワー、よこはまコスモワールド、横浜アンパンマンこどもミュージアム、横浜赤レンガ倉庫、山下公園、横浜・八景島シーパラダイス　等</t>
    <rPh sb="21" eb="23">
      <t>ヨコハマ</t>
    </rPh>
    <rPh sb="72" eb="74">
      <t>ヤマシタ</t>
    </rPh>
    <rPh sb="74" eb="76">
      <t>コウエン</t>
    </rPh>
    <rPh sb="77" eb="79">
      <t>ヨコハマ</t>
    </rPh>
    <rPh sb="80" eb="83">
      <t>ハッケイジマ</t>
    </rPh>
    <phoneticPr fontId="3"/>
  </si>
  <si>
    <t>最重点施策４・・・歴史や文化、スポーツを生かしたにぎわいの再興～「観光立市よこすか」の実現～</t>
    <phoneticPr fontId="3" type="Hiragana" alignment="distributed"/>
  </si>
  <si>
    <t>市民が幸せに暮らすまち</t>
    <rPh sb="0" eb="2">
      <t>しみん</t>
    </rPh>
    <rPh sb="3" eb="4">
      <t>しあわ</t>
    </rPh>
    <rPh sb="6" eb="7">
      <t>く</t>
    </rPh>
    <phoneticPr fontId="3" type="Hiragana" alignment="distributed"/>
  </si>
  <si>
    <r>
      <t>高山市（岐阜県・昭和57年10月22日提携）、花巻市（岩手県・昭和59年4月27日提携）、伊豆市（静岡県・平成25年2月6日提携）、ローレンス市（アメリカ・平成2年9月21日提携）、</t>
    </r>
    <r>
      <rPr>
        <sz val="12"/>
        <color theme="1"/>
        <rFont val="ＭＳ Ｐ明朝"/>
        <family val="1"/>
        <charset val="128"/>
      </rPr>
      <t>カウナス市（リトアニア共和国・令和5年11月25日提携）</t>
    </r>
    <rPh sb="45" eb="48">
      <t>いずし</t>
    </rPh>
    <rPh sb="49" eb="52">
      <t>しずおかけん</t>
    </rPh>
    <rPh sb="53" eb="55">
      <t>へいせい</t>
    </rPh>
    <rPh sb="57" eb="58">
      <t>ねん</t>
    </rPh>
    <rPh sb="59" eb="60">
      <t>がつ</t>
    </rPh>
    <rPh sb="61" eb="62">
      <t>ひ</t>
    </rPh>
    <rPh sb="62" eb="64">
      <t>ていけい</t>
    </rPh>
    <rPh sb="95" eb="96">
      <t>し</t>
    </rPh>
    <rPh sb="102" eb="105">
      <t>きょうわこく</t>
    </rPh>
    <rPh sb="106" eb="108">
      <t>れいわ</t>
    </rPh>
    <rPh sb="109" eb="110">
      <t>ねん</t>
    </rPh>
    <rPh sb="112" eb="113">
      <t>がつ</t>
    </rPh>
    <rPh sb="115" eb="116">
      <t>にち</t>
    </rPh>
    <rPh sb="116" eb="118">
      <t>ていけい</t>
    </rPh>
    <phoneticPr fontId="3" type="Hiragana" alignment="distributed"/>
  </si>
  <si>
    <t>あらゆる産業のスマート化や脱炭素に向けた技術開発への支援</t>
    <rPh sb="4" eb="6">
      <t>サンギョウ</t>
    </rPh>
    <rPh sb="11" eb="12">
      <t>カ</t>
    </rPh>
    <rPh sb="13" eb="14">
      <t>ダツ</t>
    </rPh>
    <rPh sb="14" eb="16">
      <t>タンソ</t>
    </rPh>
    <rPh sb="17" eb="18">
      <t>ム</t>
    </rPh>
    <rPh sb="20" eb="22">
      <t>ギジュツ</t>
    </rPh>
    <rPh sb="22" eb="24">
      <t>カイハツ</t>
    </rPh>
    <rPh sb="26" eb="28">
      <t>シエン</t>
    </rPh>
    <phoneticPr fontId="3"/>
  </si>
  <si>
    <t>介護人材の確保に向けた支援やスマート介護の推進</t>
    <rPh sb="0" eb="2">
      <t>カイゴ</t>
    </rPh>
    <rPh sb="2" eb="4">
      <t>ジンザイ</t>
    </rPh>
    <rPh sb="5" eb="7">
      <t>カクホ</t>
    </rPh>
    <rPh sb="8" eb="9">
      <t>ム</t>
    </rPh>
    <rPh sb="11" eb="13">
      <t>シエン</t>
    </rPh>
    <rPh sb="18" eb="20">
      <t>カイゴ</t>
    </rPh>
    <rPh sb="21" eb="23">
      <t>スイシン</t>
    </rPh>
    <phoneticPr fontId="3"/>
  </si>
  <si>
    <r>
      <t>ＪＲ横須賀線・江ノ島電鉄線鎌倉駅から徒</t>
    </r>
    <r>
      <rPr>
        <sz val="12"/>
        <color theme="1"/>
        <rFont val="ＭＳ Ｐ明朝"/>
        <family val="1"/>
        <charset val="128"/>
      </rPr>
      <t>歩約5分</t>
    </r>
    <rPh sb="7" eb="8">
      <t>エ</t>
    </rPh>
    <rPh sb="9" eb="10">
      <t>シマ</t>
    </rPh>
    <rPh sb="10" eb="12">
      <t>デンテツ</t>
    </rPh>
    <rPh sb="12" eb="13">
      <t>セン</t>
    </rPh>
    <rPh sb="20" eb="21">
      <t>ヤク</t>
    </rPh>
    <rPh sb="22" eb="23">
      <t>フン</t>
    </rPh>
    <phoneticPr fontId="8"/>
  </si>
  <si>
    <r>
      <rPr>
        <sz val="12"/>
        <color theme="1"/>
        <rFont val="ＭＳ Ｐ明朝"/>
        <family val="1"/>
        <charset val="128"/>
      </rPr>
      <t>自然を活かし　人を育み　未来を拓く　</t>
    </r>
    <r>
      <rPr>
        <sz val="12"/>
        <rFont val="ＭＳ Ｐ明朝"/>
        <family val="1"/>
        <charset val="128"/>
      </rPr>
      <t>南足柄</t>
    </r>
    <rPh sb="0" eb="2">
      <t>しぜん</t>
    </rPh>
    <rPh sb="3" eb="4">
      <t>い</t>
    </rPh>
    <rPh sb="7" eb="8">
      <t>ひと</t>
    </rPh>
    <rPh sb="9" eb="10">
      <t>はぐく</t>
    </rPh>
    <rPh sb="12" eb="14">
      <t>みらい</t>
    </rPh>
    <rPh sb="15" eb="16">
      <t>ひら</t>
    </rPh>
    <phoneticPr fontId="3" type="Hiragana" alignment="center"/>
  </si>
  <si>
    <t>足柄産業集積ビレッジ推進事業</t>
    <rPh sb="0" eb="6">
      <t>あしがらさんぎょうしゅうせき</t>
    </rPh>
    <rPh sb="10" eb="12">
      <t>すいしん</t>
    </rPh>
    <rPh sb="12" eb="14">
      <t>じぎょう</t>
    </rPh>
    <phoneticPr fontId="3" type="Hiragana" alignment="center"/>
  </si>
  <si>
    <t>教育用コンピュータ活用事業</t>
    <rPh sb="0" eb="3">
      <t>きょういくよう</t>
    </rPh>
    <rPh sb="9" eb="11">
      <t>かつよう</t>
    </rPh>
    <rPh sb="11" eb="13">
      <t>じぎょう</t>
    </rPh>
    <phoneticPr fontId="3" type="Hiragana" alignment="center"/>
  </si>
  <si>
    <r>
      <rPr>
        <sz val="12"/>
        <color theme="1"/>
        <rFont val="ＭＳ Ｐ明朝"/>
        <family val="1"/>
        <charset val="128"/>
      </rPr>
      <t>姉妹都市：草津町（群馬県・昭和44年3月29日提携）</t>
    </r>
    <r>
      <rPr>
        <strike/>
        <sz val="12"/>
        <color theme="1"/>
        <rFont val="ＭＳ Ｐ明朝"/>
        <family val="1"/>
        <charset val="128"/>
      </rPr>
      <t xml:space="preserve">
</t>
    </r>
    <r>
      <rPr>
        <sz val="12"/>
        <color theme="1"/>
        <rFont val="ＭＳ Ｐ明朝"/>
        <family val="1"/>
        <charset val="128"/>
      </rPr>
      <t>友好都市：</t>
    </r>
    <r>
      <rPr>
        <sz val="12"/>
        <rFont val="ＭＳ Ｐ明朝"/>
        <family val="1"/>
        <charset val="128"/>
      </rPr>
      <t>那須町（栃木県・令和3年5月8日提携）、下田市（静岡県・令和4年1月14日提携）</t>
    </r>
    <rPh sb="0" eb="4">
      <t>シマイトシ</t>
    </rPh>
    <rPh sb="27" eb="31">
      <t>ユウコウトシ</t>
    </rPh>
    <phoneticPr fontId="12"/>
  </si>
  <si>
    <t>情報化推進事業</t>
    <rPh sb="0" eb="3">
      <t>ジョウホウカ</t>
    </rPh>
    <rPh sb="3" eb="7">
      <t>スイシンジギョウ</t>
    </rPh>
    <phoneticPr fontId="8"/>
  </si>
  <si>
    <t>オープンデータの推進</t>
    <rPh sb="8" eb="10">
      <t>すいしん</t>
    </rPh>
    <phoneticPr fontId="3" type="Hiragana" alignment="distributed"/>
  </si>
  <si>
    <t>スマートタウンの推進</t>
    <rPh sb="8" eb="10">
      <t>すいしん</t>
    </rPh>
    <phoneticPr fontId="3" type="Hiragana" alignment="distributed"/>
  </si>
  <si>
    <t>学校建設事業の推進</t>
    <rPh sb="0" eb="2">
      <t>がっこう</t>
    </rPh>
    <rPh sb="2" eb="4">
      <t>けんせつ</t>
    </rPh>
    <rPh sb="4" eb="6">
      <t>じぎょう</t>
    </rPh>
    <rPh sb="7" eb="9">
      <t>すいしん</t>
    </rPh>
    <phoneticPr fontId="3" type="Hiragana" alignment="distributed"/>
  </si>
  <si>
    <t>町民憲章（平成元年５月15日制定）　　　　　　　　　　　　　　　　　　　　　　　　　　　　　　　　　　　　　　　　　　　　　　　　　　　　　　　　　　　　　　　　　　　　　　　　　　　　　　　　　　　　　　　　　　　富士や丹沢を源にする清流と豊かな緑に恵まれ、古来から交通の中心であるあしがらの地松田町は、わたくしたちの誇りです。
わたくしたちは、この美しい自然と人びとがいきいきと調和した、魅力あるまちの限りない発展を願い、ここに町民憲章を定めます。
１．恵まれた水と緑を大切にし、うるおいのあるまちをつくります。
１．豊かな人間性を育み、文化の香り高いまちをつくります。
１．健康な心とからだをきたえ、活力にあふれるまちをつくります。
１．郷土を愛し、平和に満ちた心のかよいあうまちをつくります。
１．たがいに助け合い、愛の輪が広がるまちをつくります。</t>
    <phoneticPr fontId="3"/>
  </si>
  <si>
    <t>○子育て
〇教育
○福祉・健康
○地域（経済）活性化
○自然・生活環境
○防災（安全・安心）
○行政機関</t>
    <phoneticPr fontId="3"/>
  </si>
  <si>
    <t>市民憲章（昭和47年11月１日告示）　　　　　　　　　　　　　　　　　　　　　　　　　　　　　　　　　　　　　　　　　　　　　　　　　　　　　　　　　　　　　　　　　　　　　　　　　　　　　　　　　　　　　　　　　　わたくしたち海老名市民は、ながめつきない美しい自然と相模国分寺の歴史に輝く郷土を誇りとし、このまちの限りない発展を願い、ここに市民憲章を定めます。
１　文化をたかめ住みよいまちにいたしましょう
１　木や花を植えて美しい環境をつくりましょう
１　きまりをまもり親しみ助け合いましょう
１　誇りをもって働き生活を楽しみましょう
１　スポーツを愛して健康なからだにきたえましょう</t>
    <phoneticPr fontId="3"/>
  </si>
  <si>
    <t>デマンド型交通の実証運行事業</t>
    <rPh sb="4" eb="5">
      <t>がた</t>
    </rPh>
    <rPh sb="5" eb="7">
      <t>こうつう</t>
    </rPh>
    <rPh sb="8" eb="10">
      <t>じっしょう</t>
    </rPh>
    <rPh sb="10" eb="12">
      <t>うんこう</t>
    </rPh>
    <rPh sb="12" eb="14">
      <t>じぎょう</t>
    </rPh>
    <phoneticPr fontId="3" type="Hiragana" alignment="distributed"/>
  </si>
  <si>
    <t>（仮称）大谷・杉久保地区公園整備事業</t>
    <phoneticPr fontId="3" type="Hiragana" alignment="distributed"/>
  </si>
  <si>
    <t>中新田丸田地区土地区画整理事業</t>
    <phoneticPr fontId="3" type="Hiragana" alignment="distributed"/>
  </si>
  <si>
    <t>帯状疱疹ワクチン、特定不妊治療の先進医療の費用助成</t>
    <rPh sb="0" eb="4">
      <t>タイジョウホウシン</t>
    </rPh>
    <rPh sb="9" eb="11">
      <t>トクテイ</t>
    </rPh>
    <rPh sb="11" eb="13">
      <t>フニン</t>
    </rPh>
    <rPh sb="13" eb="15">
      <t>チリョウ</t>
    </rPh>
    <rPh sb="16" eb="20">
      <t>センシンイリョウ</t>
    </rPh>
    <rPh sb="21" eb="23">
      <t>ヒヨウ</t>
    </rPh>
    <rPh sb="23" eb="25">
      <t>ジョセイ</t>
    </rPh>
    <phoneticPr fontId="3"/>
  </si>
  <si>
    <t>浜降祭、寒川神社田打舞、寒川神社流鏑馬、相模薪能</t>
    <rPh sb="0" eb="1">
      <t>ハマ</t>
    </rPh>
    <rPh sb="1" eb="2">
      <t>オ</t>
    </rPh>
    <rPh sb="2" eb="3">
      <t>サイ</t>
    </rPh>
    <rPh sb="4" eb="6">
      <t>サムカワ</t>
    </rPh>
    <rPh sb="6" eb="8">
      <t>ジンジャ</t>
    </rPh>
    <rPh sb="8" eb="10">
      <t>タウ</t>
    </rPh>
    <rPh sb="10" eb="11">
      <t>マイ</t>
    </rPh>
    <rPh sb="12" eb="14">
      <t>サムカワ</t>
    </rPh>
    <rPh sb="14" eb="16">
      <t>ジンジャ</t>
    </rPh>
    <rPh sb="16" eb="19">
      <t>ヤブサメ</t>
    </rPh>
    <phoneticPr fontId="8"/>
  </si>
  <si>
    <t>国府祭の鷺の舞、西小磯の七夕行事</t>
    <phoneticPr fontId="3"/>
  </si>
  <si>
    <t>高麗の山神輿（4月）、相模国府祭（5月）､大磯御船祭（7月）、大磯まつり（11月）、大磯の左義長（1月）、白岩神社の祭礼（3月）</t>
    <rPh sb="8" eb="9">
      <t>がつ</t>
    </rPh>
    <rPh sb="11" eb="13">
      <t>さがみ</t>
    </rPh>
    <rPh sb="31" eb="33">
      <t>おおいそ</t>
    </rPh>
    <rPh sb="39" eb="40">
      <t>がつ</t>
    </rPh>
    <rPh sb="62" eb="63">
      <t>がつ</t>
    </rPh>
    <phoneticPr fontId="3" type="Hiragana" alignment="distributed"/>
  </si>
  <si>
    <t>貴船まつり（7月）、岩兒子まつり（７月）、海（わたつみ）のまち豊漁豊作祭、真鶴夏色まつり、岩海岸夏まつり(8月)、真鶴よさこい大漁フェスティバル(11月）、マナ・真鶴（9月）</t>
    <rPh sb="10" eb="11">
      <t>イワ</t>
    </rPh>
    <rPh sb="11" eb="12">
      <t>ジ</t>
    </rPh>
    <rPh sb="12" eb="13">
      <t>コ</t>
    </rPh>
    <rPh sb="18" eb="19">
      <t>ガツ</t>
    </rPh>
    <rPh sb="37" eb="39">
      <t>マナヅル</t>
    </rPh>
    <rPh sb="39" eb="40">
      <t>ナツ</t>
    </rPh>
    <rPh sb="40" eb="41">
      <t>イロ</t>
    </rPh>
    <rPh sb="63" eb="65">
      <t>タイリョウ</t>
    </rPh>
    <rPh sb="85" eb="86">
      <t>ツキ</t>
    </rPh>
    <phoneticPr fontId="8"/>
  </si>
  <si>
    <t>加藤　憲一</t>
    <rPh sb="0" eb="2">
      <t>かとう</t>
    </rPh>
    <rPh sb="3" eb="5">
      <t>けんいち</t>
    </rPh>
    <phoneticPr fontId="3" type="Hiragana" alignment="distributed"/>
  </si>
  <si>
    <t>かとう　けんいち</t>
    <phoneticPr fontId="3"/>
  </si>
  <si>
    <t>安藤　圭太</t>
    <rPh sb="0" eb="2">
      <t>アンドウ</t>
    </rPh>
    <rPh sb="3" eb="5">
      <t>ケイタ</t>
    </rPh>
    <phoneticPr fontId="3"/>
  </si>
  <si>
    <t>あんどう　けいた</t>
    <phoneticPr fontId="3"/>
  </si>
  <si>
    <t>武井　好博</t>
    <rPh sb="0" eb="2">
      <t>タケイ</t>
    </rPh>
    <rPh sb="3" eb="5">
      <t>ヨシヒロ</t>
    </rPh>
    <phoneticPr fontId="3"/>
  </si>
  <si>
    <t>たけい　よしひろ</t>
    <phoneticPr fontId="3"/>
  </si>
  <si>
    <t>さぎさか　ゆうじ</t>
    <phoneticPr fontId="3"/>
  </si>
  <si>
    <t>匂坂　祐二</t>
    <rPh sb="0" eb="2">
      <t>サギサカ</t>
    </rPh>
    <rPh sb="3" eb="5">
      <t>ユウジ</t>
    </rPh>
    <phoneticPr fontId="3"/>
  </si>
  <si>
    <t>やぎの　たろう</t>
    <phoneticPr fontId="3"/>
  </si>
  <si>
    <t>八木野　太郎</t>
    <rPh sb="0" eb="3">
      <t>ヤギノ</t>
    </rPh>
    <rPh sb="4" eb="6">
      <t>タロウ</t>
    </rPh>
    <phoneticPr fontId="3"/>
  </si>
  <si>
    <t>大島　伸生</t>
    <phoneticPr fontId="3"/>
  </si>
  <si>
    <t>おおしま　のぶお</t>
    <phoneticPr fontId="3"/>
  </si>
  <si>
    <t>ないとう　よしふみ</t>
    <phoneticPr fontId="3"/>
  </si>
  <si>
    <t>内藤　喜文</t>
    <rPh sb="0" eb="2">
      <t>ナイトウ</t>
    </rPh>
    <rPh sb="3" eb="5">
      <t>ヨシフミ</t>
    </rPh>
    <phoneticPr fontId="3"/>
  </si>
  <si>
    <t>川崎大師の久寿餅、川崎大師の飴、大師巻、かわさきそだち（川崎市内産農産物総称）等</t>
    <rPh sb="0" eb="4">
      <t>カワサキダイシ</t>
    </rPh>
    <rPh sb="5" eb="7">
      <t>キュウジュ</t>
    </rPh>
    <rPh sb="7" eb="8">
      <t>モチ</t>
    </rPh>
    <rPh sb="9" eb="13">
      <t>カワサキダイシ</t>
    </rPh>
    <rPh sb="14" eb="15">
      <t>アメ</t>
    </rPh>
    <rPh sb="16" eb="18">
      <t>ダイシ</t>
    </rPh>
    <rPh sb="18" eb="19">
      <t>マキ</t>
    </rPh>
    <rPh sb="28" eb="32">
      <t>カワサキシナイ</t>
    </rPh>
    <rPh sb="32" eb="33">
      <t>サン</t>
    </rPh>
    <rPh sb="33" eb="36">
      <t>ノウサンブツ</t>
    </rPh>
    <rPh sb="36" eb="38">
      <t>ソウショウ</t>
    </rPh>
    <rPh sb="39" eb="40">
      <t>ナド</t>
    </rPh>
    <phoneticPr fontId="8"/>
  </si>
  <si>
    <r>
      <t>かわさきアジアンフェスタ（4月）、かなまら祭り（4月）</t>
    </r>
    <r>
      <rPr>
        <sz val="11"/>
        <color theme="1"/>
        <rFont val="ＭＳ Ｐ明朝"/>
        <family val="1"/>
        <charset val="128"/>
      </rPr>
      <t>、はいさいフェスタ（5月）、川崎大師風鈴市（7月）</t>
    </r>
    <r>
      <rPr>
        <sz val="11"/>
        <color theme="1"/>
        <rFont val="ＭＳ Ｐ明朝"/>
        <family val="1"/>
        <charset val="128"/>
      </rPr>
      <t>、かわさき阿波おどり（10月）、市制記念多摩川花火大会（10月）、いいじゃんかわさき（10月）、かわさき市民祭り（12月）等</t>
    </r>
    <rPh sb="21" eb="22">
      <t>マツ</t>
    </rPh>
    <rPh sb="25" eb="26">
      <t>ガツ</t>
    </rPh>
    <rPh sb="38" eb="39">
      <t>ガツ</t>
    </rPh>
    <rPh sb="57" eb="59">
      <t>アワ</t>
    </rPh>
    <rPh sb="65" eb="66">
      <t>ガツ</t>
    </rPh>
    <rPh sb="97" eb="98">
      <t>ガツ</t>
    </rPh>
    <phoneticPr fontId="8"/>
  </si>
  <si>
    <t>橘川佳彦</t>
    <rPh sb="0" eb="4">
      <t>キツカワヨシヒコ</t>
    </rPh>
    <phoneticPr fontId="3"/>
  </si>
  <si>
    <t>きつかわ　よしひこ</t>
    <phoneticPr fontId="3"/>
  </si>
  <si>
    <t>石原　学</t>
    <rPh sb="0" eb="2">
      <t>イシハラ</t>
    </rPh>
    <rPh sb="3" eb="4">
      <t>ガク</t>
    </rPh>
    <phoneticPr fontId="3"/>
  </si>
  <si>
    <t>いしはら　まなぶ</t>
    <phoneticPr fontId="3"/>
  </si>
  <si>
    <t>萩原　鉄也</t>
    <rPh sb="0" eb="2">
      <t>はぎわら</t>
    </rPh>
    <rPh sb="3" eb="5">
      <t>てつや</t>
    </rPh>
    <phoneticPr fontId="3" type="Hiragana" alignment="distributed"/>
  </si>
  <si>
    <t>はぎわら　てつや</t>
    <phoneticPr fontId="8"/>
  </si>
  <si>
    <t>北川　秀幸</t>
    <rPh sb="0" eb="2">
      <t>きたがわ</t>
    </rPh>
    <rPh sb="3" eb="5">
      <t>ひでゆき</t>
    </rPh>
    <phoneticPr fontId="3" type="Hiragana" alignment="distributed"/>
  </si>
  <si>
    <t>きたがわ　ひでゆき</t>
    <phoneticPr fontId="3"/>
  </si>
  <si>
    <t>永井　裕之</t>
    <phoneticPr fontId="3"/>
  </si>
  <si>
    <t>ながい　ひろゆき</t>
    <phoneticPr fontId="3"/>
  </si>
  <si>
    <t>渡邊　恒文</t>
    <phoneticPr fontId="3"/>
  </si>
  <si>
    <t>わたなべ　つねふみ</t>
    <phoneticPr fontId="3"/>
  </si>
  <si>
    <t>たむら　としつぐ</t>
    <phoneticPr fontId="3" type="Hiragana" alignment="distributed"/>
  </si>
  <si>
    <t>戸澤　幸雄</t>
    <phoneticPr fontId="3" type="Hiragana" alignment="distributed"/>
  </si>
  <si>
    <t>とざわ　ゆきお</t>
    <phoneticPr fontId="3" type="Hiragana" alignment="distributed"/>
  </si>
  <si>
    <t>永井　浩介</t>
    <phoneticPr fontId="3" type="Hiragana" alignment="distributed"/>
  </si>
  <si>
    <t>ながい　こうすけ</t>
    <phoneticPr fontId="3" type="Hiragana" alignment="distributed"/>
  </si>
  <si>
    <t>熊切　和人</t>
    <phoneticPr fontId="3" type="Hiragana" alignment="distributed"/>
  </si>
  <si>
    <t>くまきり　かずひと</t>
    <phoneticPr fontId="3" type="Hiragana" alignment="distributed"/>
  </si>
  <si>
    <t>内藤　幸男</t>
    <phoneticPr fontId="3" type="Hiragana" alignment="distributed"/>
  </si>
  <si>
    <t>ないとう　ゆきお</t>
    <phoneticPr fontId="8"/>
  </si>
  <si>
    <t>岸本　優</t>
    <phoneticPr fontId="3" type="Hiragana" alignment="center"/>
  </si>
  <si>
    <t>きしもと　ゆう</t>
    <phoneticPr fontId="8"/>
  </si>
  <si>
    <t>山上　秀樹</t>
    <phoneticPr fontId="3" type="Hiragana" alignment="center"/>
  </si>
  <si>
    <t>やまがみ　ひでき</t>
    <phoneticPr fontId="8"/>
  </si>
  <si>
    <t>前田　憲一郎</t>
    <phoneticPr fontId="3" type="Hiragana" alignment="distributed"/>
  </si>
  <si>
    <t>まえだ　けんいちろう</t>
    <phoneticPr fontId="3" type="Hiragana" alignment="distributed"/>
  </si>
  <si>
    <t>渡辺　訓任</t>
    <rPh sb="0" eb="2">
      <t>わたなべ</t>
    </rPh>
    <rPh sb="3" eb="4">
      <t>くん</t>
    </rPh>
    <rPh sb="4" eb="5">
      <t>にん</t>
    </rPh>
    <phoneticPr fontId="3" type="Hiragana" alignment="distributed"/>
  </si>
  <si>
    <t>わたなべ　くにたか</t>
    <phoneticPr fontId="3" type="Hiragana" alignment="distributed"/>
  </si>
  <si>
    <t>伊藤　奈穗子</t>
    <phoneticPr fontId="3" type="Hiragana" alignment="distributed"/>
  </si>
  <si>
    <t>いとう　なほこ</t>
    <phoneticPr fontId="8"/>
  </si>
  <si>
    <t>鈴木　磯美</t>
    <phoneticPr fontId="3" type="Hiragana" alignment="distributed"/>
  </si>
  <si>
    <t>すずき　いそみ</t>
    <phoneticPr fontId="8"/>
  </si>
  <si>
    <t>つつじまつり（4月）、半僧坊春の大祭（4月）、勤労祭野外フェスティバル（8月）、ふるさとまつり（10月）、
宮ヶ瀬ダムナイト放流（11月）、八菅神社春の大祭（3月）</t>
    <rPh sb="54" eb="57">
      <t>みやがせ</t>
    </rPh>
    <rPh sb="62" eb="64">
      <t>ほうりゅう</t>
    </rPh>
    <rPh sb="67" eb="68">
      <t>つき</t>
    </rPh>
    <rPh sb="70" eb="72">
      <t>はすげ</t>
    </rPh>
    <phoneticPr fontId="3" type="Hiragana" alignment="distributed"/>
  </si>
  <si>
    <t>町政70周年記念事業</t>
    <rPh sb="0" eb="2">
      <t>チョウセイ</t>
    </rPh>
    <rPh sb="4" eb="6">
      <t>シュウネン</t>
    </rPh>
    <rPh sb="6" eb="8">
      <t>キネン</t>
    </rPh>
    <rPh sb="8" eb="10">
      <t>ジギョウ</t>
    </rPh>
    <phoneticPr fontId="3"/>
  </si>
  <si>
    <t>観光・産業連携拠点づくり事業</t>
    <rPh sb="0" eb="2">
      <t>カンコウ</t>
    </rPh>
    <rPh sb="3" eb="5">
      <t>サンギョウ</t>
    </rPh>
    <rPh sb="5" eb="7">
      <t>レンケイ</t>
    </rPh>
    <rPh sb="7" eb="9">
      <t>キョテン</t>
    </rPh>
    <rPh sb="12" eb="14">
      <t>ジギョウ</t>
    </rPh>
    <phoneticPr fontId="3"/>
  </si>
  <si>
    <t>妊婦・子育て世帯健康相談事業</t>
    <rPh sb="0" eb="2">
      <t>ニンプ</t>
    </rPh>
    <rPh sb="3" eb="5">
      <t>コソダ</t>
    </rPh>
    <rPh sb="6" eb="8">
      <t>セタイ</t>
    </rPh>
    <rPh sb="8" eb="10">
      <t>ケンコウ</t>
    </rPh>
    <rPh sb="10" eb="12">
      <t>ソウダン</t>
    </rPh>
    <rPh sb="12" eb="14">
      <t>ジギョウ</t>
    </rPh>
    <phoneticPr fontId="8"/>
  </si>
  <si>
    <t>物価高騰等対応地域振興券事業</t>
    <rPh sb="0" eb="4">
      <t>ブッカコウトウ</t>
    </rPh>
    <rPh sb="4" eb="5">
      <t>トウ</t>
    </rPh>
    <rPh sb="5" eb="7">
      <t>タイオウ</t>
    </rPh>
    <rPh sb="7" eb="11">
      <t>チイキシンコウ</t>
    </rPh>
    <rPh sb="11" eb="12">
      <t>ケン</t>
    </rPh>
    <rPh sb="12" eb="14">
      <t>ジギョウ</t>
    </rPh>
    <phoneticPr fontId="3"/>
  </si>
  <si>
    <t>第１号公園多目的広場の開設</t>
    <rPh sb="0" eb="1">
      <t>ダイ</t>
    </rPh>
    <rPh sb="2" eb="3">
      <t>ゴウ</t>
    </rPh>
    <rPh sb="3" eb="5">
      <t>コウエン</t>
    </rPh>
    <rPh sb="5" eb="8">
      <t>タモクテキ</t>
    </rPh>
    <rPh sb="8" eb="10">
      <t>ヒロバ</t>
    </rPh>
    <rPh sb="11" eb="13">
      <t>カイセツ</t>
    </rPh>
    <phoneticPr fontId="3"/>
  </si>
  <si>
    <t>犯罪被害者等支援条例の制定</t>
    <rPh sb="0" eb="2">
      <t>ハンザイ</t>
    </rPh>
    <rPh sb="2" eb="5">
      <t>ヒガイシャ</t>
    </rPh>
    <rPh sb="5" eb="6">
      <t>トウ</t>
    </rPh>
    <rPh sb="6" eb="8">
      <t>シエン</t>
    </rPh>
    <rPh sb="8" eb="10">
      <t>ジョウレイ</t>
    </rPh>
    <rPh sb="11" eb="13">
      <t>セイテイ</t>
    </rPh>
    <phoneticPr fontId="3"/>
  </si>
  <si>
    <t>愛川町地域公共交通計画の策定</t>
    <phoneticPr fontId="3"/>
  </si>
  <si>
    <t>多言語版生活ガイドブックの作成</t>
    <rPh sb="0" eb="3">
      <t>タゲンゴ</t>
    </rPh>
    <rPh sb="3" eb="4">
      <t>バン</t>
    </rPh>
    <rPh sb="4" eb="6">
      <t>セイカツ</t>
    </rPh>
    <rPh sb="13" eb="15">
      <t>サクセイ</t>
    </rPh>
    <phoneticPr fontId="3"/>
  </si>
  <si>
    <t>自治体DX推進（書かない窓口の導入）</t>
    <phoneticPr fontId="3"/>
  </si>
  <si>
    <t>就労支援等による女性活躍の推進</t>
  </si>
  <si>
    <t>（仮称）総合教育支援センターの整備事業</t>
    <rPh sb="1" eb="3">
      <t>_x0002__x0001__x0004__x0003_</t>
    </rPh>
    <rPh sb="4" eb="6">
      <t>_x0002__x0007__x0005__x0002_</t>
    </rPh>
    <rPh sb="6" eb="8">
      <t>_x000B_	_x0002__x000F__x000C_</t>
    </rPh>
    <rPh sb="8" eb="10">
      <t>_x0002__x0013__x000E_</t>
    </rPh>
    <rPh sb="15" eb="17">
      <t>_x0002__x0018__x0010_</t>
    </rPh>
    <rPh sb="17" eb="19">
      <t/>
    </rPh>
    <phoneticPr fontId="8"/>
  </si>
  <si>
    <t>医療施設誘致事業</t>
    <rPh sb="0" eb="2">
      <t>いりょう</t>
    </rPh>
    <rPh sb="2" eb="4">
      <t>しせつ</t>
    </rPh>
    <rPh sb="4" eb="6">
      <t>ゆうち</t>
    </rPh>
    <rPh sb="6" eb="8">
      <t>じぎょう</t>
    </rPh>
    <phoneticPr fontId="3" type="Hiragana" alignment="distributed"/>
  </si>
  <si>
    <t>新交通システムの実証実験事業</t>
    <phoneticPr fontId="3" type="Hiragana" alignment="distributed"/>
  </si>
  <si>
    <t>岡崎市（愛知県・昭和58年7月1日提携）、ホノルル市・郡（アメリカ・平成26年10月25日（現地時間24日）提携）</t>
    <rPh sb="46" eb="48">
      <t>げんち</t>
    </rPh>
    <rPh sb="48" eb="50">
      <t>じかん</t>
    </rPh>
    <rPh sb="52" eb="53">
      <t>にち</t>
    </rPh>
    <phoneticPr fontId="3" type="Hiragana" alignment="distributed"/>
  </si>
  <si>
    <t>学校施設等整備事業（体育館等エアコン新設）</t>
    <phoneticPr fontId="3" type="Hiragana" alignment="distributed"/>
  </si>
  <si>
    <t>スポーツ推進事業</t>
    <rPh sb="4" eb="8">
      <t>スイシンジギョウ</t>
    </rPh>
    <phoneticPr fontId="3"/>
  </si>
  <si>
    <t>学校体育指導支援事業（小学校水泳学習民間委託）</t>
    <rPh sb="0" eb="2">
      <t>ガッコウ</t>
    </rPh>
    <rPh sb="2" eb="4">
      <t>タイイク</t>
    </rPh>
    <rPh sb="4" eb="6">
      <t>シドウ</t>
    </rPh>
    <rPh sb="6" eb="10">
      <t>シエンジギョウ</t>
    </rPh>
    <rPh sb="11" eb="14">
      <t>ショウガッコウ</t>
    </rPh>
    <rPh sb="14" eb="16">
      <t>スイエイ</t>
    </rPh>
    <rPh sb="16" eb="18">
      <t>ガクシュウ</t>
    </rPh>
    <rPh sb="18" eb="20">
      <t>ミンカン</t>
    </rPh>
    <rPh sb="20" eb="22">
      <t>イタク</t>
    </rPh>
    <phoneticPr fontId="3"/>
  </si>
  <si>
    <t>寒川神社、梶原景時館址、大神塚古墳、冬のひまわり（さむかわひまわり畑他）</t>
    <rPh sb="0" eb="2">
      <t>サムカワ</t>
    </rPh>
    <rPh sb="2" eb="4">
      <t>ジンジャ</t>
    </rPh>
    <rPh sb="5" eb="7">
      <t>カジワラ</t>
    </rPh>
    <rPh sb="7" eb="9">
      <t>カゲトキ</t>
    </rPh>
    <rPh sb="9" eb="10">
      <t>ヤカタ</t>
    </rPh>
    <rPh sb="10" eb="11">
      <t>アト</t>
    </rPh>
    <rPh sb="12" eb="14">
      <t>オオカミ</t>
    </rPh>
    <rPh sb="14" eb="15">
      <t>ツカ</t>
    </rPh>
    <rPh sb="15" eb="17">
      <t>コフン</t>
    </rPh>
    <rPh sb="18" eb="19">
      <t>フユ</t>
    </rPh>
    <rPh sb="33" eb="34">
      <t>バタケ</t>
    </rPh>
    <rPh sb="34" eb="35">
      <t>ホカ</t>
    </rPh>
    <phoneticPr fontId="8"/>
  </si>
  <si>
    <t>持続可能な地域経済の実現に向けた中小企業支援</t>
    <rPh sb="0" eb="4">
      <t>ジゾクカノウ</t>
    </rPh>
    <rPh sb="5" eb="7">
      <t>チイキ</t>
    </rPh>
    <rPh sb="7" eb="9">
      <t>ケイザイ</t>
    </rPh>
    <rPh sb="10" eb="12">
      <t>ジツゲン</t>
    </rPh>
    <rPh sb="13" eb="14">
      <t>ム</t>
    </rPh>
    <rPh sb="16" eb="18">
      <t>チュウショウ</t>
    </rPh>
    <rPh sb="18" eb="20">
      <t>キギョウ</t>
    </rPh>
    <rPh sb="20" eb="22">
      <t>シエン</t>
    </rPh>
    <phoneticPr fontId="3"/>
  </si>
  <si>
    <t>関係人口の獲得を目指した施策の展開</t>
    <rPh sb="0" eb="2">
      <t>カンケイ</t>
    </rPh>
    <rPh sb="2" eb="4">
      <t>ジンコウ</t>
    </rPh>
    <rPh sb="5" eb="7">
      <t>カクトク</t>
    </rPh>
    <rPh sb="8" eb="10">
      <t>メザ</t>
    </rPh>
    <rPh sb="12" eb="14">
      <t>シサク</t>
    </rPh>
    <rPh sb="15" eb="17">
      <t>テンカイ</t>
    </rPh>
    <phoneticPr fontId="8"/>
  </si>
  <si>
    <t>結婚を希望する方への支援</t>
    <rPh sb="0" eb="2">
      <t>ケッコン</t>
    </rPh>
    <rPh sb="3" eb="5">
      <t>キボウ</t>
    </rPh>
    <rPh sb="7" eb="8">
      <t>カタ</t>
    </rPh>
    <rPh sb="10" eb="12">
      <t>シエン</t>
    </rPh>
    <phoneticPr fontId="3"/>
  </si>
  <si>
    <t>子育て世帯のゆとりの創出</t>
    <rPh sb="0" eb="2">
      <t>コソダ</t>
    </rPh>
    <rPh sb="3" eb="5">
      <t>セタイ</t>
    </rPh>
    <rPh sb="10" eb="12">
      <t>ソウシュツ</t>
    </rPh>
    <phoneticPr fontId="3"/>
  </si>
  <si>
    <t>魅力的な教育環境の充実</t>
    <rPh sb="0" eb="2">
      <t>ミリョク</t>
    </rPh>
    <rPh sb="2" eb="3">
      <t>テキ</t>
    </rPh>
    <rPh sb="4" eb="6">
      <t>キョウイク</t>
    </rPh>
    <rPh sb="6" eb="8">
      <t>カンキョウ</t>
    </rPh>
    <rPh sb="9" eb="11">
      <t>ジュウジツ</t>
    </rPh>
    <phoneticPr fontId="3"/>
  </si>
  <si>
    <t>地域通貨を活用した地域内消費の促進</t>
    <rPh sb="0" eb="2">
      <t>チイキ</t>
    </rPh>
    <rPh sb="2" eb="4">
      <t>ツウカ</t>
    </rPh>
    <rPh sb="5" eb="7">
      <t>カツヨウ</t>
    </rPh>
    <rPh sb="9" eb="11">
      <t>チイキ</t>
    </rPh>
    <rPh sb="11" eb="12">
      <t>ナイ</t>
    </rPh>
    <rPh sb="12" eb="14">
      <t>ショウヒ</t>
    </rPh>
    <rPh sb="15" eb="17">
      <t>ソクシン</t>
    </rPh>
    <phoneticPr fontId="8"/>
  </si>
  <si>
    <t>町の強みを生かしたストリートスポーツパークの整備に向けた検討</t>
    <rPh sb="0" eb="1">
      <t>マチ</t>
    </rPh>
    <rPh sb="2" eb="3">
      <t>ツヨ</t>
    </rPh>
    <rPh sb="5" eb="6">
      <t>イ</t>
    </rPh>
    <rPh sb="22" eb="24">
      <t>セイビ</t>
    </rPh>
    <rPh sb="25" eb="26">
      <t>ム</t>
    </rPh>
    <rPh sb="28" eb="30">
      <t>ケントウ</t>
    </rPh>
    <phoneticPr fontId="3"/>
  </si>
  <si>
    <t>若年層を主とした出会いの機会の創出、新婚生活資金を支援</t>
    <rPh sb="0" eb="3">
      <t>ジャクネンソウ</t>
    </rPh>
    <rPh sb="4" eb="5">
      <t>シュ</t>
    </rPh>
    <rPh sb="8" eb="10">
      <t>デア</t>
    </rPh>
    <rPh sb="12" eb="14">
      <t>キカイ</t>
    </rPh>
    <rPh sb="15" eb="17">
      <t>ソウシュツ</t>
    </rPh>
    <rPh sb="18" eb="20">
      <t>シンコン</t>
    </rPh>
    <rPh sb="20" eb="22">
      <t>セイカツ</t>
    </rPh>
    <rPh sb="22" eb="24">
      <t>シキン</t>
    </rPh>
    <rPh sb="25" eb="27">
      <t>シエン</t>
    </rPh>
    <phoneticPr fontId="3"/>
  </si>
  <si>
    <t>共働き世帯をサポートや子どもを預けられる環境の整備</t>
    <rPh sb="0" eb="2">
      <t>トモバタラ</t>
    </rPh>
    <rPh sb="3" eb="5">
      <t>セタイ</t>
    </rPh>
    <rPh sb="11" eb="12">
      <t>コ</t>
    </rPh>
    <rPh sb="15" eb="16">
      <t>アズ</t>
    </rPh>
    <rPh sb="20" eb="22">
      <t>カンキョウ</t>
    </rPh>
    <rPh sb="23" eb="25">
      <t>セイビ</t>
    </rPh>
    <phoneticPr fontId="3"/>
  </si>
  <si>
    <t>グローバル教育の推進</t>
    <rPh sb="5" eb="7">
      <t>キョウイク</t>
    </rPh>
    <rPh sb="8" eb="10">
      <t>スイシン</t>
    </rPh>
    <phoneticPr fontId="8"/>
  </si>
  <si>
    <t>京浜急行線三崎口駅からバスで15分</t>
    <rPh sb="4" eb="5">
      <t>せん</t>
    </rPh>
    <phoneticPr fontId="3" type="Hiragana" alignment="distributed"/>
  </si>
  <si>
    <t>誰もが笑顔で暮らせる、愛すべきふるさと小田原</t>
  </si>
  <si>
    <t>いのちを大切にする小田原…ケアタウン推進事業、新病院建設事業、就学前教育・保育施設再編整備事業</t>
  </si>
  <si>
    <t>自然環境の恵みがあふれる小田原…地域循環共生圏構築事業、再生可能エネルギー導入促進事業、分散型エネルギーシステム先行モデル構築事業</t>
  </si>
  <si>
    <t>未来を拓く人が育ち、地域の絆が結ばれる小田原…おだわら市民学校事業、地域コミュニティ推進事業、新しい学校づくり推進事業</t>
  </si>
  <si>
    <t>地域経済が好循環し、多彩な資源が花開く小田原…健やかな食のまち小田原推進事業、まち歩き観光推進事業、市民文化活動支援事業</t>
  </si>
  <si>
    <t>安心して暮らすことができる小田原…都市空間デザイン事業、総合計画等推進事業、行政改革推進事業</t>
  </si>
  <si>
    <t>「第７次小田原市総合計画第１期実行計画」の策定</t>
    <rPh sb="12" eb="13">
      <t>ダイ</t>
    </rPh>
    <rPh sb="14" eb="19">
      <t>キジッコウケイカク</t>
    </rPh>
    <rPh sb="21" eb="23">
      <t>サクテイ</t>
    </rPh>
    <phoneticPr fontId="3"/>
  </si>
  <si>
    <t>市民のいのちと暮らしを守る取組の推進</t>
    <rPh sb="7" eb="8">
      <t>ク</t>
    </rPh>
    <phoneticPr fontId="3"/>
  </si>
  <si>
    <t>松田町こども・子育て応援宣言</t>
    <rPh sb="0" eb="2">
      <t>マツダ</t>
    </rPh>
    <rPh sb="2" eb="3">
      <t>マチ</t>
    </rPh>
    <rPh sb="7" eb="9">
      <t>コソダ</t>
    </rPh>
    <rPh sb="10" eb="12">
      <t>オウエン</t>
    </rPh>
    <rPh sb="12" eb="14">
      <t>センゲン</t>
    </rPh>
    <phoneticPr fontId="3"/>
  </si>
  <si>
    <t>（令和７年４月1日制定）</t>
    <rPh sb="1" eb="3">
      <t>レイワ</t>
    </rPh>
    <rPh sb="4" eb="5">
      <t>ネン</t>
    </rPh>
    <rPh sb="6" eb="7">
      <t>ツキ</t>
    </rPh>
    <rPh sb="8" eb="9">
      <t>ヒ</t>
    </rPh>
    <rPh sb="9" eb="11">
      <t>セイテイ</t>
    </rPh>
    <phoneticPr fontId="3"/>
  </si>
  <si>
    <t>スポーツツーリズム推進拠点整備事業</t>
    <rPh sb="9" eb="11">
      <t>スイシン</t>
    </rPh>
    <rPh sb="11" eb="13">
      <t>キョテン</t>
    </rPh>
    <rPh sb="13" eb="15">
      <t>セイビ</t>
    </rPh>
    <rPh sb="15" eb="17">
      <t>ジギョウ</t>
    </rPh>
    <phoneticPr fontId="3"/>
  </si>
  <si>
    <t>新モビリティサービス推進事業</t>
    <rPh sb="0" eb="1">
      <t>シン</t>
    </rPh>
    <rPh sb="10" eb="12">
      <t>スイシン</t>
    </rPh>
    <rPh sb="12" eb="14">
      <t>ジギョウ</t>
    </rPh>
    <phoneticPr fontId="3"/>
  </si>
  <si>
    <t>学校給食無償化事業</t>
    <rPh sb="0" eb="2">
      <t>ガッコウ</t>
    </rPh>
    <rPh sb="2" eb="4">
      <t>キュウショク</t>
    </rPh>
    <rPh sb="4" eb="7">
      <t>ムショウカ</t>
    </rPh>
    <rPh sb="7" eb="9">
      <t>ジギョウ</t>
    </rPh>
    <phoneticPr fontId="3"/>
  </si>
  <si>
    <t>松田町・寄村合併７０周年記念事業</t>
    <rPh sb="0" eb="3">
      <t>まつだまち</t>
    </rPh>
    <rPh sb="4" eb="5">
      <t>やどりき</t>
    </rPh>
    <rPh sb="5" eb="6">
      <t>むら</t>
    </rPh>
    <rPh sb="6" eb="8">
      <t>がっぺい</t>
    </rPh>
    <rPh sb="10" eb="12">
      <t>しゅうねん</t>
    </rPh>
    <rPh sb="12" eb="14">
      <t>きねん</t>
    </rPh>
    <rPh sb="14" eb="16">
      <t>じぎょう</t>
    </rPh>
    <phoneticPr fontId="3" type="Hiragana" alignment="distributed"/>
  </si>
  <si>
    <t>小さくて昔から変わらないけど、実は最先端。のんびりスマート真鶴</t>
    <rPh sb="0" eb="1">
      <t>チイ</t>
    </rPh>
    <rPh sb="4" eb="5">
      <t>ムカシ</t>
    </rPh>
    <rPh sb="7" eb="8">
      <t>カ</t>
    </rPh>
    <rPh sb="15" eb="16">
      <t>ジツ</t>
    </rPh>
    <rPh sb="17" eb="20">
      <t>サイセンタン</t>
    </rPh>
    <rPh sb="29" eb="31">
      <t>マナヅル</t>
    </rPh>
    <phoneticPr fontId="3"/>
  </si>
  <si>
    <t>全児童対策事業</t>
    <rPh sb="0" eb="1">
      <t>ゼン</t>
    </rPh>
    <rPh sb="1" eb="3">
      <t>ジドウ</t>
    </rPh>
    <rPh sb="3" eb="5">
      <t>タイサク</t>
    </rPh>
    <rPh sb="5" eb="7">
      <t>ジギョウ</t>
    </rPh>
    <phoneticPr fontId="8"/>
  </si>
  <si>
    <t>物価高騰対策事業</t>
    <rPh sb="0" eb="2">
      <t>ぶっか</t>
    </rPh>
    <rPh sb="2" eb="4">
      <t>こうとう</t>
    </rPh>
    <rPh sb="4" eb="6">
      <t>たいさく</t>
    </rPh>
    <rPh sb="6" eb="8">
      <t>じぎょう</t>
    </rPh>
    <phoneticPr fontId="3" type="Hiragana" alignment="distributed"/>
  </si>
  <si>
    <t>デジタルトランスフォーメーション推進事業</t>
    <rPh sb="16" eb="18">
      <t>すいしん</t>
    </rPh>
    <rPh sb="18" eb="20">
      <t>じぎょう</t>
    </rPh>
    <phoneticPr fontId="3" type="Hiragana" alignment="distributed"/>
  </si>
  <si>
    <t>空家等対策の推進</t>
    <rPh sb="0" eb="2">
      <t>アキヤ</t>
    </rPh>
    <rPh sb="2" eb="3">
      <t>トウ</t>
    </rPh>
    <rPh sb="3" eb="5">
      <t>タイサク</t>
    </rPh>
    <rPh sb="6" eb="8">
      <t>スイシン</t>
    </rPh>
    <phoneticPr fontId="3"/>
  </si>
  <si>
    <t>みんながつながる健幸都市やまと</t>
    <phoneticPr fontId="3"/>
  </si>
  <si>
    <t>新たなアイディアで事業を始める個店や新規出店などを支援</t>
    <phoneticPr fontId="3"/>
  </si>
  <si>
    <t>県央４市による消防通信指令システムの共同運用に向けた取組</t>
    <phoneticPr fontId="3"/>
  </si>
  <si>
    <t>いつまでもみんなが元気でいられるまちの実現</t>
    <phoneticPr fontId="3"/>
  </si>
  <si>
    <t>安心して暮らせる安全なまちの実現</t>
    <phoneticPr fontId="3"/>
  </si>
  <si>
    <t>将来を切りひらくことのできるこどもが育つまちの実現</t>
    <phoneticPr fontId="3"/>
  </si>
  <si>
    <t>人と環境に優しい都市空間が広がるまちの実現</t>
    <phoneticPr fontId="3"/>
  </si>
  <si>
    <t>みんなが支え合うまちの実現</t>
    <phoneticPr fontId="3"/>
  </si>
  <si>
    <t>地域の絆が深く、多様性を認め合うまちの実現</t>
    <phoneticPr fontId="3"/>
  </si>
  <si>
    <t>にぎわいを生み出すまちの実現</t>
    <phoneticPr fontId="3"/>
  </si>
  <si>
    <t>大和市民まつり（5月）、中央林間手づくりマルシェ（5・11月）、神奈川大和阿波おどり（7月）、西口風鈴まつり（7月）、渋祭（10月）、やまと産業フェア（11月）、神奈川やまと古民具骨董市（毎月第3土曜日）</t>
    <rPh sb="59" eb="61">
      <t>シブサイ</t>
    </rPh>
    <rPh sb="64" eb="65">
      <t>ガツ</t>
    </rPh>
    <phoneticPr fontId="8"/>
  </si>
  <si>
    <t>若い世代の希望をかなえる総合支援策の推進</t>
    <rPh sb="0" eb="1">
      <t>ワカ</t>
    </rPh>
    <rPh sb="2" eb="4">
      <t>セダイ</t>
    </rPh>
    <rPh sb="5" eb="7">
      <t>キボウ</t>
    </rPh>
    <rPh sb="12" eb="14">
      <t>ソウゴウ</t>
    </rPh>
    <rPh sb="14" eb="16">
      <t>シエン</t>
    </rPh>
    <rPh sb="16" eb="17">
      <t>サク</t>
    </rPh>
    <rPh sb="18" eb="20">
      <t>スイシン</t>
    </rPh>
    <phoneticPr fontId="3"/>
  </si>
  <si>
    <t>産前・産後に寄り添う支援</t>
    <rPh sb="0" eb="2">
      <t>サンゼン</t>
    </rPh>
    <rPh sb="3" eb="5">
      <t>サンゴ</t>
    </rPh>
    <rPh sb="6" eb="7">
      <t>ヨ</t>
    </rPh>
    <rPh sb="8" eb="9">
      <t>ソ</t>
    </rPh>
    <rPh sb="10" eb="12">
      <t>シエン</t>
    </rPh>
    <phoneticPr fontId="3"/>
  </si>
  <si>
    <t>平塚駅周辺地区における多機能化の促進</t>
    <rPh sb="0" eb="2">
      <t>ヒラツカ</t>
    </rPh>
    <rPh sb="2" eb="3">
      <t>エキ</t>
    </rPh>
    <rPh sb="3" eb="5">
      <t>シュウヘン</t>
    </rPh>
    <rPh sb="5" eb="7">
      <t>チク</t>
    </rPh>
    <rPh sb="11" eb="15">
      <t>タキノウカ</t>
    </rPh>
    <rPh sb="16" eb="18">
      <t>ソクシン</t>
    </rPh>
    <phoneticPr fontId="3"/>
  </si>
  <si>
    <t>小学校から中学校までの一貫した完全給食の提供</t>
    <rPh sb="0" eb="3">
      <t>ショウガッコウ</t>
    </rPh>
    <rPh sb="5" eb="8">
      <t>チュウガッコウ</t>
    </rPh>
    <rPh sb="11" eb="13">
      <t>イッカン</t>
    </rPh>
    <rPh sb="15" eb="17">
      <t>カンゼン</t>
    </rPh>
    <rPh sb="17" eb="19">
      <t>キュウショク</t>
    </rPh>
    <rPh sb="20" eb="22">
      <t>テイキョウ</t>
    </rPh>
    <phoneticPr fontId="3"/>
  </si>
  <si>
    <t>こども家庭センターの運営</t>
    <rPh sb="10" eb="12">
      <t>ウンエイ</t>
    </rPh>
    <phoneticPr fontId="3"/>
  </si>
  <si>
    <t>基幹型地域包括支援センターの運営</t>
    <rPh sb="0" eb="2">
      <t>キカン</t>
    </rPh>
    <rPh sb="2" eb="3">
      <t>ガタ</t>
    </rPh>
    <rPh sb="3" eb="5">
      <t>チイキ</t>
    </rPh>
    <rPh sb="5" eb="7">
      <t>ホウカツ</t>
    </rPh>
    <rPh sb="7" eb="9">
      <t>シエン</t>
    </rPh>
    <rPh sb="14" eb="16">
      <t>ウンエイ</t>
    </rPh>
    <phoneticPr fontId="3"/>
  </si>
  <si>
    <t>海辺の総合公園の開園</t>
    <rPh sb="0" eb="2">
      <t>ウミベ</t>
    </rPh>
    <rPh sb="3" eb="5">
      <t>ソウゴウ</t>
    </rPh>
    <rPh sb="5" eb="7">
      <t>コウエン</t>
    </rPh>
    <rPh sb="8" eb="10">
      <t>カイエン</t>
    </rPh>
    <phoneticPr fontId="3"/>
  </si>
  <si>
    <t>デジタル化、脱炭素化の推進</t>
    <rPh sb="4" eb="5">
      <t>カ</t>
    </rPh>
    <rPh sb="6" eb="7">
      <t>ダツ</t>
    </rPh>
    <rPh sb="7" eb="9">
      <t>タンソ</t>
    </rPh>
    <rPh sb="9" eb="10">
      <t>カ</t>
    </rPh>
    <rPh sb="11" eb="13">
      <t>スイシン</t>
    </rPh>
    <phoneticPr fontId="3"/>
  </si>
  <si>
    <t>第7次総合計画等策定支援事業</t>
    <rPh sb="0" eb="1">
      <t>ダイ</t>
    </rPh>
    <rPh sb="2" eb="3">
      <t>ジ</t>
    </rPh>
    <rPh sb="3" eb="5">
      <t>ソウゴウ</t>
    </rPh>
    <rPh sb="5" eb="8">
      <t>ケイカクトウ</t>
    </rPh>
    <rPh sb="8" eb="10">
      <t>サクテイ</t>
    </rPh>
    <rPh sb="10" eb="12">
      <t>シエン</t>
    </rPh>
    <rPh sb="12" eb="14">
      <t>ジギョウ</t>
    </rPh>
    <phoneticPr fontId="3"/>
  </si>
  <si>
    <t>（仮称）温泉地域診療所建設事業</t>
    <rPh sb="1" eb="3">
      <t>カショウ</t>
    </rPh>
    <rPh sb="4" eb="6">
      <t>オンセン</t>
    </rPh>
    <rPh sb="6" eb="8">
      <t>チイキ</t>
    </rPh>
    <rPh sb="8" eb="11">
      <t>シンリョウジョ</t>
    </rPh>
    <rPh sb="11" eb="13">
      <t>ケンセツ</t>
    </rPh>
    <rPh sb="13" eb="15">
      <t>ジギョウ</t>
    </rPh>
    <phoneticPr fontId="3"/>
  </si>
  <si>
    <t>いつ起こるか分からない自然災害への対応力強化</t>
    <rPh sb="2" eb="3">
      <t>オ</t>
    </rPh>
    <rPh sb="6" eb="7">
      <t>ワ</t>
    </rPh>
    <rPh sb="11" eb="15">
      <t>シゼンサイガイ</t>
    </rPh>
    <rPh sb="17" eb="20">
      <t>タイオウリョク</t>
    </rPh>
    <rPh sb="20" eb="22">
      <t>キョウカ</t>
    </rPh>
    <phoneticPr fontId="3"/>
  </si>
  <si>
    <t>安全と安心を守り、誰もが利用しやすい「まちの拠点」づくり</t>
    <rPh sb="0" eb="2">
      <t>アンゼン</t>
    </rPh>
    <rPh sb="3" eb="5">
      <t>アンシン</t>
    </rPh>
    <rPh sb="6" eb="7">
      <t>マモ</t>
    </rPh>
    <rPh sb="9" eb="10">
      <t>ダレ</t>
    </rPh>
    <rPh sb="12" eb="14">
      <t>リヨウ</t>
    </rPh>
    <rPh sb="22" eb="24">
      <t>キョテン</t>
    </rPh>
    <phoneticPr fontId="3"/>
  </si>
  <si>
    <t>こどもたちが自分らしく学べる環境整備</t>
    <rPh sb="6" eb="8">
      <t>ジブン</t>
    </rPh>
    <rPh sb="11" eb="12">
      <t>マナ</t>
    </rPh>
    <rPh sb="14" eb="18">
      <t>カンキョウセイビ</t>
    </rPh>
    <phoneticPr fontId="3"/>
  </si>
  <si>
    <t>誰もが健康で安心して暮らせる支援の充実</t>
    <rPh sb="0" eb="1">
      <t>ダレ</t>
    </rPh>
    <rPh sb="3" eb="5">
      <t>ケンコウ</t>
    </rPh>
    <rPh sb="6" eb="8">
      <t>アンシン</t>
    </rPh>
    <rPh sb="10" eb="11">
      <t>ク</t>
    </rPh>
    <rPh sb="14" eb="16">
      <t>シエン</t>
    </rPh>
    <rPh sb="17" eb="19">
      <t>ジュウジツ</t>
    </rPh>
    <phoneticPr fontId="3"/>
  </si>
  <si>
    <t>こどもの権利と尊厳の尊重</t>
    <rPh sb="4" eb="6">
      <t>ケンリ</t>
    </rPh>
    <rPh sb="7" eb="9">
      <t>ソンゲン</t>
    </rPh>
    <rPh sb="10" eb="12">
      <t>ソンチョウ</t>
    </rPh>
    <phoneticPr fontId="3"/>
  </si>
  <si>
    <t>神奈川県と流域市町の連携による葛川整備、浸水被害の軽減及び治水対策</t>
    <rPh sb="0" eb="4">
      <t>カナガワケン</t>
    </rPh>
    <rPh sb="5" eb="7">
      <t>リュウイキ</t>
    </rPh>
    <rPh sb="7" eb="9">
      <t>シマチ</t>
    </rPh>
    <rPh sb="10" eb="12">
      <t>レンケイ</t>
    </rPh>
    <rPh sb="15" eb="17">
      <t>クズカワ</t>
    </rPh>
    <rPh sb="17" eb="19">
      <t>セイビ</t>
    </rPh>
    <rPh sb="20" eb="22">
      <t>シンスイ</t>
    </rPh>
    <rPh sb="22" eb="24">
      <t>ヒガイ</t>
    </rPh>
    <rPh sb="25" eb="27">
      <t>ケイゲン</t>
    </rPh>
    <rPh sb="27" eb="28">
      <t>オヨ</t>
    </rPh>
    <rPh sb="29" eb="31">
      <t>チスイ</t>
    </rPh>
    <rPh sb="31" eb="33">
      <t>タイサク</t>
    </rPh>
    <phoneticPr fontId="3"/>
  </si>
  <si>
    <t>役場新庁舎の整備</t>
    <rPh sb="0" eb="2">
      <t>ヤクバ</t>
    </rPh>
    <rPh sb="2" eb="5">
      <t>シンチョウシャ</t>
    </rPh>
    <rPh sb="6" eb="8">
      <t>セイビ</t>
    </rPh>
    <phoneticPr fontId="3"/>
  </si>
  <si>
    <t>支援教育の充実</t>
    <rPh sb="0" eb="4">
      <t>シエンキョウイク</t>
    </rPh>
    <rPh sb="5" eb="7">
      <t>ジュウジツ</t>
    </rPh>
    <phoneticPr fontId="3"/>
  </si>
  <si>
    <t>こども家庭センター「にのはぐ」と教育委員会との連携による「こどもをまんなか」にしたネットワークづくり</t>
    <rPh sb="3" eb="5">
      <t>カテイ</t>
    </rPh>
    <rPh sb="16" eb="21">
      <t>キョウイクイインカイ</t>
    </rPh>
    <rPh sb="23" eb="25">
      <t>レンケイ</t>
    </rPh>
    <phoneticPr fontId="3"/>
  </si>
  <si>
    <t>町制施行90周年記念事業（こどもまんなかイベント）</t>
    <rPh sb="0" eb="4">
      <t>チョウセイシコウ</t>
    </rPh>
    <rPh sb="6" eb="8">
      <t>シュウネン</t>
    </rPh>
    <rPh sb="8" eb="12">
      <t>キネンジギョウ</t>
    </rPh>
    <phoneticPr fontId="3"/>
  </si>
  <si>
    <r>
      <t>藤沢市市政運営の総合指針</t>
    </r>
    <r>
      <rPr>
        <sz val="12"/>
        <rFont val="ＭＳ Ｐ明朝"/>
        <family val="1"/>
        <charset val="128"/>
      </rPr>
      <t>2028　基本目標
藤沢市の現状と見通し、特性等を踏まえた上で、市の施策、事業を進める基本となる方向性になります。
〇</t>
    </r>
    <r>
      <rPr>
        <sz val="12"/>
        <rFont val="ＭＳ Ｐ明朝"/>
        <family val="1"/>
        <charset val="128"/>
      </rPr>
      <t>安全・安心なまちをつくる取組 〇文化・スポーツを盛んにする取組 〇自然を守り豊かな環境をつくる取組 〇子ども</t>
    </r>
    <r>
      <rPr>
        <sz val="12"/>
        <rFont val="ＭＳ Ｐ明朝"/>
        <family val="1"/>
        <charset val="128"/>
      </rPr>
      <t>の笑顔があふれるまちをつくる取組 〇</t>
    </r>
    <r>
      <rPr>
        <sz val="12"/>
        <rFont val="ＭＳ Ｐ明朝"/>
        <family val="1"/>
        <charset val="128"/>
      </rPr>
      <t>誰もが自分らしく暮らせるまちをつくる取組 〇地域経済を循環させる取組 〇都市基盤を充実する取組 〇</t>
    </r>
    <r>
      <rPr>
        <sz val="12"/>
        <rFont val="ＭＳ Ｐ明朝"/>
        <family val="1"/>
        <charset val="128"/>
      </rPr>
      <t>多様な主体との共創が生み出される地域づくりを進める取組</t>
    </r>
    <rPh sb="71" eb="73">
      <t>アンゼン</t>
    </rPh>
    <rPh sb="74" eb="76">
      <t>アンシン</t>
    </rPh>
    <rPh sb="126" eb="128">
      <t>エガオ</t>
    </rPh>
    <rPh sb="139" eb="141">
      <t>トリクミ</t>
    </rPh>
    <rPh sb="143" eb="144">
      <t>ダレ</t>
    </rPh>
    <rPh sb="146" eb="148">
      <t>ジブン</t>
    </rPh>
    <rPh sb="151" eb="152">
      <t>ク</t>
    </rPh>
    <rPh sb="192" eb="194">
      <t>タヨウ</t>
    </rPh>
    <rPh sb="195" eb="197">
      <t>シュタイ</t>
    </rPh>
    <rPh sb="199" eb="201">
      <t>キョウソウ</t>
    </rPh>
    <rPh sb="202" eb="203">
      <t>ウ</t>
    </rPh>
    <rPh sb="204" eb="205">
      <t>ダ</t>
    </rPh>
    <rPh sb="208" eb="210">
      <t>チイキ</t>
    </rPh>
    <rPh sb="214" eb="215">
      <t>スス</t>
    </rPh>
    <phoneticPr fontId="3"/>
  </si>
  <si>
    <r>
      <t>藤沢市市政運営の総合指針</t>
    </r>
    <r>
      <rPr>
        <sz val="12"/>
        <rFont val="ＭＳ Ｐ明朝"/>
        <family val="1"/>
        <charset val="128"/>
      </rPr>
      <t>2028　まちづくりテーマ</t>
    </r>
    <rPh sb="0" eb="3">
      <t>フジサワシ</t>
    </rPh>
    <rPh sb="3" eb="7">
      <t>シセイウンエイ</t>
    </rPh>
    <rPh sb="8" eb="10">
      <t>ソウゴウ</t>
    </rPh>
    <rPh sb="10" eb="12">
      <t>シシン</t>
    </rPh>
    <phoneticPr fontId="3"/>
  </si>
  <si>
    <r>
      <t>まちづくりテーマ１　「安全で安心な</t>
    </r>
    <r>
      <rPr>
        <sz val="12"/>
        <rFont val="ＭＳ Ｐ明朝"/>
        <family val="1"/>
        <charset val="128"/>
      </rPr>
      <t>まちをつくる」（災害対策の充実等）</t>
    </r>
    <rPh sb="11" eb="13">
      <t>あんぜん</t>
    </rPh>
    <rPh sb="14" eb="16">
      <t>あんしん</t>
    </rPh>
    <rPh sb="25" eb="27">
      <t>さいがい</t>
    </rPh>
    <rPh sb="27" eb="29">
      <t>たいさく</t>
    </rPh>
    <rPh sb="30" eb="32">
      <t>じゅうじつ</t>
    </rPh>
    <rPh sb="32" eb="33">
      <t>とう</t>
    </rPh>
    <phoneticPr fontId="3" type="Hiragana" alignment="distributed"/>
  </si>
  <si>
    <r>
      <t>まちづくりテーマ２　「</t>
    </r>
    <r>
      <rPr>
        <sz val="12"/>
        <rFont val="ＭＳ Ｐ明朝"/>
        <family val="1"/>
        <charset val="128"/>
      </rPr>
      <t>誰もが、豊かに生活し、支えあう社会をつくる」（地域共生社会の実現に向けた取組の推進等）</t>
    </r>
    <rPh sb="11" eb="12">
      <t>だれ</t>
    </rPh>
    <rPh sb="15" eb="16">
      <t>ゆた</t>
    </rPh>
    <rPh sb="18" eb="20">
      <t>せいかつ</t>
    </rPh>
    <rPh sb="22" eb="23">
      <t>ささ</t>
    </rPh>
    <rPh sb="26" eb="28">
      <t>しゃかい</t>
    </rPh>
    <rPh sb="34" eb="36">
      <t>ちいき</t>
    </rPh>
    <rPh sb="36" eb="38">
      <t>きょうせい</t>
    </rPh>
    <rPh sb="38" eb="40">
      <t>しゃかい</t>
    </rPh>
    <rPh sb="41" eb="43">
      <t>じつげん</t>
    </rPh>
    <rPh sb="44" eb="45">
      <t>む</t>
    </rPh>
    <rPh sb="47" eb="49">
      <t>とりくみ</t>
    </rPh>
    <rPh sb="50" eb="52">
      <t>すいしん</t>
    </rPh>
    <rPh sb="52" eb="53">
      <t>とう</t>
    </rPh>
    <phoneticPr fontId="3" type="Hiragana" alignment="distributed"/>
  </si>
  <si>
    <r>
      <t>まちづくりテーマ５　「未来を見据えてみんなで</t>
    </r>
    <r>
      <rPr>
        <sz val="12"/>
        <rFont val="ＭＳ Ｐ明朝"/>
        <family val="1"/>
        <charset val="128"/>
      </rPr>
      <t>進める」（豊かな自然を守り・生かす環境対策の推進等）</t>
    </r>
    <rPh sb="11" eb="13">
      <t>みらい</t>
    </rPh>
    <rPh sb="14" eb="16">
      <t>みす</t>
    </rPh>
    <rPh sb="22" eb="23">
      <t>すす</t>
    </rPh>
    <rPh sb="27" eb="28">
      <t>ゆた</t>
    </rPh>
    <rPh sb="30" eb="32">
      <t>しぜん</t>
    </rPh>
    <rPh sb="33" eb="34">
      <t>まも</t>
    </rPh>
    <rPh sb="36" eb="37">
      <t>い</t>
    </rPh>
    <rPh sb="39" eb="41">
      <t>かんきょう</t>
    </rPh>
    <rPh sb="41" eb="43">
      <t>たいさく</t>
    </rPh>
    <rPh sb="44" eb="46">
      <t>すいしん</t>
    </rPh>
    <rPh sb="46" eb="47">
      <t>とう</t>
    </rPh>
    <phoneticPr fontId="3" type="Hiragana" alignment="distributed"/>
  </si>
  <si>
    <r>
      <t>まちづくりテーマ３　「笑顔と元気あふれる子どもたちを育てる」（</t>
    </r>
    <r>
      <rPr>
        <sz val="12"/>
        <rFont val="ＭＳ Ｐ明朝"/>
        <family val="1"/>
        <charset val="128"/>
      </rPr>
      <t>すべての子どもの学びを支える学校づくりの推進等）</t>
    </r>
    <rPh sb="11" eb="13">
      <t>えがお</t>
    </rPh>
    <rPh sb="14" eb="16">
      <t>げんき</t>
    </rPh>
    <rPh sb="20" eb="21">
      <t>こ</t>
    </rPh>
    <rPh sb="26" eb="27">
      <t>そだ</t>
    </rPh>
    <rPh sb="35" eb="36">
      <t>こ</t>
    </rPh>
    <rPh sb="39" eb="40">
      <t>まな</t>
    </rPh>
    <rPh sb="42" eb="43">
      <t>ささ</t>
    </rPh>
    <rPh sb="45" eb="47">
      <t>がっこう</t>
    </rPh>
    <rPh sb="51" eb="53">
      <t>すいしん</t>
    </rPh>
    <rPh sb="53" eb="54">
      <t>とう</t>
    </rPh>
    <phoneticPr fontId="3" type="Hiragana" alignment="distributed"/>
  </si>
  <si>
    <r>
      <t>湘南しらす、湘南たたみいわし、湘南わかめ、</t>
    </r>
    <r>
      <rPr>
        <sz val="12"/>
        <rFont val="ＭＳ Ｐ明朝"/>
        <family val="1"/>
        <charset val="128"/>
      </rPr>
      <t>湘南はまぐり、藤稔(ぶどう)、梨、はるみ(米)、湘南野菜、冬春トマト、春キャベツ、やまゆりポーク、ふじさわ生豚（なまはむ）</t>
    </r>
    <phoneticPr fontId="8"/>
  </si>
  <si>
    <t>（仮称）ゆがわら軽トラ市実施事業</t>
    <rPh sb="1" eb="3">
      <t>カショウ</t>
    </rPh>
    <rPh sb="8" eb="9">
      <t>ケイ</t>
    </rPh>
    <rPh sb="11" eb="12">
      <t>シ</t>
    </rPh>
    <rPh sb="12" eb="14">
      <t>ジッシ</t>
    </rPh>
    <rPh sb="14" eb="16">
      <t>ジギョウ</t>
    </rPh>
    <phoneticPr fontId="3"/>
  </si>
  <si>
    <t>インバウンド情報発信事業</t>
    <rPh sb="6" eb="10">
      <t>ジョウホウハッシン</t>
    </rPh>
    <rPh sb="10" eb="12">
      <t>ジギョウ</t>
    </rPh>
    <phoneticPr fontId="3"/>
  </si>
  <si>
    <t>わかもの会議開催事業</t>
    <rPh sb="4" eb="6">
      <t>カイギ</t>
    </rPh>
    <rPh sb="6" eb="8">
      <t>カイサイ</t>
    </rPh>
    <rPh sb="8" eb="10">
      <t>ジギョウ</t>
    </rPh>
    <phoneticPr fontId="3"/>
  </si>
  <si>
    <t>梅の宴（2～3月）、湯かけまつり（5月）、さつきの郷（6月）、ほたるの宴（6月）、やっさまつり（8月）、花火大会（8月）、ゆがわらフェス（11月）</t>
    <rPh sb="7" eb="8">
      <t>ガツ</t>
    </rPh>
    <rPh sb="35" eb="36">
      <t>ウタゲ</t>
    </rPh>
    <rPh sb="38" eb="39">
      <t>ツキ</t>
    </rPh>
    <rPh sb="52" eb="54">
      <t>ハナビ</t>
    </rPh>
    <rPh sb="54" eb="56">
      <t>タイカイ</t>
    </rPh>
    <rPh sb="71" eb="72">
      <t>ガツ</t>
    </rPh>
    <phoneticPr fontId="8"/>
  </si>
  <si>
    <t>地域のスポーツ指導員の派遣を受け、放課後に校庭などで身体を動かす「放課後児童のエンジョイスポーツ」をパイロット校で実施</t>
    <rPh sb="14" eb="15">
      <t>ウ</t>
    </rPh>
    <phoneticPr fontId="3"/>
  </si>
  <si>
    <t>教育環境向上のため、中学校の体育館への空調設置や老朽化した施設の改修などを推進</t>
    <rPh sb="32" eb="34">
      <t>カイシュウ</t>
    </rPh>
    <phoneticPr fontId="3"/>
  </si>
  <si>
    <t>まちづくりの基本理念
第五次葉山町総合計画基本構想（令和７年度～令和22年度）では、目指すまちの姿として「自分らしく、つながるまち」を掲げ、第１期基本計画（令和７年度～令和10年度）では、目指すまちの姿を実現すべく各分野を総合的に網羅する３つの柱を設定し、まちづくりを進めていきます。
1 健幸（けんこう）
　「健幸」とは、美しく豊かな自然環境と共生し、それを活かした病気予防への取組みと、保健・医療・福祉等の取組みによって、町民が健康と幸せを享受し続けることができる暮らしのことです。
2 楽校（がっこう）
　「楽校」とは、知識の詰め込みから思考力等を重視する学びをつくる、そうした学びに適した空間でありながら地域のみんなが通いたくなる空間をつくる、そこでは多くの人たちが教育を通してつながることでコミュニティベースのウェルビーイングが感じられる、そんな新しい学びをつくることです。
3 連継（れんけい）
　「連継」とは、葉山を未来へ受け継いでいくために、葉山町に関わる全ての人が連携し、地域の力となる、これからのまちづくりのことです。</t>
    <phoneticPr fontId="3" type="Hiragana" alignment="distributed"/>
  </si>
  <si>
    <t>https://www.town.oiso.kanagawa.jp/</t>
    <phoneticPr fontId="3" type="Hiragana" alignment="distributed"/>
  </si>
  <si>
    <t>大磯町立幼稚園認定こども園移行事業（町立幼稚園のこども園化）</t>
    <rPh sb="0" eb="4">
      <t>おおいそちょうりつ</t>
    </rPh>
    <rPh sb="4" eb="7">
      <t>ようちえん</t>
    </rPh>
    <rPh sb="7" eb="9">
      <t>にんてい</t>
    </rPh>
    <rPh sb="12" eb="13">
      <t>えん</t>
    </rPh>
    <rPh sb="13" eb="15">
      <t>いこう</t>
    </rPh>
    <rPh sb="15" eb="17">
      <t>じぎょう</t>
    </rPh>
    <rPh sb="18" eb="20">
      <t>ちょうりつ</t>
    </rPh>
    <rPh sb="20" eb="23">
      <t>ようちえん</t>
    </rPh>
    <rPh sb="27" eb="28">
      <t>えん</t>
    </rPh>
    <rPh sb="28" eb="29">
      <t>か</t>
    </rPh>
    <phoneticPr fontId="3" type="Hiragana" alignment="distributed"/>
  </si>
  <si>
    <t>相模原麻溝公園、津久井湖城山公園、相模湖、陣馬山、石老山、丹沢山、石井家住宅、小原宿本陣、相模原北公園、相模川自然の村、ふれあい科学館、小倉橋、三井大橋、水郷田名、宮ヶ瀬湖、津久井城跡、JAXA相模原キャンパス、さがみ湖MORIMORI、相模原市立博物館</t>
    <phoneticPr fontId="3" type="Hiragana" alignment="distributed"/>
  </si>
  <si>
    <t>道路橋梁維持補修事業</t>
    <phoneticPr fontId="3"/>
  </si>
  <si>
    <t>乳幼児健康診査事業</t>
    <phoneticPr fontId="3"/>
  </si>
  <si>
    <t>文化伝承・文化財保護推進事業</t>
    <phoneticPr fontId="3"/>
  </si>
  <si>
    <t>地域おこし協力隊活用事業</t>
    <rPh sb="0" eb="2">
      <t>チイキ</t>
    </rPh>
    <rPh sb="5" eb="8">
      <t>キョウリョクタイ</t>
    </rPh>
    <rPh sb="8" eb="10">
      <t>カツヨウ</t>
    </rPh>
    <rPh sb="10" eb="12">
      <t>ジギョウ</t>
    </rPh>
    <phoneticPr fontId="3"/>
  </si>
  <si>
    <t>幹線道路・生活道路の整備</t>
    <phoneticPr fontId="3"/>
  </si>
  <si>
    <t>防災・減災対策の強化</t>
    <phoneticPr fontId="3"/>
  </si>
  <si>
    <t>妊産婦への支援の充実</t>
    <phoneticPr fontId="3"/>
  </si>
  <si>
    <t>歴史・文化資源の保護</t>
    <phoneticPr fontId="3"/>
  </si>
  <si>
    <t>基幹産業への支援</t>
    <rPh sb="0" eb="2">
      <t>キカン</t>
    </rPh>
    <rPh sb="2" eb="4">
      <t>サンギョウ</t>
    </rPh>
    <rPh sb="6" eb="8">
      <t>シエン</t>
    </rPh>
    <phoneticPr fontId="3"/>
  </si>
  <si>
    <t>逗子海岸、小坪漁港、披露山公園、神武寺、蘆花記念公園</t>
    <rPh sb="0" eb="2">
      <t>ずし</t>
    </rPh>
    <rPh sb="2" eb="4">
      <t>かいがん</t>
    </rPh>
    <rPh sb="5" eb="7">
      <t>こつぼ</t>
    </rPh>
    <rPh sb="7" eb="9">
      <t>ぎょこう</t>
    </rPh>
    <phoneticPr fontId="3" type="Hiragana" alignment="distributed"/>
  </si>
  <si>
    <t>共に生き、心豊かに暮らせるふれあいのまち</t>
    <rPh sb="0" eb="1">
      <t>とも</t>
    </rPh>
    <rPh sb="2" eb="3">
      <t>い</t>
    </rPh>
    <rPh sb="5" eb="7">
      <t>こころゆた</t>
    </rPh>
    <rPh sb="9" eb="10">
      <t>く</t>
    </rPh>
    <phoneticPr fontId="3" type="Hiragana" alignment="distributed"/>
  </si>
  <si>
    <t>医療・保健・福祉が連携した安心・健康長寿のまち</t>
    <rPh sb="0" eb="2">
      <t>いりょう</t>
    </rPh>
    <rPh sb="3" eb="5">
      <t>ほけん</t>
    </rPh>
    <rPh sb="6" eb="8">
      <t>ふくし</t>
    </rPh>
    <rPh sb="9" eb="11">
      <t>れんけい</t>
    </rPh>
    <rPh sb="13" eb="15">
      <t>あんしん</t>
    </rPh>
    <rPh sb="16" eb="20">
      <t>けんこうちょうじゅ</t>
    </rPh>
    <phoneticPr fontId="3" type="Hiragana" alignment="distributed"/>
  </si>
  <si>
    <t>自然と人間を共に大切にするまち</t>
    <rPh sb="0" eb="2">
      <t>しぜん</t>
    </rPh>
    <rPh sb="3" eb="5">
      <t>にんげん</t>
    </rPh>
    <rPh sb="6" eb="7">
      <t>とも</t>
    </rPh>
    <rPh sb="8" eb="10">
      <t>たいせつ</t>
    </rPh>
    <phoneticPr fontId="3" type="Hiragana" alignment="distributed"/>
  </si>
  <si>
    <t>安全で安心な、快適な暮らしを支えるまち</t>
    <rPh sb="0" eb="2">
      <t>アンゼン</t>
    </rPh>
    <rPh sb="3" eb="5">
      <t>アンシン</t>
    </rPh>
    <rPh sb="7" eb="9">
      <t>カイテキ</t>
    </rPh>
    <rPh sb="10" eb="11">
      <t>ク</t>
    </rPh>
    <rPh sb="14" eb="15">
      <t>ササ</t>
    </rPh>
    <phoneticPr fontId="3"/>
  </si>
  <si>
    <t>新しい地域の姿を示す市民主権のまち</t>
    <rPh sb="0" eb="1">
      <t>アタラ</t>
    </rPh>
    <rPh sb="3" eb="5">
      <t>チイキ</t>
    </rPh>
    <rPh sb="6" eb="7">
      <t>スガタ</t>
    </rPh>
    <rPh sb="8" eb="9">
      <t>シメ</t>
    </rPh>
    <rPh sb="10" eb="12">
      <t>シミン</t>
    </rPh>
    <rPh sb="12" eb="14">
      <t>シュケン</t>
    </rPh>
    <phoneticPr fontId="3"/>
  </si>
  <si>
    <t>子育てするなら逗子</t>
    <rPh sb="0" eb="2">
      <t>こそだ</t>
    </rPh>
    <rPh sb="7" eb="9">
      <t>ずし</t>
    </rPh>
    <phoneticPr fontId="3" type="Hiragana" alignment="distributed"/>
  </si>
  <si>
    <t>いくつになっても元気で安心なまち</t>
    <rPh sb="8" eb="10">
      <t>げんき</t>
    </rPh>
    <rPh sb="11" eb="13">
      <t>あんしん</t>
    </rPh>
    <phoneticPr fontId="3" type="Hiragana" alignment="distributed"/>
  </si>
  <si>
    <t>地球環境を守り、安全なまち</t>
    <rPh sb="0" eb="2">
      <t>ちきゅう</t>
    </rPh>
    <rPh sb="2" eb="4">
      <t>かんきょう</t>
    </rPh>
    <rPh sb="5" eb="6">
      <t>まも</t>
    </rPh>
    <rPh sb="8" eb="10">
      <t>あんぜん</t>
    </rPh>
    <phoneticPr fontId="3" type="Hiragana" alignment="distributed"/>
  </si>
  <si>
    <t>住み心地の良いまち</t>
    <rPh sb="0" eb="1">
      <t>す</t>
    </rPh>
    <rPh sb="2" eb="4">
      <t>ごこち</t>
    </rPh>
    <rPh sb="5" eb="6">
      <t>よ</t>
    </rPh>
    <phoneticPr fontId="3" type="Hiragana" alignment="distributed"/>
  </si>
  <si>
    <t>ほしの　よういち</t>
    <phoneticPr fontId="3"/>
  </si>
  <si>
    <t>星野　洋一</t>
    <rPh sb="0" eb="2">
      <t>ホシノ</t>
    </rPh>
    <rPh sb="3" eb="5">
      <t>ヨウイチ</t>
    </rPh>
    <phoneticPr fontId="3"/>
  </si>
  <si>
    <t>ゼロカーボンシティ創成事業</t>
    <rPh sb="9" eb="11">
      <t>そうせい</t>
    </rPh>
    <rPh sb="11" eb="13">
      <t>じぎょう</t>
    </rPh>
    <phoneticPr fontId="3" type="Hiragana" alignment="distributed"/>
  </si>
  <si>
    <t>民間保育所等運営支援事業</t>
    <phoneticPr fontId="3"/>
  </si>
  <si>
    <t>移住・定住促進事業</t>
    <rPh sb="0" eb="2">
      <t>イジュウ</t>
    </rPh>
    <rPh sb="3" eb="5">
      <t>テイジュウ</t>
    </rPh>
    <rPh sb="5" eb="7">
      <t>ソクシン</t>
    </rPh>
    <rPh sb="7" eb="9">
      <t>ジギョウ</t>
    </rPh>
    <phoneticPr fontId="8"/>
  </si>
  <si>
    <t>町制施行70周年記念事業</t>
    <phoneticPr fontId="3"/>
  </si>
  <si>
    <t>海老名市ゼロカーボンシティ宣言</t>
    <rPh sb="0" eb="4">
      <t>えびなし</t>
    </rPh>
    <rPh sb="13" eb="15">
      <t>せんげん</t>
    </rPh>
    <phoneticPr fontId="3" type="Hiragana" alignment="distributed"/>
  </si>
  <si>
    <t>（仮称）海老名市文化交流拠点整備（文化ゾーン）</t>
    <phoneticPr fontId="3" type="Hiragana" alignment="distributed"/>
  </si>
  <si>
    <t>一般廃棄物の処理（運搬及び埋立てを除く処分）受託（三浦市）</t>
    <rPh sb="0" eb="2">
      <t>イッパン</t>
    </rPh>
    <rPh sb="2" eb="5">
      <t>ハイキブツ</t>
    </rPh>
    <rPh sb="6" eb="8">
      <t>ショリ</t>
    </rPh>
    <rPh sb="9" eb="11">
      <t>ウンパン</t>
    </rPh>
    <rPh sb="11" eb="12">
      <t>オヨ</t>
    </rPh>
    <rPh sb="13" eb="14">
      <t>ウ</t>
    </rPh>
    <rPh sb="14" eb="15">
      <t>タ</t>
    </rPh>
    <rPh sb="17" eb="18">
      <t>ノゾ</t>
    </rPh>
    <rPh sb="19" eb="21">
      <t>ショブン</t>
    </rPh>
    <rPh sb="22" eb="24">
      <t>ジュタク</t>
    </rPh>
    <rPh sb="25" eb="28">
      <t>ミウラシ</t>
    </rPh>
    <phoneticPr fontId="3"/>
  </si>
  <si>
    <t>一般廃棄物の処理（埋立てによる最終処分）委託（三浦市）</t>
    <rPh sb="0" eb="2">
      <t>イッパン</t>
    </rPh>
    <rPh sb="2" eb="5">
      <t>ハイキブツ</t>
    </rPh>
    <rPh sb="6" eb="8">
      <t>ショリ</t>
    </rPh>
    <rPh sb="9" eb="10">
      <t>ウ</t>
    </rPh>
    <rPh sb="10" eb="11">
      <t>タ</t>
    </rPh>
    <rPh sb="15" eb="17">
      <t>サイシュウ</t>
    </rPh>
    <rPh sb="17" eb="19">
      <t>ショブン</t>
    </rPh>
    <rPh sb="20" eb="22">
      <t>イタク</t>
    </rPh>
    <rPh sb="23" eb="26">
      <t>ミウラシ</t>
    </rPh>
    <phoneticPr fontId="3"/>
  </si>
  <si>
    <t>可燃ごみの焼却処理の事務委託（逗子市）</t>
    <rPh sb="0" eb="2">
      <t>カネン</t>
    </rPh>
    <rPh sb="5" eb="7">
      <t>ショウキャク</t>
    </rPh>
    <rPh sb="7" eb="9">
      <t>ショリ</t>
    </rPh>
    <rPh sb="10" eb="12">
      <t>ジム</t>
    </rPh>
    <rPh sb="12" eb="14">
      <t>イタク</t>
    </rPh>
    <rPh sb="15" eb="18">
      <t>ズシシ</t>
    </rPh>
    <phoneticPr fontId="3"/>
  </si>
  <si>
    <t>廃乾電池等処理の事務受託（清川村）</t>
    <rPh sb="0" eb="1">
      <t>ハイ</t>
    </rPh>
    <rPh sb="1" eb="4">
      <t>カンデンチ</t>
    </rPh>
    <rPh sb="4" eb="5">
      <t>トウ</t>
    </rPh>
    <rPh sb="5" eb="7">
      <t>ショリ</t>
    </rPh>
    <rPh sb="8" eb="10">
      <t>ジム</t>
    </rPh>
    <rPh sb="10" eb="12">
      <t>ジュタク</t>
    </rPh>
    <rPh sb="13" eb="16">
      <t>キヨカワムラ</t>
    </rPh>
    <phoneticPr fontId="3"/>
  </si>
  <si>
    <t>資源物処理に関する事務受託（茅ヶ崎市）</t>
    <phoneticPr fontId="3"/>
  </si>
  <si>
    <t>資源物の処理に関する事務委託（平塚市）</t>
    <rPh sb="7" eb="8">
      <t>かん</t>
    </rPh>
    <rPh sb="10" eb="12">
      <t>じむ</t>
    </rPh>
    <phoneticPr fontId="3" type="Hiragana" alignment="distributed"/>
  </si>
  <si>
    <t>不燃ごみ及び粗大ごみの処理に関する事務委託（平塚市）</t>
    <rPh sb="14" eb="15">
      <t>かん</t>
    </rPh>
    <rPh sb="17" eb="19">
      <t>じむ</t>
    </rPh>
    <phoneticPr fontId="3" type="Hiragana" alignment="distributed"/>
  </si>
  <si>
    <t>廃乾電池等処理の事務委託（厚木市）</t>
    <rPh sb="0" eb="1">
      <t>ハイ</t>
    </rPh>
    <rPh sb="1" eb="4">
      <t>カンデンチ</t>
    </rPh>
    <rPh sb="4" eb="5">
      <t>トウ</t>
    </rPh>
    <rPh sb="5" eb="7">
      <t>ショリ</t>
    </rPh>
    <rPh sb="8" eb="10">
      <t>ジム</t>
    </rPh>
    <rPh sb="10" eb="12">
      <t>イタク</t>
    </rPh>
    <rPh sb="13" eb="16">
      <t>アツギシ</t>
    </rPh>
    <phoneticPr fontId="3"/>
  </si>
  <si>
    <t>〇待機児童対策の継続的な推進
〇地域包括ケアシステムの構築に向けた取組
〇若者文化の発信によるまちづくり
〇「臨海部ビジョン」に基づく取組の推進
〇脱炭素社会の実現に向けた取組の推進</t>
    <phoneticPr fontId="3"/>
  </si>
  <si>
    <t>消防事務受託(三浦市）</t>
    <rPh sb="0" eb="2">
      <t>しょうぼう</t>
    </rPh>
    <rPh sb="2" eb="4">
      <t>じむ</t>
    </rPh>
    <rPh sb="4" eb="6">
      <t>じゅたく</t>
    </rPh>
    <rPh sb="6" eb="8">
      <t>いじゅたく</t>
    </rPh>
    <rPh sb="7" eb="9">
      <t>みうら</t>
    </rPh>
    <phoneticPr fontId="3" type="Hiragana" alignment="distributed"/>
  </si>
  <si>
    <t>資源物の処理に関する事務受託（大磯町・二宮町）</t>
    <rPh sb="7" eb="8">
      <t>カン</t>
    </rPh>
    <rPh sb="19" eb="22">
      <t>ニノミヤマチ</t>
    </rPh>
    <phoneticPr fontId="8"/>
  </si>
  <si>
    <t>緑化まつり（4月）、湘南ひらつか七夕まつり（7月）、湘南ひらつか花火大会（8月）、湘南ひらつか囲碁まつり（10月）、ひらつか民俗芸能まつり（11月）</t>
    <rPh sb="0" eb="2">
      <t>リョクカ</t>
    </rPh>
    <rPh sb="7" eb="8">
      <t>ガツ</t>
    </rPh>
    <phoneticPr fontId="3"/>
  </si>
  <si>
    <t>梅まつり（2月）、桜まつり（3月）、北條五代祭り（5月）、あじさい花菖蒲まつり（6月）、酒匂川花火大会（8月）、みなとまつり（8月）、ちょうちんまつり（10月）、おでん祭り（10月）、菊花展（11月）、一夜城まつり（11月）</t>
    <rPh sb="53" eb="54">
      <t>ガツ</t>
    </rPh>
    <rPh sb="64" eb="65">
      <t>ガツ</t>
    </rPh>
    <phoneticPr fontId="8"/>
  </si>
  <si>
    <r>
      <t>消防</t>
    </r>
    <r>
      <rPr>
        <sz val="12"/>
        <rFont val="ＭＳ Ｐ明朝"/>
        <family val="1"/>
        <charset val="128"/>
      </rPr>
      <t>事務受託（寒川町）</t>
    </r>
    <rPh sb="0" eb="2">
      <t>しょうぼう</t>
    </rPh>
    <rPh sb="2" eb="4">
      <t>じむ</t>
    </rPh>
    <rPh sb="4" eb="6">
      <t>じゅたく</t>
    </rPh>
    <rPh sb="7" eb="10">
      <t>さむかわまち</t>
    </rPh>
    <phoneticPr fontId="3" type="Hiragana" alignment="distributed"/>
  </si>
  <si>
    <t>一般廃棄物処理に関する事務受託（寒川町）　</t>
    <rPh sb="0" eb="2">
      <t>いっぱん</t>
    </rPh>
    <rPh sb="2" eb="5">
      <t>はいきぶつ</t>
    </rPh>
    <phoneticPr fontId="3" type="Hiragana" alignment="distributed"/>
  </si>
  <si>
    <t>可燃ごみの焼却処理の事務受託（鎌倉市、葉山町）</t>
    <rPh sb="0" eb="2">
      <t>かねん</t>
    </rPh>
    <rPh sb="5" eb="7">
      <t>しょうきゃく</t>
    </rPh>
    <rPh sb="7" eb="9">
      <t>しょり</t>
    </rPh>
    <rPh sb="10" eb="12">
      <t>じむ</t>
    </rPh>
    <rPh sb="12" eb="14">
      <t>じゅたく</t>
    </rPh>
    <rPh sb="15" eb="18">
      <t>かまくらし</t>
    </rPh>
    <rPh sb="19" eb="21">
      <t>はやま</t>
    </rPh>
    <rPh sb="21" eb="22">
      <t>まち</t>
    </rPh>
    <phoneticPr fontId="3" type="Hiragana" alignment="distributed"/>
  </si>
  <si>
    <t>ニューブリテン市（アメリカ・昭和58年5月31日提携）、揚州市（中国・昭和59年10月23日提携）、軍浦市（大韓民国・平成17年2月5日提携）、横手市（秋田県・昭和60年5月24日提携）、網走市（北海道・平成17年2月5日提携）、糸満市（沖縄県・平成30年８月4日提携）、狭山市〔防災姉妹都市〕（埼玉県・平成8年7月24日提携）北杜市〔防災姉妹都市〕（山梨県・令和６年10月30日提携）
栃木市〔防災姉妹都市〕（栃木県・令和７年１月16日提携）
釜石市〔防災姉妹都市〕（岩手県・令和７年１月23日提携）</t>
    <phoneticPr fontId="3"/>
  </si>
  <si>
    <t>あつぎ飯山桜まつり(3月)、厚木市緑のまつり（5月）、あつぎ鮎まつり（8月）、あつぎジャズナイト（8月）、にぎわい爆発あつぎ国際大道芸（11月）</t>
    <phoneticPr fontId="3"/>
  </si>
  <si>
    <r>
      <t>いちご</t>
    </r>
    <r>
      <rPr>
        <sz val="12"/>
        <rFont val="ＭＳ Ｐ明朝"/>
        <family val="1"/>
        <charset val="128"/>
      </rPr>
      <t>、七重最中、えびなガレット</t>
    </r>
    <r>
      <rPr>
        <sz val="12"/>
        <rFont val="ＭＳ Ｐ明朝"/>
        <family val="1"/>
        <charset val="128"/>
      </rPr>
      <t>、えびな吟醸</t>
    </r>
    <rPh sb="10" eb="12">
      <t>ぎんじょう</t>
    </rPh>
    <phoneticPr fontId="3" type="Hiragana" alignment="distributed"/>
  </si>
  <si>
    <t>海老名駅東口自由通路延伸</t>
    <rPh sb="0" eb="4">
      <t>えびなえき</t>
    </rPh>
    <rPh sb="4" eb="6">
      <t>ひがしぐち</t>
    </rPh>
    <rPh sb="6" eb="10">
      <t>じゆうつうろ</t>
    </rPh>
    <rPh sb="10" eb="12">
      <t>えんしん</t>
    </rPh>
    <phoneticPr fontId="3" type="Hiragana" alignment="distributed"/>
  </si>
  <si>
    <t>公私連携型保育所の整備</t>
    <rPh sb="0" eb="2">
      <t>こうし</t>
    </rPh>
    <rPh sb="2" eb="4">
      <t>れんけい</t>
    </rPh>
    <rPh sb="4" eb="5">
      <t>がた</t>
    </rPh>
    <rPh sb="5" eb="7">
      <t>ほいく</t>
    </rPh>
    <rPh sb="7" eb="8">
      <t>じょ</t>
    </rPh>
    <rPh sb="9" eb="11">
      <t>せいび</t>
    </rPh>
    <phoneticPr fontId="3" type="Hiragana" alignment="distributed"/>
  </si>
  <si>
    <t>フルインクルーシブ教育の推進</t>
    <rPh sb="9" eb="11">
      <t>キョウイク</t>
    </rPh>
    <rPh sb="12" eb="14">
      <t>スイシン</t>
    </rPh>
    <phoneticPr fontId="3"/>
  </si>
  <si>
    <t>防災行政無線整備事業</t>
    <rPh sb="0" eb="2">
      <t>ぼうさい</t>
    </rPh>
    <rPh sb="2" eb="4">
      <t>ぎょうせい</t>
    </rPh>
    <rPh sb="4" eb="6">
      <t>むせん</t>
    </rPh>
    <rPh sb="6" eb="8">
      <t>せいび</t>
    </rPh>
    <rPh sb="8" eb="10">
      <t>じぎょう</t>
    </rPh>
    <phoneticPr fontId="3" type="Hiragana" alignment="center"/>
  </si>
  <si>
    <t>小学校・中学校の給食費無償化事業</t>
    <rPh sb="0" eb="3">
      <t>ショウガッコウ</t>
    </rPh>
    <rPh sb="4" eb="7">
      <t>チュウガッコウ</t>
    </rPh>
    <rPh sb="8" eb="10">
      <t>キュウショク</t>
    </rPh>
    <rPh sb="10" eb="11">
      <t>ヒ</t>
    </rPh>
    <rPh sb="11" eb="13">
      <t>ムショウ</t>
    </rPh>
    <rPh sb="13" eb="14">
      <t>カ</t>
    </rPh>
    <rPh sb="14" eb="16">
      <t>ジギョウ</t>
    </rPh>
    <phoneticPr fontId="3"/>
  </si>
  <si>
    <t>運動公園外遊びの場整備事業</t>
    <rPh sb="0" eb="2">
      <t>うんどう</t>
    </rPh>
    <rPh sb="2" eb="4">
      <t>こうえん</t>
    </rPh>
    <rPh sb="4" eb="5">
      <t>そと</t>
    </rPh>
    <rPh sb="5" eb="6">
      <t>あそ</t>
    </rPh>
    <rPh sb="8" eb="9">
      <t>ば</t>
    </rPh>
    <rPh sb="9" eb="11">
      <t>せいび</t>
    </rPh>
    <rPh sb="11" eb="13">
      <t>じぎょう</t>
    </rPh>
    <phoneticPr fontId="3" type="Hiragana" alignment="center"/>
  </si>
  <si>
    <r>
      <t>消防</t>
    </r>
    <r>
      <rPr>
        <sz val="12"/>
        <rFont val="ＭＳ Ｐ明朝"/>
        <family val="1"/>
        <charset val="128"/>
      </rPr>
      <t>事務委託（茅ヶ崎市）</t>
    </r>
    <rPh sb="0" eb="2">
      <t>しょうぼう</t>
    </rPh>
    <rPh sb="2" eb="4">
      <t>じむ</t>
    </rPh>
    <rPh sb="4" eb="6">
      <t>いたく</t>
    </rPh>
    <rPh sb="7" eb="11">
      <t>ちがさきし</t>
    </rPh>
    <phoneticPr fontId="3" type="Hiragana" alignment="center"/>
  </si>
  <si>
    <t>し尿処理に関する事務受託（茅ヶ崎市）　</t>
    <phoneticPr fontId="3"/>
  </si>
  <si>
    <t>一般廃棄物処理に関する事務委託（茅ヶ崎市）</t>
    <rPh sb="0" eb="2">
      <t>いっぱん</t>
    </rPh>
    <rPh sb="2" eb="5">
      <t>はいきぶつ</t>
    </rPh>
    <phoneticPr fontId="3" type="Hiragana" alignment="center"/>
  </si>
  <si>
    <t>みかん、にんじん、玉ねぎ、里都まちなかいブランド「なかいの逸品、太鼓判！」</t>
    <rPh sb="9" eb="10">
      <t>タマ</t>
    </rPh>
    <rPh sb="13" eb="14">
      <t>サト</t>
    </rPh>
    <rPh sb="14" eb="15">
      <t>ト</t>
    </rPh>
    <rPh sb="29" eb="31">
      <t>イッピン</t>
    </rPh>
    <rPh sb="32" eb="35">
      <t>タイコバン</t>
    </rPh>
    <phoneticPr fontId="8"/>
  </si>
  <si>
    <t>おおいゆめの里、富士見塚、上大井駅(ひょうたん園)、ひょうたん池、せせらぎの郷花菖蒲園、酒匂川の松並木</t>
    <phoneticPr fontId="3" type="Hiragana" alignment="distributed"/>
  </si>
  <si>
    <t>三嶋神社の春祭り（4月）、四季の里まつり（6・11・12月）、大井よさこいひょうたん祭（8月）、日枝神社の秋祭り（10月）、産業まつり（1月）、お山のひなまつり（2～3月）、大井里山花まつり（2月）</t>
    <rPh sb="13" eb="15">
      <t>シキ</t>
    </rPh>
    <rPh sb="16" eb="17">
      <t>サト</t>
    </rPh>
    <rPh sb="28" eb="29">
      <t>ガツ</t>
    </rPh>
    <rPh sb="73" eb="74">
      <t>ヤマ</t>
    </rPh>
    <rPh sb="84" eb="85">
      <t>ガツ</t>
    </rPh>
    <rPh sb="89" eb="91">
      <t>サトヤマ</t>
    </rPh>
    <rPh sb="91" eb="92">
      <t>ハナ</t>
    </rPh>
    <rPh sb="97" eb="98">
      <t>ガツ</t>
    </rPh>
    <phoneticPr fontId="8"/>
  </si>
  <si>
    <t>協働プロジェクト推進事業</t>
    <rPh sb="0" eb="2">
      <t>キョウドウ</t>
    </rPh>
    <rPh sb="8" eb="12">
      <t>スイシンジギョウ</t>
    </rPh>
    <phoneticPr fontId="8"/>
  </si>
  <si>
    <t>持続可能な生活環境の整備事業</t>
    <rPh sb="0" eb="4">
      <t>ジゾクカノウ</t>
    </rPh>
    <rPh sb="5" eb="9">
      <t>セイカツカンキョウ</t>
    </rPh>
    <rPh sb="10" eb="14">
      <t>セイビジギョウ</t>
    </rPh>
    <phoneticPr fontId="8"/>
  </si>
  <si>
    <t>教育・子育て環境の充実事業</t>
    <rPh sb="0" eb="2">
      <t>キョウイク</t>
    </rPh>
    <rPh sb="3" eb="5">
      <t>コソダ</t>
    </rPh>
    <rPh sb="6" eb="8">
      <t>カンキョウ</t>
    </rPh>
    <rPh sb="9" eb="13">
      <t>ジュウジツジギョウ</t>
    </rPh>
    <phoneticPr fontId="8"/>
  </si>
  <si>
    <t>地域特性を生かした産業の創出と魅力の発信</t>
    <rPh sb="0" eb="4">
      <t>チイキトクセイ</t>
    </rPh>
    <rPh sb="5" eb="6">
      <t>イ</t>
    </rPh>
    <rPh sb="9" eb="11">
      <t>サンギョウ</t>
    </rPh>
    <rPh sb="12" eb="14">
      <t>ソウシュツ</t>
    </rPh>
    <rPh sb="15" eb="17">
      <t>ミリョク</t>
    </rPh>
    <rPh sb="18" eb="20">
      <t>ハッシン</t>
    </rPh>
    <phoneticPr fontId="8"/>
  </si>
  <si>
    <t>総合体育館施設改修事業</t>
    <rPh sb="0" eb="11">
      <t>そうごうたいいくかんしせつかいしゅうじぎょう</t>
    </rPh>
    <phoneticPr fontId="3" type="Hiragana" alignment="distributed"/>
  </si>
  <si>
    <t>相和巡回タクシーの実証運行</t>
    <rPh sb="0" eb="4">
      <t>そうわじゅんかい</t>
    </rPh>
    <rPh sb="9" eb="13">
      <t>じっしょううんこう</t>
    </rPh>
    <phoneticPr fontId="3" type="Hiragana" alignment="distributed"/>
  </si>
  <si>
    <t>災害用口腔ケア用歯ブラシの備蓄</t>
    <rPh sb="0" eb="3">
      <t>サイガイヨウ</t>
    </rPh>
    <rPh sb="3" eb="5">
      <t>コウクウ</t>
    </rPh>
    <rPh sb="7" eb="9">
      <t>ヨウハ</t>
    </rPh>
    <rPh sb="13" eb="15">
      <t>ビチク</t>
    </rPh>
    <phoneticPr fontId="8"/>
  </si>
  <si>
    <t>産後ケア事業の拡充</t>
    <rPh sb="0" eb="2">
      <t>さんご</t>
    </rPh>
    <rPh sb="4" eb="6">
      <t>じぎょう</t>
    </rPh>
    <rPh sb="7" eb="9">
      <t>かくじゅう</t>
    </rPh>
    <phoneticPr fontId="3" type="Hiragana" alignment="distributed"/>
  </si>
  <si>
    <t>農ある暮らし・移住定住促進事業</t>
    <rPh sb="0" eb="1">
      <t>ノウ</t>
    </rPh>
    <rPh sb="3" eb="4">
      <t>ク</t>
    </rPh>
    <rPh sb="7" eb="11">
      <t>イジュウテイジュウ</t>
    </rPh>
    <rPh sb="11" eb="15">
      <t>ソクシンジギョウ</t>
    </rPh>
    <phoneticPr fontId="3"/>
  </si>
  <si>
    <t>GIGA端末更新</t>
    <rPh sb="4" eb="8">
      <t>タンマツコウシン</t>
    </rPh>
    <phoneticPr fontId="3"/>
  </si>
  <si>
    <r>
      <t>やまきた桜まつり（3～4月）、大野山開き（4月）、西丹沢山開き（5月）、洒水の滝祭り（7月）、</t>
    </r>
    <r>
      <rPr>
        <sz val="12"/>
        <rFont val="ＭＳ Ｐ明朝"/>
        <family val="1"/>
        <charset val="128"/>
      </rPr>
      <t>西丹沢もみじ祭り（11月）、産業まつり（11月）</t>
    </r>
    <rPh sb="47" eb="48">
      <t>にし</t>
    </rPh>
    <phoneticPr fontId="3" type="Hiragana" alignment="distributed"/>
  </si>
  <si>
    <t>紙おむつ等育児用品支給事業</t>
    <rPh sb="0" eb="1">
      <t>カミ</t>
    </rPh>
    <rPh sb="4" eb="5">
      <t>ナド</t>
    </rPh>
    <rPh sb="5" eb="7">
      <t>イクジ</t>
    </rPh>
    <rPh sb="7" eb="9">
      <t>ヨウヒン</t>
    </rPh>
    <rPh sb="9" eb="13">
      <t>シキュウジギョウ</t>
    </rPh>
    <phoneticPr fontId="8"/>
  </si>
  <si>
    <r>
      <rPr>
        <sz val="12"/>
        <rFont val="ＭＳ Ｐ明朝"/>
        <family val="1"/>
        <charset val="128"/>
      </rPr>
      <t>体育施設</t>
    </r>
    <r>
      <rPr>
        <sz val="12"/>
        <rFont val="ＭＳ Ｐ明朝"/>
        <family val="1"/>
        <charset val="128"/>
      </rPr>
      <t>維持管理事業</t>
    </r>
    <rPh sb="0" eb="2">
      <t>タイイク</t>
    </rPh>
    <rPh sb="2" eb="4">
      <t>シセツ</t>
    </rPh>
    <rPh sb="4" eb="10">
      <t>イジカンリジギョウ</t>
    </rPh>
    <phoneticPr fontId="8"/>
  </si>
  <si>
    <t>本小松石、海産物、活魚料理、温州みかん</t>
    <rPh sb="0" eb="3">
      <t>ホンコマツ</t>
    </rPh>
    <rPh sb="3" eb="4">
      <t>イシ</t>
    </rPh>
    <phoneticPr fontId="3"/>
  </si>
  <si>
    <t>前田 剛司</t>
    <phoneticPr fontId="3"/>
  </si>
  <si>
    <t>まえだ　たけし</t>
    <phoneticPr fontId="3"/>
  </si>
  <si>
    <t>かとう　まさみち</t>
    <phoneticPr fontId="3" type="Hiragana" alignment="distributed"/>
  </si>
  <si>
    <t>土田　弘之宣</t>
    <rPh sb="0" eb="2">
      <t>ツチダ</t>
    </rPh>
    <rPh sb="3" eb="4">
      <t>ヒロ</t>
    </rPh>
    <rPh sb="4" eb="5">
      <t>ノ</t>
    </rPh>
    <rPh sb="5" eb="6">
      <t>セン</t>
    </rPh>
    <phoneticPr fontId="3"/>
  </si>
  <si>
    <t>つちだ　ひろのぶ</t>
    <phoneticPr fontId="3" type="Hiragana" alignment="distributed"/>
  </si>
  <si>
    <t>山田　己智恵</t>
    <rPh sb="0" eb="2">
      <t>ヤマダ</t>
    </rPh>
    <rPh sb="3" eb="4">
      <t>オノレ</t>
    </rPh>
    <rPh sb="4" eb="6">
      <t>トモエ</t>
    </rPh>
    <phoneticPr fontId="3"/>
  </si>
  <si>
    <t>やまだ　みちえ</t>
    <phoneticPr fontId="3"/>
  </si>
  <si>
    <t>井上　貢</t>
    <rPh sb="0" eb="2">
      <t>イノウエ</t>
    </rPh>
    <rPh sb="3" eb="4">
      <t>ミツグ</t>
    </rPh>
    <phoneticPr fontId="3"/>
  </si>
  <si>
    <t>いのうえ　みつぐ</t>
    <phoneticPr fontId="3"/>
  </si>
  <si>
    <t>多田　勲</t>
    <phoneticPr fontId="3"/>
  </si>
  <si>
    <t>ただ　いさお</t>
    <phoneticPr fontId="3"/>
  </si>
  <si>
    <t>瀬戸　恵津子</t>
    <rPh sb="0" eb="2">
      <t>せと</t>
    </rPh>
    <rPh sb="3" eb="6">
      <t>えつこ</t>
    </rPh>
    <phoneticPr fontId="3" type="Hiragana" alignment="distributed"/>
  </si>
  <si>
    <t>せと　えつこ</t>
    <phoneticPr fontId="3" type="Hiragana" alignment="distributed"/>
  </si>
  <si>
    <t>和田　成功</t>
    <phoneticPr fontId="3"/>
  </si>
  <si>
    <t>わだ　あきのり</t>
    <phoneticPr fontId="3"/>
  </si>
  <si>
    <t>齊藤　慶吾</t>
    <phoneticPr fontId="3"/>
  </si>
  <si>
    <t>金江　大志</t>
    <rPh sb="0" eb="1">
      <t>キム</t>
    </rPh>
    <rPh sb="1" eb="2">
      <t>エ</t>
    </rPh>
    <rPh sb="3" eb="5">
      <t>タイシ</t>
    </rPh>
    <phoneticPr fontId="3"/>
  </si>
  <si>
    <t>さいとう　けいご</t>
    <phoneticPr fontId="3"/>
  </si>
  <si>
    <t>かなえ　たいし</t>
    <phoneticPr fontId="3"/>
  </si>
  <si>
    <t>加藤　洋一</t>
    <phoneticPr fontId="3" type="Hiragana" alignment="center"/>
  </si>
  <si>
    <t>かとう　よういち</t>
    <phoneticPr fontId="3"/>
  </si>
  <si>
    <t>岸本　敦子　</t>
    <rPh sb="0" eb="2">
      <t>キシモト</t>
    </rPh>
    <rPh sb="3" eb="5">
      <t>アツコ</t>
    </rPh>
    <phoneticPr fontId="3"/>
  </si>
  <si>
    <t>きしもと　あつこ</t>
    <phoneticPr fontId="3"/>
  </si>
  <si>
    <t>細野　賢一</t>
    <phoneticPr fontId="3" type="Hiragana" alignment="distributed"/>
  </si>
  <si>
    <t>ほその　けんいち</t>
    <phoneticPr fontId="3" type="Hiragana" alignment="distributed"/>
  </si>
  <si>
    <t>土佐　洋子</t>
    <phoneticPr fontId="3" type="Hiragana" alignment="distributed"/>
  </si>
  <si>
    <t>とさ　ようこ</t>
    <phoneticPr fontId="3"/>
  </si>
  <si>
    <t>窪田　美樹</t>
    <phoneticPr fontId="3" type="Hiragana" alignment="distributed"/>
  </si>
  <si>
    <t>くぼた　みき</t>
    <phoneticPr fontId="8"/>
  </si>
  <si>
    <t>大垣　真一</t>
    <phoneticPr fontId="3"/>
  </si>
  <si>
    <t>おおがき　しんいち</t>
    <phoneticPr fontId="3"/>
  </si>
  <si>
    <t>橋田　夏枝　</t>
    <phoneticPr fontId="3"/>
  </si>
  <si>
    <t>はしだ　なつえ</t>
    <phoneticPr fontId="3"/>
  </si>
  <si>
    <t>早川　仁美</t>
    <rPh sb="0" eb="2">
      <t>はやかわ</t>
    </rPh>
    <rPh sb="3" eb="5">
      <t>ひとみ</t>
    </rPh>
    <phoneticPr fontId="3" type="Hiragana" alignment="distributed"/>
  </si>
  <si>
    <t>はやかわ　ひとみ</t>
    <phoneticPr fontId="3" type="Hiragana" alignment="distributed"/>
  </si>
  <si>
    <t>井上　昌彦</t>
    <rPh sb="0" eb="2">
      <t>いのうえ</t>
    </rPh>
    <rPh sb="3" eb="5">
      <t>まさひこ</t>
    </rPh>
    <phoneticPr fontId="3" type="Hiragana" alignment="distributed"/>
  </si>
  <si>
    <t>いのうえ　まさひこ</t>
    <phoneticPr fontId="3" type="Hiragana" alignment="distributed"/>
  </si>
  <si>
    <t>鈴木　和宏</t>
    <rPh sb="0" eb="2">
      <t>スズキ</t>
    </rPh>
    <rPh sb="3" eb="5">
      <t>カズヒロ</t>
    </rPh>
    <phoneticPr fontId="3"/>
  </si>
  <si>
    <t>すずき　かずひろ</t>
    <phoneticPr fontId="3"/>
  </si>
  <si>
    <t xml:space="preserve">山口　政哉 </t>
    <phoneticPr fontId="3" type="Hiragana" alignment="distributed"/>
  </si>
  <si>
    <t>やまぐち　まさや</t>
    <phoneticPr fontId="3" type="Hiragana" alignment="distributed"/>
  </si>
  <si>
    <t xml:space="preserve">安藤　好幸 </t>
    <rPh sb="0" eb="2">
      <t>あんどう</t>
    </rPh>
    <rPh sb="3" eb="5">
      <t>よしゆき</t>
    </rPh>
    <phoneticPr fontId="3" type="Hiragana" alignment="distributed"/>
  </si>
  <si>
    <t>あんどう　よしゆき</t>
    <phoneticPr fontId="3" type="Hiragana" alignment="distributed"/>
  </si>
  <si>
    <t>佐藤　貴子</t>
    <phoneticPr fontId="3" type="Hiragana" alignment="distributed"/>
  </si>
  <si>
    <t>さとう　たかこ</t>
    <phoneticPr fontId="3" type="Hiragana" alignment="distributed"/>
  </si>
  <si>
    <t>久保田　聡</t>
    <rPh sb="0" eb="3">
      <t>くぼた</t>
    </rPh>
    <rPh sb="4" eb="5">
      <t>さとし</t>
    </rPh>
    <phoneticPr fontId="3" type="Hiragana" alignment="distributed"/>
  </si>
  <si>
    <t>くぼた　さとし</t>
    <phoneticPr fontId="3" type="Hiragana" alignment="distributed"/>
  </si>
  <si>
    <t>大槻　和弘　</t>
    <rPh sb="0" eb="2">
      <t>おおつき</t>
    </rPh>
    <rPh sb="3" eb="5">
      <t>かずひろ</t>
    </rPh>
    <phoneticPr fontId="3" type="Hiragana" alignment="distributed"/>
  </si>
  <si>
    <t>おおつき　かずひろ</t>
    <phoneticPr fontId="3" type="Hiragana" alignment="distributed"/>
  </si>
  <si>
    <t>西家　克己</t>
    <phoneticPr fontId="3" type="Hiragana" alignment="distributed"/>
  </si>
  <si>
    <t>にしや　かつみ</t>
    <phoneticPr fontId="3" type="Hiragana" alignment="distributed"/>
  </si>
  <si>
    <t>渋谷　健　</t>
    <rPh sb="0" eb="2">
      <t>しぶや</t>
    </rPh>
    <rPh sb="3" eb="4">
      <t>けん</t>
    </rPh>
    <phoneticPr fontId="3" type="Hiragana" alignment="distributed"/>
  </si>
  <si>
    <t>しぶや　たけし</t>
    <phoneticPr fontId="3"/>
  </si>
  <si>
    <t>尾崎　太</t>
    <phoneticPr fontId="3" type="Hiragana" alignment="distributed"/>
  </si>
  <si>
    <t>おざき　ふとし</t>
    <phoneticPr fontId="3" type="Hiragana" alignment="distributed"/>
  </si>
  <si>
    <t>原　典之</t>
    <rPh sb="0" eb="1">
      <t>はら</t>
    </rPh>
    <rPh sb="2" eb="4">
      <t>のりゆき</t>
    </rPh>
    <phoneticPr fontId="3" type="Hiragana" alignment="distributed"/>
  </si>
  <si>
    <t>はら　のりゆき</t>
    <phoneticPr fontId="3" type="Hiragana" alignment="distributed"/>
  </si>
  <si>
    <t>ほりぞえ　けん</t>
    <phoneticPr fontId="3" type="Hiragana" alignment="distributed"/>
  </si>
  <si>
    <t>堀添　健</t>
    <rPh sb="0" eb="2">
      <t>ほりぞえ</t>
    </rPh>
    <rPh sb="3" eb="4">
      <t>けん</t>
    </rPh>
    <phoneticPr fontId="3" type="Hiragana" alignment="distributed"/>
  </si>
  <si>
    <t>中澤　克之</t>
    <rPh sb="0" eb="2">
      <t>ナカザワ</t>
    </rPh>
    <rPh sb="3" eb="5">
      <t>カツユキ</t>
    </rPh>
    <phoneticPr fontId="3"/>
  </si>
  <si>
    <t>なかざわ　かつゆき</t>
    <phoneticPr fontId="3"/>
  </si>
  <si>
    <t>児玉　文彦</t>
    <rPh sb="0" eb="2">
      <t>こだま</t>
    </rPh>
    <rPh sb="3" eb="5">
      <t>ふみひこ</t>
    </rPh>
    <phoneticPr fontId="3" type="Hiragana" alignment="distributed"/>
  </si>
  <si>
    <t>こだま　ふみひこ</t>
    <phoneticPr fontId="3"/>
  </si>
  <si>
    <t>出口　嘉一</t>
    <rPh sb="0" eb="2">
      <t>でぐち</t>
    </rPh>
    <rPh sb="3" eb="5">
      <t>かいち</t>
    </rPh>
    <phoneticPr fontId="3" type="Hiragana" alignment="distributed"/>
  </si>
  <si>
    <t>でぐち　かいち</t>
    <phoneticPr fontId="3"/>
  </si>
  <si>
    <t>加藤　眞道</t>
    <rPh sb="3" eb="4">
      <t>まさ</t>
    </rPh>
    <phoneticPr fontId="3" type="Hiragana" alignment="distributed"/>
  </si>
  <si>
    <r>
      <t>人口減少、少子</t>
    </r>
    <r>
      <rPr>
        <sz val="12"/>
        <rFont val="ＭＳ Ｐ明朝"/>
        <family val="1"/>
        <charset val="128"/>
      </rPr>
      <t>高齢化に伴う地域コミュニティの強化</t>
    </r>
    <rPh sb="0" eb="2">
      <t>じんこう</t>
    </rPh>
    <rPh sb="2" eb="4">
      <t>げんしょう</t>
    </rPh>
    <rPh sb="5" eb="7">
      <t>しょうし</t>
    </rPh>
    <rPh sb="7" eb="10">
      <t>こうれいか</t>
    </rPh>
    <rPh sb="11" eb="12">
      <t>ともな</t>
    </rPh>
    <rPh sb="13" eb="15">
      <t>ちいき</t>
    </rPh>
    <rPh sb="22" eb="24">
      <t>きょうか</t>
    </rPh>
    <phoneticPr fontId="3" type="Hiragana" alignment="distributed"/>
  </si>
  <si>
    <t>浄見寺の大岡家一族墓所、旧相模川橋脚、サザンビーチちがさき、県立茅ケ崎里山公園、茅ヶ崎サザンC、えぼし岩、下寺尾官衙遺跡群、下寺尾西方遺跡、開高健記念館、茅ヶ崎ゆかりの人物館、美術館、旧南湖院、旧藤間家住宅、道の駅湘南ちがさき</t>
    <rPh sb="51" eb="52">
      <t>イワ</t>
    </rPh>
    <rPh sb="77" eb="80">
      <t>チガサキ</t>
    </rPh>
    <rPh sb="97" eb="98">
      <t>キュウ</t>
    </rPh>
    <rPh sb="98" eb="101">
      <t>トウマケ</t>
    </rPh>
    <rPh sb="101" eb="103">
      <t>ジュウタク</t>
    </rPh>
    <phoneticPr fontId="8"/>
  </si>
  <si>
    <r>
      <t>ほうれん草、小松菜、トマト、ねぎ、かぶ、トルコナス、スイートピー、生しらす、釜揚げしらす、たたみいわし、えぼしわかめ、ちがさき牛、網元料理、湘南ビール、タコせんべい、湘南七宝焼、湘南しらす丼</t>
    </r>
    <r>
      <rPr>
        <sz val="12"/>
        <color theme="1"/>
        <rFont val="ＭＳ Ｐ明朝"/>
        <family val="1"/>
        <charset val="128"/>
      </rPr>
      <t>、湘南ちがさきMILK</t>
    </r>
    <phoneticPr fontId="3"/>
  </si>
  <si>
    <t>わかめ、釜揚げしらす、しらす干し、生しらす、さざえ</t>
    <phoneticPr fontId="8"/>
  </si>
  <si>
    <t>海業の推進</t>
  </si>
  <si>
    <t>観光の核づくりの推進</t>
  </si>
  <si>
    <t>子育て支援の推進</t>
  </si>
  <si>
    <t>市民交流拠点の整備</t>
  </si>
  <si>
    <t>ふるさと納税の活性化</t>
  </si>
  <si>
    <t>三浦市における安定した雇用を創出する</t>
  </si>
  <si>
    <t>三浦市へ新しいひとの流れをつくる</t>
  </si>
  <si>
    <t>若い世代の結婚・出産・子育ての希望をかなえる</t>
  </si>
  <si>
    <t>時代に合った地域をつくり、安心な暮らしを守るとともに、地域と地域を連携する</t>
  </si>
  <si>
    <t>シラカシ林（泉の森）、引地台公園、F・マリノス 成城石井パーク、ふれあいの森、千本桜、さくらの散歩道、月見野遺跡群</t>
    <rPh sb="24" eb="28">
      <t>セイジョウイシイ</t>
    </rPh>
    <rPh sb="37" eb="38">
      <t>モリ</t>
    </rPh>
    <rPh sb="51" eb="52">
      <t>ツキ</t>
    </rPh>
    <phoneticPr fontId="8"/>
  </si>
  <si>
    <t>神崎遺跡公園（資料館）、城山公園（早川城跡）、五社神社、光綾公園（あやせローズガーデン）</t>
    <phoneticPr fontId="3" type="Hiragana" alignment="distributed"/>
  </si>
  <si>
    <t>にのみや　ゼロカーボンシティ宣言</t>
  </si>
  <si>
    <t>（令和７年３月29日制定）</t>
  </si>
  <si>
    <t>こども家庭センター整備事業</t>
    <rPh sb="3" eb="5">
      <t>かてい</t>
    </rPh>
    <rPh sb="9" eb="11">
      <t>せいび</t>
    </rPh>
    <rPh sb="11" eb="13">
      <t>じぎょう</t>
    </rPh>
    <phoneticPr fontId="3" type="Hiragana" alignment="distributed"/>
  </si>
  <si>
    <t>コーパスクリスティ市（アメリカ・昭和37年10月18日提携）、ブレスト市（フランス・昭和45年11月26日提携）、フリマントル市（オーストラリア・昭和54年４月25日提携）、メッドウェイ市（イギリス・平成10年８月26日提携・合併前の旧ジリンガム市とは昭和57年４月８日提携）、会津若松市（福島県・平成17年４月17日提携）、松山市（愛媛県・平成25年４月１日連携）、富岡市（群馬県・平成27年11月15日提携）、新居浜市（愛媛県・令和４年10月16日）</t>
    <rPh sb="113" eb="115">
      <t>がっぺい</t>
    </rPh>
    <rPh sb="115" eb="116">
      <t>まえ</t>
    </rPh>
    <rPh sb="117" eb="118">
      <t>きゅう</t>
    </rPh>
    <rPh sb="123" eb="124">
      <t>し</t>
    </rPh>
    <rPh sb="126" eb="128">
      <t>しょうわ</t>
    </rPh>
    <rPh sb="130" eb="131">
      <t>ねん</t>
    </rPh>
    <rPh sb="132" eb="133">
      <t>つき</t>
    </rPh>
    <rPh sb="134" eb="135">
      <t>にち</t>
    </rPh>
    <rPh sb="135" eb="137">
      <t>ていけい</t>
    </rPh>
    <rPh sb="163" eb="166">
      <t>まつやまし</t>
    </rPh>
    <rPh sb="167" eb="170">
      <t>えひめけん</t>
    </rPh>
    <rPh sb="171" eb="173">
      <t>へいせい</t>
    </rPh>
    <rPh sb="175" eb="176">
      <t>ねん</t>
    </rPh>
    <rPh sb="177" eb="178">
      <t>がつ</t>
    </rPh>
    <rPh sb="179" eb="180">
      <t>にち</t>
    </rPh>
    <rPh sb="180" eb="182">
      <t>れんけい</t>
    </rPh>
    <rPh sb="184" eb="187">
      <t>とみおかし</t>
    </rPh>
    <rPh sb="188" eb="191">
      <t>ぐんまけん</t>
    </rPh>
    <rPh sb="192" eb="194">
      <t>へいせい</t>
    </rPh>
    <rPh sb="196" eb="197">
      <t>ねん</t>
    </rPh>
    <rPh sb="199" eb="200">
      <t>がつ</t>
    </rPh>
    <rPh sb="202" eb="203">
      <t>にち</t>
    </rPh>
    <rPh sb="203" eb="205">
      <t>ていけい</t>
    </rPh>
    <rPh sb="207" eb="208">
      <t>しん</t>
    </rPh>
    <rPh sb="208" eb="209">
      <t>い</t>
    </rPh>
    <rPh sb="209" eb="210">
      <t>はま</t>
    </rPh>
    <rPh sb="210" eb="211">
      <t>し</t>
    </rPh>
    <rPh sb="212" eb="215">
      <t>えひめけん</t>
    </rPh>
    <rPh sb="216" eb="218">
      <t>れいわ</t>
    </rPh>
    <rPh sb="219" eb="220">
      <t>ねん</t>
    </rPh>
    <rPh sb="222" eb="223">
      <t>がつ</t>
    </rPh>
    <rPh sb="225" eb="226">
      <t>にち</t>
    </rPh>
    <phoneticPr fontId="3" type="Hiragana" alignment="distributed"/>
  </si>
  <si>
    <t>山北のお峰入り、世附の百万遍念仏、室生神社の流鏑馬、山北道祖神祭り</t>
    <rPh sb="4" eb="5">
      <t>ミネ</t>
    </rPh>
    <phoneticPr fontId="3"/>
  </si>
  <si>
    <t>-</t>
    <phoneticPr fontId="3"/>
  </si>
  <si>
    <t>（令和５年度）</t>
    <rPh sb="1" eb="3">
      <t>レイワ</t>
    </rPh>
    <rPh sb="4" eb="5">
      <t>ネン</t>
    </rPh>
    <rPh sb="5" eb="6">
      <t>ド</t>
    </rPh>
    <phoneticPr fontId="3"/>
  </si>
  <si>
    <t>神田　眞弓</t>
    <rPh sb="0" eb="2">
      <t>かんだ</t>
    </rPh>
    <rPh sb="3" eb="4">
      <t>まこと</t>
    </rPh>
    <rPh sb="4" eb="5">
      <t>ゆみ</t>
    </rPh>
    <phoneticPr fontId="3" type="Hiragana" alignment="distributed"/>
  </si>
  <si>
    <t>かんだ　まゆみ</t>
    <phoneticPr fontId="3" type="Hiragana" alignment="distributed"/>
  </si>
  <si>
    <t>石﨑　遊太</t>
    <rPh sb="0" eb="2">
      <t>いしざき</t>
    </rPh>
    <rPh sb="3" eb="4">
      <t>あそ</t>
    </rPh>
    <rPh sb="4" eb="5">
      <t>ふとし</t>
    </rPh>
    <phoneticPr fontId="3" type="Hiragana" alignment="distributed"/>
  </si>
  <si>
    <t>いしざき　ゆうた</t>
    <phoneticPr fontId="3" type="Hiragana" alignment="distributed"/>
  </si>
  <si>
    <t>消防事務委託（横須賀市)</t>
    <phoneticPr fontId="3"/>
  </si>
  <si>
    <t>公共施設の管理受託（神奈川県）</t>
    <phoneticPr fontId="3"/>
  </si>
  <si>
    <t>一般廃棄物の処理（運搬及び埋立てを除く処分）委託（横須賀市）</t>
    <phoneticPr fontId="3"/>
  </si>
  <si>
    <t>一般廃棄物の処理（埋立てによる最終処分）受託（横須賀市）</t>
    <phoneticPr fontId="3"/>
  </si>
  <si>
    <t>清田　文雄</t>
    <rPh sb="0" eb="2">
      <t>きよた</t>
    </rPh>
    <rPh sb="3" eb="5">
      <t>ふみお</t>
    </rPh>
    <phoneticPr fontId="3" type="Hiragana" alignment="distributed"/>
  </si>
  <si>
    <t>せいた　ふみお</t>
    <phoneticPr fontId="3" type="Hiragana" alignment="distributed"/>
  </si>
  <si>
    <t>たまむし　しほみ</t>
    <phoneticPr fontId="3" type="Hiragana" alignment="distributed"/>
  </si>
  <si>
    <t>玉虫　志保実</t>
    <rPh sb="0" eb="2">
      <t>たまむし</t>
    </rPh>
    <rPh sb="3" eb="6">
      <t>しほみ</t>
    </rPh>
    <phoneticPr fontId="3" type="Hiragana" alignment="distributed"/>
  </si>
  <si>
    <t>湘南江の島春まつり（3月）、江の島アートフェスティバル(4～5月)、ふじさわ産業フェスタ（5月）、江の島天王祭（7月）、藤沢宿・遊行の盆（7月）、藤沢市民まつり（9月）</t>
    <rPh sb="60" eb="62">
      <t>フジサワ</t>
    </rPh>
    <rPh sb="62" eb="63">
      <t>ヤド</t>
    </rPh>
    <rPh sb="82" eb="83">
      <t>ガツ</t>
    </rPh>
    <phoneticPr fontId="8"/>
  </si>
  <si>
    <t>平澤　和宏</t>
    <rPh sb="0" eb="2">
      <t>ひらさわ</t>
    </rPh>
    <rPh sb="3" eb="5">
      <t>かずひろ</t>
    </rPh>
    <phoneticPr fontId="3" type="Hiragana" alignment="distributed"/>
  </si>
  <si>
    <t>ひらさわ　かずひろ</t>
    <phoneticPr fontId="3" type="Hiragana" alignment="distributed"/>
  </si>
  <si>
    <t>あやせ工場オープンファクトリー（７月～１１月）、あやせ文化芸術祭(8月～12月）、あやせ産業まつり～商工フェア・農業収穫祭～（11月）</t>
    <rPh sb="3" eb="5">
      <t>コウジョウ</t>
    </rPh>
    <phoneticPr fontId="8"/>
  </si>
  <si>
    <t>丹沢表尾根、ヤビツ峠、弘法山、震生湖、頭高山、鶴巻温泉、県立秦野戸川公園、田原ふるさと公園、はだの歴史博物館、菜の花台園地、はだの桜みち、曽屋水道記念公園（旧曽屋配水場）、出雲大社相模分祠、白笹稲荷神社</t>
    <phoneticPr fontId="3"/>
  </si>
  <si>
    <t>相州落花生、うでぴー、八重桜の塩漬け、足柄茶、そば、キウイフルーツ、いちご、ばら、カーネーション、小菊、シクラメン、おいしい秦野の水</t>
    <phoneticPr fontId="3" type="Hiragana" alignment="noControl"/>
  </si>
  <si>
    <t>はだの桜まつり（3～4月）、秦野丹沢まつり（4月）、鶴巻温泉春まつり（4月）、はだの桜まつり（4月）、秦野たばこ祭（9月）、市民の日（11月）</t>
    <phoneticPr fontId="3" type="Hiragana" alignment="center"/>
  </si>
  <si>
    <t>女性とこどもが住みやすいまちづくりの推進</t>
    <phoneticPr fontId="3" type="Hiragana" alignment="noControl"/>
  </si>
  <si>
    <t>座間産ひまわり米、大和芋、座間産地粉うどん、きなこ、きなこ玉、どんぶり豆腐、座間納豆、ざまみず</t>
    <rPh sb="0" eb="2">
      <t>ザマ</t>
    </rPh>
    <rPh sb="2" eb="3">
      <t>サン</t>
    </rPh>
    <rPh sb="9" eb="11">
      <t>ヤマト</t>
    </rPh>
    <rPh sb="11" eb="12">
      <t>イモ</t>
    </rPh>
    <rPh sb="35" eb="37">
      <t>トウフ</t>
    </rPh>
    <phoneticPr fontId="8"/>
  </si>
  <si>
    <t>不燃ごみ及び粗大ごみの処理に関する事務受託（大磯町・二宮町）</t>
    <rPh sb="4" eb="5">
      <t>オヨ</t>
    </rPh>
    <rPh sb="14" eb="15">
      <t>カン</t>
    </rPh>
    <rPh sb="17" eb="19">
      <t>ジム</t>
    </rPh>
    <rPh sb="19" eb="21">
      <t>ジュタク</t>
    </rPh>
    <rPh sb="22" eb="25">
      <t>オオイソマチ</t>
    </rPh>
    <phoneticPr fontId="8"/>
  </si>
  <si>
    <t>し尿等処理に関する事務受託（茅ヶ崎市・寒川町）</t>
    <rPh sb="1" eb="2">
      <t>ニョウ</t>
    </rPh>
    <rPh sb="3" eb="5">
      <t>ショリ</t>
    </rPh>
    <rPh sb="6" eb="7">
      <t>カン</t>
    </rPh>
    <rPh sb="9" eb="11">
      <t>ジム</t>
    </rPh>
    <rPh sb="11" eb="13">
      <t>ジュタク</t>
    </rPh>
    <rPh sb="14" eb="18">
      <t>チガサキシ</t>
    </rPh>
    <rPh sb="19" eb="22">
      <t>サムカワマチ</t>
    </rPh>
    <phoneticPr fontId="3"/>
  </si>
  <si>
    <t>たきぐち　しんたろう</t>
    <phoneticPr fontId="3" type="Hiragana" alignment="distributed"/>
  </si>
  <si>
    <t>瀧口　慎太郎</t>
    <rPh sb="0" eb="2">
      <t>たきぐち</t>
    </rPh>
    <rPh sb="3" eb="6">
      <t>しんたろう</t>
    </rPh>
    <phoneticPr fontId="3" type="Hiragana" alignment="distributed"/>
  </si>
  <si>
    <t>もちづき　まみ</t>
    <phoneticPr fontId="3"/>
  </si>
  <si>
    <t>望月　真実</t>
    <rPh sb="0" eb="2">
      <t>モチヅキ</t>
    </rPh>
    <rPh sb="3" eb="5">
      <t>マミ</t>
    </rPh>
    <phoneticPr fontId="3"/>
  </si>
  <si>
    <t>県央東部消防通信指令事務協議会加入（大和市・海老名市・綾瀬市）</t>
    <rPh sb="0" eb="2">
      <t>けんおう</t>
    </rPh>
    <rPh sb="2" eb="4">
      <t>とうぶ</t>
    </rPh>
    <rPh sb="4" eb="6">
      <t>しょうぼう</t>
    </rPh>
    <rPh sb="6" eb="8">
      <t>つうしん</t>
    </rPh>
    <rPh sb="8" eb="10">
      <t>しれい</t>
    </rPh>
    <rPh sb="10" eb="12">
      <t>じむ</t>
    </rPh>
    <rPh sb="12" eb="15">
      <t>きょうぎかい</t>
    </rPh>
    <rPh sb="15" eb="17">
      <t>かにゅう</t>
    </rPh>
    <rPh sb="18" eb="21">
      <t>やまとし</t>
    </rPh>
    <rPh sb="22" eb="26">
      <t>えびなし</t>
    </rPh>
    <rPh sb="27" eb="30">
      <t>あやせし</t>
    </rPh>
    <phoneticPr fontId="3" type="Hiragana" alignment="distributed"/>
  </si>
  <si>
    <t>県央東部消防通信指令事務協議会加入（海老名市・座間市・綾瀬市）</t>
    <rPh sb="23" eb="26">
      <t>ザマシ</t>
    </rPh>
    <rPh sb="27" eb="30">
      <t>アヤセシ</t>
    </rPh>
    <phoneticPr fontId="3"/>
  </si>
  <si>
    <t>県央東部消防通信指令事務協議会加入（大和市・座間市・綾瀬市）</t>
    <rPh sb="0" eb="2">
      <t>けんおう</t>
    </rPh>
    <rPh sb="2" eb="4">
      <t>とうぶ</t>
    </rPh>
    <rPh sb="4" eb="6">
      <t>しょうぼう</t>
    </rPh>
    <rPh sb="6" eb="8">
      <t>つうしん</t>
    </rPh>
    <rPh sb="8" eb="10">
      <t>しれい</t>
    </rPh>
    <rPh sb="10" eb="12">
      <t>じむ</t>
    </rPh>
    <rPh sb="12" eb="15">
      <t>きょうぎかい</t>
    </rPh>
    <rPh sb="15" eb="17">
      <t>かにゅう</t>
    </rPh>
    <rPh sb="18" eb="21">
      <t>やまとし</t>
    </rPh>
    <rPh sb="22" eb="25">
      <t>ざまし</t>
    </rPh>
    <rPh sb="26" eb="29">
      <t>あやせし</t>
    </rPh>
    <phoneticPr fontId="3" type="Hiragana" alignment="distributed"/>
  </si>
  <si>
    <t>県央東部消防通信指令事務協議会加入（大和市・海老名市・座間市）</t>
    <phoneticPr fontId="3"/>
  </si>
  <si>
    <t>し尿等処理に関する事務委託（藤沢市）</t>
    <rPh sb="2" eb="3">
      <t>トウ</t>
    </rPh>
    <rPh sb="11" eb="13">
      <t>イタク</t>
    </rPh>
    <rPh sb="14" eb="17">
      <t>フジサワシ</t>
    </rPh>
    <phoneticPr fontId="3"/>
  </si>
  <si>
    <t>不燃ごみ及び粗大ごみの処理に関する事務委託（平塚市）</t>
    <phoneticPr fontId="3" type="Hiragana" alignment="distributed"/>
  </si>
  <si>
    <t>0</t>
    <phoneticPr fontId="3"/>
  </si>
  <si>
    <t>し尿処理に関する事務委託（寒川町）</t>
    <phoneticPr fontId="3"/>
  </si>
  <si>
    <t>し尿等処理に関する事務委託（藤沢市）</t>
    <phoneticPr fontId="3"/>
  </si>
  <si>
    <t>相原　學</t>
    <rPh sb="0" eb="2">
      <t>あいはら</t>
    </rPh>
    <rPh sb="3" eb="4">
      <t>まなぶ</t>
    </rPh>
    <phoneticPr fontId="3" type="Hiragana" alignment="noControl"/>
  </si>
  <si>
    <t>あいはら　まなぶ</t>
    <phoneticPr fontId="3" type="Hiragana" alignment="noControl"/>
  </si>
  <si>
    <t>なかむら　ひでと</t>
    <phoneticPr fontId="3" type="Hiragana" alignment="noControl"/>
  </si>
  <si>
    <t>中村　英仁</t>
    <rPh sb="0" eb="2">
      <t>なかむら</t>
    </rPh>
    <rPh sb="3" eb="5">
      <t>ひでと</t>
    </rPh>
    <phoneticPr fontId="3" type="Hiragana" alignment="noControl"/>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
    <numFmt numFmtId="177" formatCode="[&lt;=999]\(\(000;[&lt;=99999]000\-00;000\-0000\)\)"/>
    <numFmt numFmtId="178" formatCode="[$-411]\(ggge&quot;年&quot;m&quot;月&quot;d&quot;日&quot;&quot;制定&quot;\)"/>
    <numFmt numFmtId="179" formatCode="[$-411]ge\.m\.d&quot;現在&quot;"/>
    <numFmt numFmtId="180" formatCode="\(&quot;平&quot;&quot;成&quot;General&quot;年&quot;&quot;度&quot;\)"/>
    <numFmt numFmtId="181" formatCode="[$-411]\(ggg&quot;元&quot;&quot;年&quot;m&quot;月&quot;d&quot;日&quot;&quot;制定&quot;\)"/>
    <numFmt numFmtId="182" formatCode="#,##0.0"/>
    <numFmt numFmtId="183" formatCode="\(&quot;平成&quot;##&quot;年国調&quot;\)"/>
    <numFmt numFmtId="184" formatCode="#,##0.0;[Red]\-#,##0.0"/>
    <numFmt numFmtId="185" formatCode="#,##0;&quot;▲ &quot;#,##0"/>
    <numFmt numFmtId="186" formatCode="#,##0.0;&quot;▲ &quot;#,##0.0"/>
    <numFmt numFmtId="187" formatCode="#,##0.000;&quot;▲ &quot;#,##0.000"/>
    <numFmt numFmtId="188" formatCode="#,##0.0_);[Red]\(#,##0.0\)"/>
    <numFmt numFmtId="189" formatCode="[DBNum3]\ \(&quot;令和&quot;##&quot;年国調&quot;\)"/>
    <numFmt numFmtId="190" formatCode="[DBNum3]\ \(&quot;第&quot;#&quot;期&quot;\)"/>
  </numFmts>
  <fonts count="45" x14ac:knownFonts="1">
    <font>
      <sz val="11"/>
      <name val="ＭＳ Ｐゴシック"/>
      <family val="3"/>
      <charset val="128"/>
    </font>
    <font>
      <u/>
      <sz val="11"/>
      <color indexed="12"/>
      <name val="ＭＳ Ｐゴシック"/>
      <family val="3"/>
      <charset val="128"/>
    </font>
    <font>
      <u/>
      <sz val="11"/>
      <color indexed="36"/>
      <name val="ＭＳ Ｐゴシック"/>
      <family val="3"/>
      <charset val="128"/>
    </font>
    <font>
      <sz val="6"/>
      <name val="ＭＳ Ｐゴシック"/>
      <family val="3"/>
      <charset val="128"/>
    </font>
    <font>
      <sz val="26"/>
      <name val="ＭＳ Ｐ明朝"/>
      <family val="1"/>
      <charset val="128"/>
    </font>
    <font>
      <sz val="10"/>
      <name val="ＭＳ Ｐ明朝"/>
      <family val="1"/>
      <charset val="128"/>
    </font>
    <font>
      <sz val="13"/>
      <name val="ＭＳ Ｐ明朝"/>
      <family val="1"/>
      <charset val="128"/>
    </font>
    <font>
      <sz val="12"/>
      <name val="ＭＳ Ｐ明朝"/>
      <family val="1"/>
      <charset val="128"/>
    </font>
    <font>
      <sz val="6"/>
      <name val="ＭＳ 明朝"/>
      <family val="1"/>
      <charset val="128"/>
    </font>
    <font>
      <sz val="14"/>
      <name val="ＭＳ Ｐ明朝"/>
      <family val="1"/>
      <charset val="128"/>
    </font>
    <font>
      <sz val="12"/>
      <name val="ＭＳ Ｐゴシック"/>
      <family val="3"/>
      <charset val="128"/>
    </font>
    <font>
      <sz val="13"/>
      <name val="ＭＳ Ｐゴシック"/>
      <family val="3"/>
      <charset val="128"/>
    </font>
    <font>
      <sz val="11"/>
      <name val="ＭＳ Ｐ明朝"/>
      <family val="1"/>
      <charset val="128"/>
    </font>
    <font>
      <sz val="18"/>
      <name val="ＭＳ Ｐ明朝"/>
      <family val="1"/>
      <charset val="128"/>
    </font>
    <font>
      <sz val="10"/>
      <name val="ＭＳ Ｐゴシック"/>
      <family val="3"/>
      <charset val="128"/>
    </font>
    <font>
      <sz val="14"/>
      <name val="ＭＳ Ｐゴシック"/>
      <family val="3"/>
      <charset val="128"/>
    </font>
    <font>
      <sz val="9"/>
      <name val="ＭＳ Ｐ明朝"/>
      <family val="1"/>
      <charset val="128"/>
    </font>
    <font>
      <sz val="7"/>
      <name val="ＭＳ Ｐ明朝"/>
      <family val="1"/>
      <charset val="128"/>
    </font>
    <font>
      <sz val="9"/>
      <name val="ＭＳ Ｐゴシック"/>
      <family val="3"/>
      <charset val="128"/>
    </font>
    <font>
      <sz val="11"/>
      <name val="ＭＳ Ｐゴシック"/>
      <family val="3"/>
      <charset val="128"/>
    </font>
    <font>
      <sz val="12"/>
      <name val="ＭＳ 明朝"/>
      <family val="1"/>
      <charset val="128"/>
    </font>
    <font>
      <sz val="9.5"/>
      <name val="ＭＳ Ｐ明朝"/>
      <family val="1"/>
      <charset val="128"/>
    </font>
    <font>
      <sz val="9.5"/>
      <name val="ＭＳ Ｐゴシック"/>
      <family val="3"/>
      <charset val="128"/>
    </font>
    <font>
      <sz val="8"/>
      <name val="ＭＳ Ｐ明朝"/>
      <family val="1"/>
      <charset val="128"/>
    </font>
    <font>
      <sz val="8"/>
      <name val="ＭＳ Ｐゴシック"/>
      <family val="3"/>
      <charset val="128"/>
    </font>
    <font>
      <sz val="13"/>
      <name val="ＭＳ Ｐゴシック"/>
      <family val="3"/>
      <charset val="128"/>
      <scheme val="major"/>
    </font>
    <font>
      <sz val="12"/>
      <name val="ＭＳ Ｐゴシック"/>
      <family val="3"/>
      <charset val="128"/>
      <scheme val="major"/>
    </font>
    <font>
      <sz val="11"/>
      <name val="ＭＳ Ｐゴシック"/>
      <family val="3"/>
      <charset val="128"/>
      <scheme val="major"/>
    </font>
    <font>
      <sz val="13"/>
      <name val="ＭＳ Ｐゴシック"/>
      <family val="3"/>
      <charset val="128"/>
      <scheme val="minor"/>
    </font>
    <font>
      <sz val="11"/>
      <name val="ＭＳ Ｐゴシック"/>
      <family val="3"/>
      <charset val="128"/>
      <scheme val="minor"/>
    </font>
    <font>
      <strike/>
      <sz val="12"/>
      <name val="ＭＳ Ｐ明朝"/>
      <family val="1"/>
      <charset val="128"/>
    </font>
    <font>
      <sz val="10"/>
      <name val="ＭＳ Ｐゴシック"/>
      <family val="3"/>
      <charset val="128"/>
      <scheme val="major"/>
    </font>
    <font>
      <strike/>
      <sz val="12"/>
      <name val="ＭＳ Ｐゴシック"/>
      <family val="3"/>
      <charset val="128"/>
    </font>
    <font>
      <sz val="12"/>
      <color theme="1"/>
      <name val="ＭＳ Ｐ明朝"/>
      <family val="1"/>
      <charset val="128"/>
    </font>
    <font>
      <sz val="10"/>
      <color theme="1"/>
      <name val="ＭＳ Ｐ明朝"/>
      <family val="1"/>
      <charset val="128"/>
    </font>
    <font>
      <sz val="11"/>
      <color theme="1"/>
      <name val="ＭＳ Ｐゴシック"/>
      <family val="3"/>
      <charset val="128"/>
    </font>
    <font>
      <sz val="11"/>
      <color theme="1"/>
      <name val="ＭＳ Ｐ明朝"/>
      <family val="1"/>
      <charset val="128"/>
    </font>
    <font>
      <strike/>
      <sz val="12"/>
      <color theme="1"/>
      <name val="ＭＳ Ｐ明朝"/>
      <family val="1"/>
      <charset val="128"/>
    </font>
    <font>
      <sz val="11.5"/>
      <name val="ＭＳ Ｐ明朝"/>
      <family val="1"/>
      <charset val="128"/>
    </font>
    <font>
      <sz val="12"/>
      <color rgb="FFFF0000"/>
      <name val="ＭＳ Ｐ明朝"/>
      <family val="1"/>
      <charset val="128"/>
    </font>
    <font>
      <sz val="13"/>
      <color rgb="FFFF0000"/>
      <name val="ＭＳ Ｐ明朝"/>
      <family val="1"/>
      <charset val="128"/>
    </font>
    <font>
      <sz val="17.5"/>
      <name val="ＭＳ Ｐ明朝"/>
      <family val="1"/>
      <charset val="128"/>
    </font>
    <font>
      <sz val="17.5"/>
      <name val="ＭＳ Ｐゴシック"/>
      <family val="3"/>
      <charset val="128"/>
    </font>
    <font>
      <sz val="15.5"/>
      <name val="ＭＳ Ｐ明朝"/>
      <family val="1"/>
      <charset val="128"/>
    </font>
    <font>
      <sz val="10.5"/>
      <name val="ＭＳ Ｐ明朝"/>
      <family val="1"/>
      <charset val="128"/>
    </font>
  </fonts>
  <fills count="3">
    <fill>
      <patternFill patternType="none"/>
    </fill>
    <fill>
      <patternFill patternType="gray125"/>
    </fill>
    <fill>
      <patternFill patternType="solid">
        <fgColor rgb="FF0070C0"/>
        <bgColor indexed="64"/>
      </patternFill>
    </fill>
  </fills>
  <borders count="16">
    <border>
      <left/>
      <right/>
      <top/>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right style="thin">
        <color indexed="64"/>
      </right>
      <top/>
      <bottom/>
      <diagonal/>
    </border>
    <border>
      <left/>
      <right/>
      <top/>
      <bottom style="thin">
        <color indexed="64"/>
      </bottom>
      <diagonal/>
    </border>
    <border>
      <left/>
      <right/>
      <top style="thin">
        <color indexed="64"/>
      </top>
      <bottom/>
      <diagonal/>
    </border>
    <border>
      <left/>
      <right style="thin">
        <color indexed="64"/>
      </right>
      <top/>
      <bottom style="thin">
        <color indexed="64"/>
      </bottom>
      <diagonal/>
    </border>
    <border>
      <left/>
      <right style="thin">
        <color indexed="64"/>
      </right>
      <top style="thin">
        <color indexed="64"/>
      </top>
      <bottom/>
      <diagonal/>
    </border>
    <border>
      <left style="thin">
        <color indexed="64"/>
      </left>
      <right style="thin">
        <color indexed="64"/>
      </right>
      <top/>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
    <xf numFmtId="0" fontId="0" fillId="0" borderId="0"/>
    <xf numFmtId="0" fontId="1" fillId="0" borderId="0" applyNumberFormat="0" applyFill="0" applyBorder="0" applyAlignment="0" applyProtection="0">
      <alignment vertical="top"/>
      <protection locked="0"/>
    </xf>
    <xf numFmtId="38" fontId="19" fillId="0" borderId="0" applyFont="0" applyFill="0" applyBorder="0" applyAlignment="0" applyProtection="0"/>
  </cellStyleXfs>
  <cellXfs count="1366">
    <xf numFmtId="0" fontId="0" fillId="0" borderId="0" xfId="0"/>
    <xf numFmtId="0" fontId="5" fillId="0" borderId="0" xfId="0" applyFont="1" applyFill="1" applyAlignment="1" applyProtection="1">
      <alignment vertical="center"/>
    </xf>
    <xf numFmtId="0" fontId="5" fillId="0" borderId="1" xfId="0" applyFont="1" applyFill="1" applyBorder="1" applyAlignment="1" applyProtection="1">
      <alignment horizontal="center" vertical="center"/>
      <protection locked="0"/>
    </xf>
    <xf numFmtId="0" fontId="5" fillId="0" borderId="0" xfId="0" applyFont="1" applyFill="1" applyAlignment="1">
      <alignment vertical="center"/>
    </xf>
    <xf numFmtId="58" fontId="5" fillId="0" borderId="2" xfId="0" applyNumberFormat="1" applyFont="1" applyFill="1" applyBorder="1" applyAlignment="1" applyProtection="1">
      <alignment vertical="center" wrapText="1"/>
      <protection locked="0"/>
    </xf>
    <xf numFmtId="0" fontId="0" fillId="0" borderId="0" xfId="0" applyFont="1" applyFill="1" applyAlignment="1">
      <alignment vertical="center"/>
    </xf>
    <xf numFmtId="0" fontId="0" fillId="0" borderId="0" xfId="0" applyFont="1" applyFill="1" applyBorder="1" applyAlignment="1" applyProtection="1">
      <alignment vertical="center"/>
      <protection locked="0"/>
    </xf>
    <xf numFmtId="0" fontId="0" fillId="0" borderId="4" xfId="0" applyFont="1" applyFill="1" applyBorder="1" applyAlignment="1" applyProtection="1">
      <alignment vertical="center"/>
      <protection locked="0"/>
    </xf>
    <xf numFmtId="0" fontId="18" fillId="0" borderId="0" xfId="0" applyFont="1" applyFill="1" applyBorder="1" applyAlignment="1" applyProtection="1">
      <alignment vertical="center"/>
      <protection locked="0"/>
    </xf>
    <xf numFmtId="0" fontId="7" fillId="0" borderId="3" xfId="0" applyFont="1" applyFill="1" applyBorder="1" applyAlignment="1" applyProtection="1">
      <alignment vertical="center"/>
    </xf>
    <xf numFmtId="0" fontId="11" fillId="0" borderId="0" xfId="0" applyFont="1" applyFill="1" applyAlignment="1">
      <alignment vertical="center"/>
    </xf>
    <xf numFmtId="0" fontId="21" fillId="0" borderId="0" xfId="0" applyFont="1" applyFill="1" applyBorder="1" applyAlignment="1" applyProtection="1">
      <alignment horizontal="left" vertical="center" wrapText="1"/>
      <protection locked="0"/>
    </xf>
    <xf numFmtId="0" fontId="22" fillId="0" borderId="0" xfId="0" applyFont="1" applyFill="1" applyAlignment="1" applyProtection="1">
      <alignment horizontal="left" vertical="center"/>
      <protection locked="0"/>
    </xf>
    <xf numFmtId="0" fontId="22" fillId="0" borderId="4" xfId="0" applyFont="1" applyFill="1" applyBorder="1" applyAlignment="1" applyProtection="1">
      <alignment horizontal="left" vertical="center"/>
      <protection locked="0"/>
    </xf>
    <xf numFmtId="0" fontId="21" fillId="0" borderId="0" xfId="0" applyFont="1" applyFill="1" applyBorder="1" applyAlignment="1" applyProtection="1">
      <alignment vertical="center"/>
      <protection locked="0"/>
    </xf>
    <xf numFmtId="0" fontId="5" fillId="0" borderId="0" xfId="0" applyFont="1" applyFill="1" applyBorder="1" applyAlignment="1" applyProtection="1">
      <alignment vertical="center"/>
    </xf>
    <xf numFmtId="0" fontId="0" fillId="0" borderId="0" xfId="0" applyFont="1" applyFill="1" applyBorder="1" applyAlignment="1">
      <alignment vertical="center" shrinkToFit="1"/>
    </xf>
    <xf numFmtId="0" fontId="5" fillId="0" borderId="3" xfId="0" applyFont="1" applyFill="1" applyBorder="1" applyAlignment="1" applyProtection="1">
      <alignment horizontal="center" vertical="center"/>
      <protection locked="0"/>
    </xf>
    <xf numFmtId="0" fontId="36" fillId="0" borderId="0" xfId="0" applyFont="1" applyFill="1" applyBorder="1" applyAlignment="1" applyProtection="1">
      <alignment vertical="center"/>
      <protection locked="0"/>
    </xf>
    <xf numFmtId="0" fontId="35" fillId="0" borderId="0" xfId="0" applyFont="1" applyFill="1" applyBorder="1" applyAlignment="1" applyProtection="1">
      <alignment vertical="center"/>
      <protection locked="0"/>
    </xf>
    <xf numFmtId="0" fontId="5" fillId="0" borderId="2" xfId="0" applyFont="1" applyFill="1" applyBorder="1" applyAlignment="1" applyProtection="1">
      <alignment vertical="center"/>
      <protection locked="0"/>
    </xf>
    <xf numFmtId="0" fontId="5" fillId="0" borderId="3" xfId="0" applyFont="1" applyFill="1" applyBorder="1" applyAlignment="1" applyProtection="1">
      <alignment vertical="center"/>
      <protection locked="0"/>
    </xf>
    <xf numFmtId="0" fontId="34" fillId="0" borderId="3" xfId="0" applyFont="1" applyFill="1" applyBorder="1" applyAlignment="1" applyProtection="1">
      <alignment vertical="center" wrapText="1"/>
      <protection locked="0"/>
    </xf>
    <xf numFmtId="0" fontId="34" fillId="0" borderId="1" xfId="0" applyFont="1" applyFill="1" applyBorder="1" applyAlignment="1" applyProtection="1">
      <alignment horizontal="center" vertical="center"/>
      <protection locked="0"/>
    </xf>
    <xf numFmtId="0" fontId="34" fillId="0" borderId="2" xfId="0" applyFont="1" applyFill="1" applyBorder="1" applyAlignment="1" applyProtection="1">
      <alignment horizontal="center" vertical="center"/>
      <protection locked="0"/>
    </xf>
    <xf numFmtId="0" fontId="34" fillId="0" borderId="3" xfId="0" applyFont="1" applyFill="1" applyBorder="1" applyAlignment="1" applyProtection="1">
      <alignment horizontal="center" vertical="center"/>
      <protection locked="0"/>
    </xf>
    <xf numFmtId="0" fontId="34" fillId="0" borderId="1" xfId="0" applyFont="1" applyFill="1" applyBorder="1" applyAlignment="1" applyProtection="1">
      <alignment vertical="center" wrapText="1"/>
      <protection locked="0"/>
    </xf>
    <xf numFmtId="0" fontId="34" fillId="0" borderId="2" xfId="0" applyFont="1" applyFill="1" applyBorder="1" applyAlignment="1" applyProtection="1">
      <alignment vertical="center" wrapText="1"/>
      <protection locked="0"/>
    </xf>
    <xf numFmtId="0" fontId="5" fillId="0" borderId="2" xfId="0" applyFont="1" applyFill="1" applyBorder="1" applyAlignment="1" applyProtection="1">
      <alignment vertical="center"/>
    </xf>
    <xf numFmtId="0" fontId="7" fillId="0" borderId="0" xfId="0" applyFont="1" applyFill="1" applyBorder="1" applyAlignment="1" applyProtection="1">
      <alignment vertical="center" wrapText="1"/>
      <protection locked="0"/>
    </xf>
    <xf numFmtId="178" fontId="7" fillId="0" borderId="0" xfId="0" applyNumberFormat="1" applyFont="1" applyFill="1" applyBorder="1" applyAlignment="1" applyProtection="1">
      <alignment vertical="center" shrinkToFit="1"/>
      <protection locked="0"/>
    </xf>
    <xf numFmtId="0" fontId="7" fillId="0" borderId="0" xfId="0" applyFont="1" applyFill="1" applyBorder="1" applyAlignment="1" applyProtection="1">
      <alignment vertical="center" shrinkToFit="1"/>
      <protection locked="0"/>
    </xf>
    <xf numFmtId="181" fontId="7" fillId="0" borderId="0" xfId="0" applyNumberFormat="1" applyFont="1" applyFill="1" applyBorder="1" applyAlignment="1" applyProtection="1">
      <alignment vertical="center" shrinkToFit="1"/>
      <protection locked="0"/>
    </xf>
    <xf numFmtId="0" fontId="5" fillId="0" borderId="0" xfId="0" applyFont="1" applyFill="1" applyBorder="1" applyAlignment="1">
      <alignment vertical="center"/>
    </xf>
    <xf numFmtId="58" fontId="7" fillId="0" borderId="0" xfId="0" applyNumberFormat="1" applyFont="1" applyFill="1" applyBorder="1" applyAlignment="1" applyProtection="1">
      <alignment vertical="center" shrinkToFit="1"/>
      <protection locked="0"/>
    </xf>
    <xf numFmtId="0" fontId="7" fillId="0" borderId="0" xfId="0" applyNumberFormat="1" applyFont="1" applyFill="1" applyBorder="1" applyAlignment="1" applyProtection="1">
      <alignment vertical="center" shrinkToFit="1"/>
      <protection locked="0"/>
    </xf>
    <xf numFmtId="0" fontId="5" fillId="2" borderId="0" xfId="0" applyFont="1" applyFill="1" applyAlignment="1">
      <alignment vertical="center"/>
    </xf>
    <xf numFmtId="0" fontId="5" fillId="0" borderId="2" xfId="0" applyFont="1" applyFill="1" applyBorder="1" applyAlignment="1" applyProtection="1">
      <alignment horizontal="center" vertical="center"/>
      <protection locked="0"/>
    </xf>
    <xf numFmtId="0" fontId="5" fillId="0" borderId="1" xfId="0" applyFont="1" applyFill="1" applyBorder="1" applyAlignment="1" applyProtection="1">
      <alignment vertical="center" wrapText="1"/>
      <protection locked="0"/>
    </xf>
    <xf numFmtId="0" fontId="5" fillId="0" borderId="2" xfId="0" applyFont="1" applyFill="1" applyBorder="1" applyAlignment="1" applyProtection="1">
      <alignment vertical="center" wrapText="1"/>
      <protection locked="0"/>
    </xf>
    <xf numFmtId="0" fontId="5" fillId="0" borderId="3" xfId="0" applyFont="1" applyFill="1" applyBorder="1" applyAlignment="1" applyProtection="1">
      <alignment vertical="center" wrapText="1"/>
      <protection locked="0"/>
    </xf>
    <xf numFmtId="0" fontId="32" fillId="0" borderId="0" xfId="0" applyFont="1" applyFill="1" applyBorder="1" applyAlignment="1">
      <alignment horizontal="left" vertical="center"/>
    </xf>
    <xf numFmtId="0" fontId="32" fillId="0" borderId="4" xfId="0" applyFont="1" applyFill="1" applyBorder="1" applyAlignment="1">
      <alignment horizontal="left" vertical="center"/>
    </xf>
    <xf numFmtId="0" fontId="7" fillId="0" borderId="2" xfId="0" applyFont="1" applyFill="1" applyBorder="1" applyAlignment="1" applyProtection="1">
      <alignment horizontal="center" vertical="center"/>
      <protection locked="0"/>
    </xf>
    <xf numFmtId="0" fontId="7" fillId="0" borderId="3" xfId="0" applyFont="1" applyFill="1" applyBorder="1" applyAlignment="1" applyProtection="1">
      <alignment horizontal="center" vertical="center"/>
      <protection locked="0"/>
    </xf>
    <xf numFmtId="0" fontId="7" fillId="0" borderId="6" xfId="0" applyFont="1" applyFill="1" applyBorder="1" applyAlignment="1">
      <alignment horizontal="left" vertical="center"/>
    </xf>
    <xf numFmtId="58" fontId="12" fillId="0" borderId="0" xfId="0" applyNumberFormat="1" applyFont="1" applyFill="1" applyBorder="1" applyAlignment="1" applyProtection="1">
      <alignment vertical="center"/>
      <protection locked="0"/>
    </xf>
    <xf numFmtId="58" fontId="12" fillId="0" borderId="5" xfId="0" applyNumberFormat="1" applyFont="1" applyFill="1" applyBorder="1" applyAlignment="1" applyProtection="1">
      <alignment vertical="center"/>
      <protection locked="0"/>
    </xf>
    <xf numFmtId="0" fontId="7" fillId="0" borderId="3" xfId="0" applyFont="1" applyFill="1" applyBorder="1" applyAlignment="1" applyProtection="1">
      <alignment horizontal="left" vertical="center"/>
      <protection locked="0"/>
    </xf>
    <xf numFmtId="0" fontId="0" fillId="0" borderId="0" xfId="0" applyFont="1" applyFill="1" applyBorder="1" applyAlignment="1" applyProtection="1">
      <alignment horizontal="left" vertical="center"/>
      <protection locked="0"/>
    </xf>
    <xf numFmtId="0" fontId="12" fillId="0" borderId="0" xfId="0" applyFont="1" applyFill="1" applyBorder="1" applyAlignment="1" applyProtection="1">
      <alignment horizontal="left" vertical="center"/>
      <protection locked="0"/>
    </xf>
    <xf numFmtId="0" fontId="0" fillId="0" borderId="4" xfId="0" applyFont="1" applyFill="1" applyBorder="1" applyAlignment="1" applyProtection="1">
      <alignment horizontal="left" vertical="center"/>
      <protection locked="0"/>
    </xf>
    <xf numFmtId="0" fontId="7" fillId="0" borderId="6" xfId="0" applyFont="1" applyFill="1" applyBorder="1" applyAlignment="1" applyProtection="1">
      <alignment vertical="center" wrapText="1"/>
      <protection locked="0"/>
    </xf>
    <xf numFmtId="0" fontId="7" fillId="0" borderId="0" xfId="0" applyFont="1" applyFill="1" applyBorder="1" applyAlignment="1" applyProtection="1">
      <alignment vertical="center" wrapText="1"/>
      <protection locked="0"/>
    </xf>
    <xf numFmtId="0" fontId="7" fillId="0" borderId="4" xfId="0" applyFont="1" applyFill="1" applyBorder="1" applyAlignment="1" applyProtection="1">
      <alignment vertical="center" wrapText="1"/>
      <protection locked="0"/>
    </xf>
    <xf numFmtId="0" fontId="7" fillId="0" borderId="5" xfId="0" applyFont="1" applyFill="1" applyBorder="1" applyAlignment="1" applyProtection="1">
      <alignment vertical="center" wrapText="1"/>
      <protection locked="0"/>
    </xf>
    <xf numFmtId="0" fontId="7" fillId="0" borderId="2" xfId="0" applyFont="1" applyFill="1" applyBorder="1" applyAlignment="1" applyProtection="1">
      <alignment horizontal="left" vertical="center" shrinkToFit="1"/>
      <protection locked="0"/>
    </xf>
    <xf numFmtId="0" fontId="7" fillId="0" borderId="0" xfId="0" applyFont="1" applyFill="1" applyBorder="1" applyAlignment="1" applyProtection="1">
      <alignment horizontal="left" vertical="center" shrinkToFit="1"/>
      <protection locked="0"/>
    </xf>
    <xf numFmtId="0" fontId="7" fillId="0" borderId="4" xfId="0" applyFont="1" applyFill="1" applyBorder="1" applyAlignment="1" applyProtection="1">
      <alignment horizontal="left" vertical="center" shrinkToFit="1"/>
      <protection locked="0"/>
    </xf>
    <xf numFmtId="0" fontId="0" fillId="0" borderId="2" xfId="0" applyFont="1" applyFill="1" applyBorder="1" applyAlignment="1" applyProtection="1">
      <alignment horizontal="left" vertical="center"/>
      <protection locked="0"/>
    </xf>
    <xf numFmtId="0" fontId="7" fillId="0" borderId="6" xfId="0" applyFont="1" applyFill="1" applyBorder="1" applyAlignment="1" applyProtection="1">
      <alignment vertical="top" wrapText="1"/>
      <protection locked="0"/>
    </xf>
    <xf numFmtId="0" fontId="7" fillId="0" borderId="2" xfId="0" applyFont="1" applyFill="1" applyBorder="1" applyAlignment="1" applyProtection="1">
      <alignment vertical="top" wrapText="1"/>
      <protection locked="0"/>
    </xf>
    <xf numFmtId="0" fontId="7" fillId="0" borderId="0" xfId="0" applyFont="1" applyFill="1" applyBorder="1" applyAlignment="1" applyProtection="1">
      <alignment vertical="top" wrapText="1"/>
      <protection locked="0"/>
    </xf>
    <xf numFmtId="0" fontId="7" fillId="0" borderId="3" xfId="0" applyFont="1" applyFill="1" applyBorder="1" applyAlignment="1" applyProtection="1">
      <alignment vertical="top" wrapText="1"/>
      <protection locked="0"/>
    </xf>
    <xf numFmtId="0" fontId="7" fillId="0" borderId="5" xfId="0" applyFont="1" applyFill="1" applyBorder="1" applyAlignment="1" applyProtection="1">
      <alignment vertical="top" wrapText="1"/>
      <protection locked="0"/>
    </xf>
    <xf numFmtId="0" fontId="7" fillId="0" borderId="1" xfId="0" applyFont="1" applyFill="1" applyBorder="1" applyAlignment="1" applyProtection="1">
      <alignment vertical="center"/>
      <protection locked="0"/>
    </xf>
    <xf numFmtId="0" fontId="7" fillId="0" borderId="6" xfId="0" applyFont="1" applyFill="1" applyBorder="1" applyAlignment="1" applyProtection="1">
      <alignment vertical="center"/>
      <protection locked="0"/>
    </xf>
    <xf numFmtId="0" fontId="7" fillId="0" borderId="8" xfId="0" applyFont="1" applyFill="1" applyBorder="1" applyAlignment="1" applyProtection="1">
      <alignment vertical="center"/>
      <protection locked="0"/>
    </xf>
    <xf numFmtId="0" fontId="7" fillId="0" borderId="0" xfId="0" applyFont="1" applyFill="1" applyBorder="1" applyAlignment="1" applyProtection="1">
      <alignment vertical="center"/>
      <protection locked="0"/>
    </xf>
    <xf numFmtId="0" fontId="7" fillId="0" borderId="4" xfId="0" applyFont="1" applyFill="1" applyBorder="1" applyAlignment="1" applyProtection="1">
      <alignment vertical="center"/>
      <protection locked="0"/>
    </xf>
    <xf numFmtId="58" fontId="7" fillId="0" borderId="5" xfId="0" applyNumberFormat="1" applyFont="1" applyFill="1" applyBorder="1" applyAlignment="1" applyProtection="1">
      <alignment vertical="center"/>
      <protection locked="0"/>
    </xf>
    <xf numFmtId="58" fontId="7" fillId="0" borderId="7" xfId="0" applyNumberFormat="1" applyFont="1" applyFill="1" applyBorder="1" applyAlignment="1" applyProtection="1">
      <alignment vertical="center"/>
      <protection locked="0"/>
    </xf>
    <xf numFmtId="58" fontId="7" fillId="0" borderId="0" xfId="0" applyNumberFormat="1" applyFont="1" applyFill="1" applyBorder="1" applyAlignment="1" applyProtection="1">
      <alignment vertical="center" wrapText="1"/>
      <protection locked="0"/>
    </xf>
    <xf numFmtId="58" fontId="7" fillId="0" borderId="4" xfId="0" applyNumberFormat="1" applyFont="1" applyFill="1" applyBorder="1" applyAlignment="1" applyProtection="1">
      <alignment vertical="center" wrapText="1"/>
      <protection locked="0"/>
    </xf>
    <xf numFmtId="0" fontId="21" fillId="0" borderId="0" xfId="0" applyFont="1" applyFill="1" applyBorder="1" applyAlignment="1" applyProtection="1">
      <alignment vertical="center" wrapText="1"/>
      <protection locked="0"/>
    </xf>
    <xf numFmtId="0" fontId="21" fillId="0" borderId="4" xfId="0" applyFont="1" applyFill="1" applyBorder="1" applyAlignment="1" applyProtection="1">
      <alignment vertical="center" wrapText="1"/>
      <protection locked="0"/>
    </xf>
    <xf numFmtId="58" fontId="7" fillId="0" borderId="0" xfId="0" applyNumberFormat="1" applyFont="1" applyFill="1" applyBorder="1" applyAlignment="1" applyProtection="1">
      <alignment vertical="center"/>
      <protection locked="0"/>
    </xf>
    <xf numFmtId="58" fontId="7" fillId="0" borderId="4" xfId="0" applyNumberFormat="1" applyFont="1" applyFill="1" applyBorder="1" applyAlignment="1" applyProtection="1">
      <alignment vertical="center"/>
      <protection locked="0"/>
    </xf>
    <xf numFmtId="0" fontId="7" fillId="0" borderId="0" xfId="0" applyFont="1" applyFill="1" applyBorder="1" applyAlignment="1" applyProtection="1">
      <alignment horizontal="center" vertical="center"/>
    </xf>
    <xf numFmtId="0" fontId="5" fillId="0" borderId="1" xfId="0" applyFont="1" applyFill="1" applyBorder="1" applyAlignment="1" applyProtection="1">
      <alignment vertical="center"/>
      <protection locked="0"/>
    </xf>
    <xf numFmtId="58" fontId="7" fillId="0" borderId="2" xfId="0" applyNumberFormat="1" applyFont="1" applyFill="1" applyBorder="1" applyAlignment="1" applyProtection="1">
      <alignment horizontal="left" vertical="center"/>
      <protection locked="0"/>
    </xf>
    <xf numFmtId="58" fontId="7" fillId="0" borderId="0" xfId="0" applyNumberFormat="1" applyFont="1" applyFill="1" applyBorder="1" applyAlignment="1" applyProtection="1">
      <alignment horizontal="left" vertical="center"/>
      <protection locked="0"/>
    </xf>
    <xf numFmtId="58" fontId="7" fillId="0" borderId="4" xfId="0" applyNumberFormat="1" applyFont="1" applyFill="1" applyBorder="1" applyAlignment="1" applyProtection="1">
      <alignment horizontal="left" vertical="center"/>
      <protection locked="0"/>
    </xf>
    <xf numFmtId="178" fontId="7" fillId="0" borderId="0" xfId="0" applyNumberFormat="1" applyFont="1" applyFill="1" applyBorder="1" applyAlignment="1" applyProtection="1">
      <alignment vertical="center" shrinkToFit="1"/>
      <protection locked="0"/>
    </xf>
    <xf numFmtId="0" fontId="7" fillId="0" borderId="0" xfId="0" applyFont="1" applyFill="1" applyBorder="1" applyAlignment="1" applyProtection="1">
      <alignment vertical="center" shrinkToFit="1"/>
      <protection locked="0"/>
    </xf>
    <xf numFmtId="0" fontId="7" fillId="0" borderId="4" xfId="0" applyFont="1" applyFill="1" applyBorder="1" applyAlignment="1" applyProtection="1">
      <alignment vertical="center" shrinkToFit="1"/>
      <protection locked="0"/>
    </xf>
    <xf numFmtId="0" fontId="7" fillId="0" borderId="2" xfId="0" applyFont="1" applyFill="1" applyBorder="1" applyAlignment="1">
      <alignment vertical="center"/>
    </xf>
    <xf numFmtId="0" fontId="7" fillId="0" borderId="0" xfId="0" applyFont="1" applyFill="1" applyBorder="1" applyAlignment="1">
      <alignment vertical="center"/>
    </xf>
    <xf numFmtId="0" fontId="7" fillId="0" borderId="4" xfId="0" applyFont="1" applyFill="1" applyBorder="1" applyAlignment="1">
      <alignment vertical="center"/>
    </xf>
    <xf numFmtId="0" fontId="7" fillId="0" borderId="2" xfId="0" applyFont="1" applyFill="1" applyBorder="1" applyAlignment="1" applyProtection="1">
      <alignment horizontal="left" vertical="center"/>
      <protection locked="0"/>
    </xf>
    <xf numFmtId="0" fontId="7" fillId="0" borderId="0" xfId="0" applyFont="1" applyFill="1" applyBorder="1" applyAlignment="1" applyProtection="1">
      <alignment horizontal="left" vertical="center"/>
      <protection locked="0"/>
    </xf>
    <xf numFmtId="0" fontId="7" fillId="0" borderId="4" xfId="0" applyFont="1" applyFill="1" applyBorder="1" applyAlignment="1" applyProtection="1">
      <alignment horizontal="left" vertical="center"/>
      <protection locked="0"/>
    </xf>
    <xf numFmtId="0" fontId="5" fillId="0" borderId="2" xfId="0" applyFont="1" applyFill="1" applyBorder="1" applyAlignment="1">
      <alignment vertical="center"/>
    </xf>
    <xf numFmtId="0" fontId="5" fillId="0" borderId="0" xfId="0" applyFont="1" applyFill="1" applyBorder="1" applyAlignment="1">
      <alignment vertical="center"/>
    </xf>
    <xf numFmtId="0" fontId="5" fillId="0" borderId="3" xfId="0" applyFont="1" applyFill="1" applyBorder="1" applyAlignment="1">
      <alignment vertical="center"/>
    </xf>
    <xf numFmtId="0" fontId="5" fillId="0" borderId="5" xfId="0" applyFont="1" applyFill="1" applyBorder="1" applyAlignment="1">
      <alignment vertical="center"/>
    </xf>
    <xf numFmtId="0" fontId="10" fillId="0" borderId="0" xfId="0" applyFont="1" applyFill="1" applyBorder="1" applyAlignment="1" applyProtection="1">
      <alignment horizontal="left" vertical="center"/>
    </xf>
    <xf numFmtId="0" fontId="7" fillId="0" borderId="5" xfId="0" applyFont="1" applyFill="1" applyBorder="1" applyAlignment="1">
      <alignment vertical="center"/>
    </xf>
    <xf numFmtId="0" fontId="7" fillId="0" borderId="7" xfId="0" applyFont="1" applyFill="1" applyBorder="1" applyAlignment="1">
      <alignment vertical="center"/>
    </xf>
    <xf numFmtId="0" fontId="7" fillId="0" borderId="6" xfId="0" applyFont="1" applyFill="1" applyBorder="1" applyAlignment="1">
      <alignment vertical="center"/>
    </xf>
    <xf numFmtId="0" fontId="7" fillId="0" borderId="8" xfId="0" applyFont="1" applyFill="1" applyBorder="1" applyAlignment="1">
      <alignment vertical="center"/>
    </xf>
    <xf numFmtId="0" fontId="7" fillId="0" borderId="0" xfId="0" applyFont="1" applyFill="1" applyBorder="1" applyAlignment="1" applyProtection="1">
      <alignment vertical="center"/>
    </xf>
    <xf numFmtId="0" fontId="7" fillId="0" borderId="4" xfId="0" applyFont="1" applyFill="1" applyBorder="1" applyAlignment="1" applyProtection="1">
      <alignment vertical="center"/>
    </xf>
    <xf numFmtId="0" fontId="0" fillId="0" borderId="0" xfId="0" applyFont="1" applyFill="1" applyBorder="1" applyProtection="1">
      <protection locked="0"/>
    </xf>
    <xf numFmtId="0" fontId="0" fillId="0" borderId="4" xfId="0" applyFont="1" applyFill="1" applyBorder="1" applyProtection="1">
      <protection locked="0"/>
    </xf>
    <xf numFmtId="0" fontId="0" fillId="0" borderId="0" xfId="0" applyFont="1" applyFill="1" applyBorder="1" applyAlignment="1" applyProtection="1">
      <alignment vertical="center" shrinkToFit="1"/>
      <protection locked="0"/>
    </xf>
    <xf numFmtId="178" fontId="0" fillId="0" borderId="2" xfId="0" applyNumberFormat="1" applyFont="1" applyFill="1" applyBorder="1" applyAlignment="1" applyProtection="1">
      <alignment vertical="center"/>
      <protection locked="0"/>
    </xf>
    <xf numFmtId="178" fontId="0" fillId="0" borderId="0" xfId="0" applyNumberFormat="1" applyFont="1" applyFill="1" applyBorder="1" applyAlignment="1" applyProtection="1">
      <alignment vertical="center"/>
      <protection locked="0"/>
    </xf>
    <xf numFmtId="0" fontId="0" fillId="0" borderId="0" xfId="0" applyFont="1" applyFill="1" applyBorder="1" applyAlignment="1">
      <alignment vertical="center"/>
    </xf>
    <xf numFmtId="178" fontId="0" fillId="0" borderId="4" xfId="0" applyNumberFormat="1" applyFont="1" applyFill="1" applyBorder="1" applyAlignment="1" applyProtection="1">
      <alignment vertical="center"/>
      <protection locked="0"/>
    </xf>
    <xf numFmtId="0" fontId="7" fillId="0" borderId="6" xfId="0" applyFont="1" applyFill="1" applyBorder="1" applyAlignment="1" applyProtection="1">
      <alignment vertical="center"/>
    </xf>
    <xf numFmtId="0" fontId="7" fillId="0" borderId="8" xfId="0" applyFont="1" applyFill="1" applyBorder="1" applyAlignment="1" applyProtection="1">
      <alignment vertical="center"/>
    </xf>
    <xf numFmtId="0" fontId="7" fillId="0" borderId="5" xfId="0" applyFont="1" applyFill="1" applyBorder="1" applyAlignment="1" applyProtection="1">
      <alignment vertical="center"/>
    </xf>
    <xf numFmtId="0" fontId="7" fillId="0" borderId="7" xfId="0" applyFont="1" applyFill="1" applyBorder="1" applyAlignment="1" applyProtection="1">
      <alignment vertical="center"/>
    </xf>
    <xf numFmtId="0" fontId="7" fillId="0" borderId="1" xfId="0" applyFont="1" applyFill="1" applyBorder="1" applyAlignment="1" applyProtection="1">
      <alignment horizontal="left" vertical="center"/>
      <protection locked="0"/>
    </xf>
    <xf numFmtId="0" fontId="7" fillId="0" borderId="6" xfId="0" applyFont="1" applyFill="1" applyBorder="1" applyAlignment="1" applyProtection="1">
      <alignment horizontal="left" vertical="center"/>
      <protection locked="0"/>
    </xf>
    <xf numFmtId="0" fontId="7" fillId="0" borderId="8" xfId="0" applyFont="1" applyFill="1" applyBorder="1" applyAlignment="1" applyProtection="1">
      <alignment horizontal="left" vertical="center"/>
      <protection locked="0"/>
    </xf>
    <xf numFmtId="0" fontId="7" fillId="0" borderId="2" xfId="0" applyFont="1" applyFill="1" applyBorder="1" applyAlignment="1" applyProtection="1">
      <alignment vertical="center"/>
      <protection locked="0"/>
    </xf>
    <xf numFmtId="58" fontId="7" fillId="0" borderId="0" xfId="0" applyNumberFormat="1" applyFont="1" applyFill="1" applyBorder="1" applyAlignment="1" applyProtection="1">
      <alignment vertical="center" shrinkToFit="1"/>
      <protection locked="0"/>
    </xf>
    <xf numFmtId="58" fontId="7" fillId="0" borderId="4" xfId="0" applyNumberFormat="1" applyFont="1" applyFill="1" applyBorder="1" applyAlignment="1" applyProtection="1">
      <alignment vertical="center" shrinkToFit="1"/>
      <protection locked="0"/>
    </xf>
    <xf numFmtId="0" fontId="9" fillId="0" borderId="0" xfId="0" applyFont="1" applyFill="1" applyBorder="1" applyAlignment="1" applyProtection="1">
      <alignment horizontal="center" vertical="center"/>
    </xf>
    <xf numFmtId="0" fontId="13" fillId="0" borderId="0" xfId="0" applyFont="1" applyFill="1" applyBorder="1" applyAlignment="1" applyProtection="1">
      <alignment horizontal="distributed" vertical="center"/>
    </xf>
    <xf numFmtId="0" fontId="12" fillId="0" borderId="0" xfId="0" applyFont="1" applyFill="1" applyBorder="1" applyAlignment="1" applyProtection="1">
      <alignment vertical="center" wrapText="1"/>
      <protection locked="0"/>
    </xf>
    <xf numFmtId="0" fontId="12" fillId="0" borderId="0" xfId="0" applyFont="1" applyFill="1" applyBorder="1" applyAlignment="1" applyProtection="1">
      <alignment vertical="center"/>
      <protection locked="0"/>
    </xf>
    <xf numFmtId="0" fontId="12" fillId="0" borderId="4" xfId="0" applyFont="1" applyFill="1" applyBorder="1" applyAlignment="1" applyProtection="1">
      <alignment vertical="center"/>
      <protection locked="0"/>
    </xf>
    <xf numFmtId="0" fontId="7" fillId="0" borderId="5" xfId="0" applyFont="1" applyFill="1" applyBorder="1" applyAlignment="1">
      <alignment horizontal="left" vertical="center"/>
    </xf>
    <xf numFmtId="58" fontId="7" fillId="0" borderId="2" xfId="0" applyNumberFormat="1" applyFont="1" applyFill="1" applyBorder="1" applyAlignment="1" applyProtection="1">
      <alignment vertical="center"/>
      <protection locked="0"/>
    </xf>
    <xf numFmtId="0" fontId="12" fillId="0" borderId="6" xfId="0" applyFont="1" applyFill="1" applyBorder="1" applyAlignment="1" applyProtection="1">
      <alignment vertical="center"/>
      <protection locked="0"/>
    </xf>
    <xf numFmtId="0" fontId="7" fillId="0" borderId="0" xfId="0" applyFont="1" applyFill="1" applyBorder="1" applyAlignment="1">
      <alignment horizontal="left" vertical="center"/>
    </xf>
    <xf numFmtId="0" fontId="5" fillId="0" borderId="0" xfId="0" applyFont="1" applyFill="1" applyAlignment="1">
      <alignment vertical="center"/>
    </xf>
    <xf numFmtId="0" fontId="10" fillId="0" borderId="0" xfId="0" applyFont="1" applyFill="1" applyBorder="1" applyAlignment="1">
      <alignment horizontal="left" vertical="center"/>
    </xf>
    <xf numFmtId="0" fontId="10" fillId="0" borderId="4" xfId="0" applyFont="1" applyFill="1" applyBorder="1" applyAlignment="1">
      <alignment horizontal="left" vertical="center"/>
    </xf>
    <xf numFmtId="0" fontId="7" fillId="0" borderId="6" xfId="0" applyNumberFormat="1" applyFont="1" applyFill="1" applyBorder="1" applyAlignment="1" applyProtection="1">
      <alignment vertical="center"/>
      <protection locked="0"/>
    </xf>
    <xf numFmtId="0" fontId="7" fillId="0" borderId="8" xfId="0" applyNumberFormat="1" applyFont="1" applyFill="1" applyBorder="1" applyAlignment="1" applyProtection="1">
      <alignment vertical="center"/>
      <protection locked="0"/>
    </xf>
    <xf numFmtId="0" fontId="25" fillId="0" borderId="0" xfId="0" applyFont="1" applyFill="1" applyBorder="1" applyAlignment="1" applyProtection="1">
      <alignment vertical="center"/>
    </xf>
    <xf numFmtId="0" fontId="7" fillId="0" borderId="0" xfId="0" applyFont="1" applyFill="1" applyBorder="1" applyAlignment="1" applyProtection="1">
      <alignment horizontal="left" vertical="center"/>
    </xf>
    <xf numFmtId="0" fontId="25" fillId="0" borderId="5" xfId="0" applyFont="1" applyFill="1" applyBorder="1" applyAlignment="1" applyProtection="1">
      <alignment vertical="center"/>
    </xf>
    <xf numFmtId="0" fontId="0" fillId="0" borderId="0" xfId="0" applyFont="1" applyFill="1" applyBorder="1"/>
    <xf numFmtId="38" fontId="9" fillId="0" borderId="0" xfId="2" applyFont="1" applyFill="1" applyBorder="1" applyAlignment="1" applyProtection="1">
      <alignment vertical="center"/>
    </xf>
    <xf numFmtId="58" fontId="7" fillId="0" borderId="9" xfId="0" applyNumberFormat="1" applyFont="1" applyFill="1" applyBorder="1" applyAlignment="1" applyProtection="1">
      <alignment vertical="center" shrinkToFit="1"/>
      <protection locked="0"/>
    </xf>
    <xf numFmtId="0" fontId="7" fillId="0" borderId="9" xfId="0" applyFont="1" applyFill="1" applyBorder="1" applyAlignment="1" applyProtection="1">
      <alignment vertical="center" shrinkToFit="1"/>
      <protection locked="0"/>
    </xf>
    <xf numFmtId="0" fontId="7" fillId="0" borderId="9" xfId="0" applyNumberFormat="1" applyFont="1" applyFill="1" applyBorder="1" applyAlignment="1" applyProtection="1">
      <alignment vertical="center" shrinkToFit="1"/>
      <protection locked="0"/>
    </xf>
    <xf numFmtId="0" fontId="7" fillId="0" borderId="0" xfId="0" applyFont="1" applyFill="1" applyBorder="1" applyAlignment="1" applyProtection="1">
      <alignment horizontal="center" vertical="center" wrapText="1"/>
    </xf>
    <xf numFmtId="178" fontId="0" fillId="0" borderId="9" xfId="0" applyNumberFormat="1" applyFont="1" applyFill="1" applyBorder="1" applyAlignment="1" applyProtection="1">
      <alignment vertical="center"/>
      <protection locked="0"/>
    </xf>
    <xf numFmtId="0" fontId="0" fillId="0" borderId="9" xfId="0" applyFont="1" applyFill="1" applyBorder="1" applyAlignment="1" applyProtection="1">
      <alignment vertical="center"/>
      <protection locked="0"/>
    </xf>
    <xf numFmtId="0" fontId="0" fillId="0" borderId="0" xfId="0" applyFont="1" applyFill="1" applyBorder="1" applyAlignment="1" applyProtection="1">
      <alignment vertical="center"/>
    </xf>
    <xf numFmtId="0" fontId="0" fillId="0" borderId="0" xfId="0" applyFont="1" applyFill="1" applyBorder="1" applyProtection="1"/>
    <xf numFmtId="0" fontId="26" fillId="0" borderId="0" xfId="0" applyFont="1" applyFill="1" applyBorder="1" applyAlignment="1" applyProtection="1">
      <alignment vertical="top" wrapText="1"/>
      <protection locked="0"/>
    </xf>
    <xf numFmtId="0" fontId="7" fillId="0" borderId="0" xfId="0" applyFont="1" applyFill="1" applyBorder="1" applyAlignment="1">
      <alignment horizontal="center" vertical="center"/>
    </xf>
    <xf numFmtId="38" fontId="9" fillId="0" borderId="0" xfId="2" applyFont="1" applyFill="1" applyBorder="1" applyAlignment="1">
      <alignment vertical="center"/>
    </xf>
    <xf numFmtId="0" fontId="0" fillId="0" borderId="2" xfId="0" applyFont="1" applyFill="1" applyBorder="1" applyAlignment="1" applyProtection="1">
      <alignment vertical="center"/>
    </xf>
    <xf numFmtId="0" fontId="31" fillId="0" borderId="0" xfId="0" applyFont="1" applyFill="1" applyAlignment="1">
      <alignment vertical="center"/>
    </xf>
    <xf numFmtId="0" fontId="0" fillId="0" borderId="9" xfId="0" applyFont="1" applyFill="1" applyBorder="1" applyAlignment="1" applyProtection="1">
      <alignment vertical="center"/>
    </xf>
    <xf numFmtId="0" fontId="7" fillId="0" borderId="1" xfId="0" applyFont="1" applyFill="1" applyBorder="1" applyAlignment="1" applyProtection="1">
      <alignment vertical="center"/>
    </xf>
    <xf numFmtId="0" fontId="0" fillId="0" borderId="6" xfId="0" applyFont="1" applyFill="1" applyBorder="1" applyAlignment="1"/>
    <xf numFmtId="0" fontId="0" fillId="0" borderId="8" xfId="0" applyFont="1" applyFill="1" applyBorder="1" applyAlignment="1"/>
    <xf numFmtId="179" fontId="7" fillId="0" borderId="3" xfId="0" applyNumberFormat="1" applyFont="1" applyFill="1" applyBorder="1" applyAlignment="1" applyProtection="1">
      <alignment vertical="center"/>
    </xf>
    <xf numFmtId="0" fontId="0" fillId="0" borderId="5" xfId="0" applyFont="1" applyFill="1" applyBorder="1" applyAlignment="1"/>
    <xf numFmtId="0" fontId="0" fillId="0" borderId="7" xfId="0" applyFont="1" applyFill="1" applyBorder="1" applyAlignment="1"/>
    <xf numFmtId="0" fontId="5" fillId="0" borderId="4" xfId="0" applyFont="1" applyFill="1" applyBorder="1" applyAlignment="1" applyProtection="1">
      <alignment vertical="center" wrapText="1"/>
      <protection locked="0"/>
    </xf>
    <xf numFmtId="0" fontId="5" fillId="0" borderId="0" xfId="0" applyFont="1" applyFill="1" applyBorder="1" applyAlignment="1" applyProtection="1">
      <alignment vertical="center" wrapText="1"/>
      <protection locked="0"/>
    </xf>
    <xf numFmtId="178" fontId="0" fillId="0" borderId="9" xfId="0" applyNumberFormat="1" applyFont="1" applyFill="1" applyBorder="1" applyAlignment="1" applyProtection="1">
      <alignment vertical="center"/>
    </xf>
    <xf numFmtId="0" fontId="27" fillId="0" borderId="0" xfId="0" applyFont="1" applyFill="1" applyBorder="1" applyAlignment="1" applyProtection="1">
      <alignment vertical="center"/>
    </xf>
    <xf numFmtId="0" fontId="5" fillId="0" borderId="6" xfId="0" applyFont="1" applyFill="1" applyBorder="1" applyAlignment="1">
      <alignment vertical="center"/>
    </xf>
    <xf numFmtId="0" fontId="0" fillId="0" borderId="5" xfId="0" applyFont="1" applyFill="1" applyBorder="1" applyAlignment="1" applyProtection="1">
      <alignment vertical="center"/>
    </xf>
    <xf numFmtId="0" fontId="5" fillId="0" borderId="9" xfId="0" applyFont="1" applyFill="1" applyBorder="1" applyAlignment="1">
      <alignment vertical="center"/>
    </xf>
    <xf numFmtId="0" fontId="25" fillId="0" borderId="10" xfId="0" applyFont="1" applyFill="1" applyBorder="1" applyAlignment="1" applyProtection="1">
      <alignment vertical="center"/>
    </xf>
    <xf numFmtId="0" fontId="0" fillId="0" borderId="2" xfId="0" applyFont="1" applyFill="1" applyBorder="1" applyAlignment="1" applyProtection="1">
      <alignment vertical="center"/>
      <protection locked="0"/>
    </xf>
    <xf numFmtId="58" fontId="7" fillId="0" borderId="0" xfId="0" applyNumberFormat="1" applyFont="1" applyFill="1" applyBorder="1" applyAlignment="1" applyProtection="1">
      <alignment horizontal="center" vertical="center"/>
      <protection locked="0"/>
    </xf>
    <xf numFmtId="0" fontId="25" fillId="0" borderId="0" xfId="0" applyFont="1" applyFill="1" applyBorder="1" applyAlignment="1" applyProtection="1">
      <alignment vertical="center" shrinkToFit="1"/>
      <protection locked="0"/>
    </xf>
    <xf numFmtId="0" fontId="5" fillId="0" borderId="11" xfId="0" applyFont="1" applyFill="1" applyBorder="1" applyAlignment="1" applyProtection="1">
      <alignment vertical="center"/>
    </xf>
    <xf numFmtId="0" fontId="7" fillId="0" borderId="0" xfId="0" applyFont="1" applyFill="1" applyBorder="1" applyAlignment="1">
      <alignment vertical="center" shrinkToFit="1"/>
    </xf>
    <xf numFmtId="0" fontId="0" fillId="0" borderId="4" xfId="0" applyFont="1" applyFill="1" applyBorder="1" applyAlignment="1" applyProtection="1">
      <alignment vertical="center"/>
    </xf>
    <xf numFmtId="178" fontId="0" fillId="0" borderId="4" xfId="0" applyNumberFormat="1" applyFont="1" applyFill="1" applyBorder="1" applyAlignment="1" applyProtection="1">
      <alignment vertical="center"/>
    </xf>
    <xf numFmtId="178" fontId="7" fillId="0" borderId="9" xfId="0" applyNumberFormat="1" applyFont="1" applyFill="1" applyBorder="1" applyAlignment="1" applyProtection="1">
      <alignment vertical="center"/>
      <protection locked="0"/>
    </xf>
    <xf numFmtId="0" fontId="7" fillId="0" borderId="9" xfId="0" applyFont="1" applyFill="1" applyBorder="1" applyAlignment="1" applyProtection="1">
      <alignment vertical="center"/>
      <protection locked="0"/>
    </xf>
    <xf numFmtId="0" fontId="0" fillId="0" borderId="2" xfId="0" applyFont="1" applyFill="1" applyBorder="1" applyAlignment="1">
      <alignment vertical="center"/>
    </xf>
    <xf numFmtId="0" fontId="7" fillId="0" borderId="9" xfId="0" applyFont="1" applyFill="1" applyBorder="1" applyAlignment="1">
      <alignment vertical="center"/>
    </xf>
    <xf numFmtId="0" fontId="0" fillId="0" borderId="0" xfId="0" applyFont="1" applyFill="1" applyBorder="1" applyAlignment="1" applyProtection="1"/>
    <xf numFmtId="0" fontId="20" fillId="0" borderId="0" xfId="0" applyFont="1" applyFill="1" applyBorder="1" applyAlignment="1" applyProtection="1">
      <alignment vertical="center" shrinkToFit="1"/>
      <protection locked="0"/>
    </xf>
    <xf numFmtId="0" fontId="25" fillId="0" borderId="9" xfId="0" applyFont="1" applyFill="1" applyBorder="1" applyAlignment="1" applyProtection="1">
      <alignment vertical="center" shrinkToFit="1"/>
      <protection locked="0"/>
    </xf>
    <xf numFmtId="0" fontId="5" fillId="0" borderId="6" xfId="0" applyFont="1" applyFill="1" applyBorder="1" applyAlignment="1" applyProtection="1">
      <alignment vertical="center"/>
    </xf>
    <xf numFmtId="0" fontId="25" fillId="0" borderId="6" xfId="0" applyFont="1" applyFill="1" applyBorder="1" applyAlignment="1" applyProtection="1">
      <alignment vertical="center"/>
    </xf>
    <xf numFmtId="0" fontId="25" fillId="0" borderId="0" xfId="0" applyFont="1" applyFill="1" applyAlignment="1">
      <alignment vertical="center"/>
    </xf>
    <xf numFmtId="181" fontId="0" fillId="0" borderId="9" xfId="0" applyNumberFormat="1" applyFont="1" applyFill="1" applyBorder="1" applyAlignment="1" applyProtection="1">
      <alignment vertical="center"/>
      <protection locked="0"/>
    </xf>
    <xf numFmtId="0" fontId="15" fillId="0" borderId="0" xfId="0" applyFont="1" applyFill="1" applyBorder="1" applyAlignment="1">
      <alignment horizontal="left" vertical="center"/>
    </xf>
    <xf numFmtId="0" fontId="0" fillId="0" borderId="9" xfId="0" applyFont="1" applyFill="1" applyBorder="1" applyAlignment="1">
      <alignment vertical="center"/>
    </xf>
    <xf numFmtId="0" fontId="25" fillId="0" borderId="0" xfId="0" applyFont="1" applyFill="1" applyBorder="1" applyAlignment="1">
      <alignment vertical="center"/>
    </xf>
    <xf numFmtId="183" fontId="0" fillId="0" borderId="0" xfId="0" applyNumberFormat="1" applyFont="1" applyFill="1" applyBorder="1" applyAlignment="1" applyProtection="1">
      <alignment horizontal="left" vertical="center"/>
    </xf>
    <xf numFmtId="0" fontId="7" fillId="0" borderId="9" xfId="0" applyFont="1" applyFill="1" applyBorder="1" applyAlignment="1" applyProtection="1">
      <alignment vertical="top" wrapText="1"/>
      <protection locked="0"/>
    </xf>
    <xf numFmtId="0" fontId="5" fillId="0" borderId="9" xfId="0" applyFont="1" applyFill="1" applyBorder="1" applyAlignment="1" applyProtection="1">
      <alignment vertical="center"/>
    </xf>
    <xf numFmtId="0" fontId="9" fillId="0" borderId="1" xfId="0" applyFont="1" applyFill="1" applyBorder="1" applyAlignment="1" applyProtection="1">
      <alignment vertical="center"/>
    </xf>
    <xf numFmtId="0" fontId="9" fillId="0" borderId="8" xfId="0" applyFont="1" applyFill="1" applyBorder="1" applyAlignment="1" applyProtection="1">
      <alignment vertical="center"/>
    </xf>
    <xf numFmtId="0" fontId="9" fillId="0" borderId="3" xfId="0" applyFont="1" applyFill="1" applyBorder="1" applyAlignment="1" applyProtection="1">
      <alignment vertical="center"/>
    </xf>
    <xf numFmtId="0" fontId="9" fillId="0" borderId="7" xfId="0" applyFont="1" applyFill="1" applyBorder="1" applyAlignment="1" applyProtection="1">
      <alignment vertical="center"/>
    </xf>
    <xf numFmtId="0" fontId="9" fillId="0" borderId="2" xfId="0" applyFont="1" applyFill="1" applyBorder="1" applyAlignment="1" applyProtection="1">
      <alignment vertical="center"/>
    </xf>
    <xf numFmtId="0" fontId="9" fillId="0" borderId="4" xfId="0" applyFont="1" applyFill="1" applyBorder="1" applyAlignment="1" applyProtection="1">
      <alignment vertical="center"/>
    </xf>
    <xf numFmtId="0" fontId="5" fillId="0" borderId="0" xfId="0" applyFont="1" applyFill="1" applyBorder="1" applyAlignment="1" applyProtection="1">
      <alignment horizontal="center" vertical="center"/>
    </xf>
    <xf numFmtId="0" fontId="7" fillId="0" borderId="0" xfId="0" applyFont="1" applyFill="1" applyBorder="1" applyAlignment="1" applyProtection="1">
      <alignment vertical="center" shrinkToFit="1"/>
    </xf>
    <xf numFmtId="0" fontId="33" fillId="0" borderId="6" xfId="0" applyFont="1" applyFill="1" applyBorder="1" applyAlignment="1">
      <alignment horizontal="left" vertical="center"/>
    </xf>
    <xf numFmtId="0" fontId="33" fillId="0" borderId="8" xfId="0" applyFont="1" applyFill="1" applyBorder="1" applyAlignment="1">
      <alignment horizontal="left" vertical="center"/>
    </xf>
    <xf numFmtId="0" fontId="7" fillId="0" borderId="0" xfId="0" applyFont="1" applyFill="1" applyBorder="1" applyAlignment="1" applyProtection="1">
      <alignment vertical="center"/>
      <protection locked="0"/>
    </xf>
    <xf numFmtId="0" fontId="7" fillId="0" borderId="4" xfId="0" applyFont="1" applyFill="1" applyBorder="1" applyAlignment="1" applyProtection="1">
      <alignment vertical="center"/>
      <protection locked="0"/>
    </xf>
    <xf numFmtId="0" fontId="7" fillId="0" borderId="2" xfId="0" applyFont="1" applyFill="1" applyBorder="1" applyAlignment="1" applyProtection="1">
      <alignment horizontal="left" vertical="center"/>
      <protection locked="0"/>
    </xf>
    <xf numFmtId="58" fontId="7" fillId="0" borderId="2" xfId="0" applyNumberFormat="1" applyFont="1" applyFill="1" applyBorder="1" applyAlignment="1" applyProtection="1">
      <alignment horizontal="left" vertical="center"/>
      <protection locked="0"/>
    </xf>
    <xf numFmtId="58" fontId="7" fillId="0" borderId="0" xfId="0" applyNumberFormat="1" applyFont="1" applyFill="1" applyBorder="1" applyAlignment="1" applyProtection="1">
      <alignment horizontal="left" vertical="center"/>
      <protection locked="0"/>
    </xf>
    <xf numFmtId="58" fontId="7" fillId="0" borderId="4" xfId="0" applyNumberFormat="1" applyFont="1" applyFill="1" applyBorder="1" applyAlignment="1" applyProtection="1">
      <alignment horizontal="left" vertical="center"/>
      <protection locked="0"/>
    </xf>
    <xf numFmtId="0" fontId="7" fillId="0" borderId="2" xfId="0" applyFont="1" applyFill="1" applyBorder="1" applyAlignment="1" applyProtection="1">
      <alignment vertical="center"/>
      <protection locked="0"/>
    </xf>
    <xf numFmtId="0" fontId="10" fillId="0" borderId="0" xfId="0" applyFont="1" applyFill="1" applyBorder="1" applyAlignment="1">
      <alignment horizontal="left" vertical="center"/>
    </xf>
    <xf numFmtId="0" fontId="10" fillId="0" borderId="4" xfId="0" applyFont="1" applyFill="1" applyBorder="1" applyAlignment="1">
      <alignment horizontal="left" vertical="center"/>
    </xf>
    <xf numFmtId="186" fontId="9" fillId="0" borderId="1" xfId="0" applyNumberFormat="1" applyFont="1" applyFill="1" applyBorder="1" applyAlignment="1" applyProtection="1">
      <alignment horizontal="right" vertical="center"/>
    </xf>
    <xf numFmtId="186" fontId="9" fillId="0" borderId="6" xfId="0" applyNumberFormat="1" applyFont="1" applyFill="1" applyBorder="1" applyAlignment="1" applyProtection="1">
      <alignment horizontal="right" vertical="center"/>
    </xf>
    <xf numFmtId="186" fontId="9" fillId="0" borderId="8" xfId="0" applyNumberFormat="1" applyFont="1" applyFill="1" applyBorder="1" applyAlignment="1" applyProtection="1">
      <alignment horizontal="right" vertical="center"/>
    </xf>
    <xf numFmtId="186" fontId="9" fillId="0" borderId="3" xfId="0" applyNumberFormat="1" applyFont="1" applyFill="1" applyBorder="1" applyAlignment="1" applyProtection="1">
      <alignment horizontal="right" vertical="center"/>
    </xf>
    <xf numFmtId="186" fontId="9" fillId="0" borderId="5" xfId="0" applyNumberFormat="1" applyFont="1" applyFill="1" applyBorder="1" applyAlignment="1" applyProtection="1">
      <alignment horizontal="right" vertical="center"/>
    </xf>
    <xf numFmtId="186" fontId="9" fillId="0" borderId="7" xfId="0" applyNumberFormat="1" applyFont="1" applyFill="1" applyBorder="1" applyAlignment="1" applyProtection="1">
      <alignment horizontal="right" vertical="center"/>
    </xf>
    <xf numFmtId="0" fontId="7" fillId="0" borderId="2" xfId="0" applyFont="1" applyFill="1" applyBorder="1" applyAlignment="1" applyProtection="1">
      <alignment horizontal="left" vertical="center" shrinkToFit="1"/>
      <protection locked="0"/>
    </xf>
    <xf numFmtId="0" fontId="7" fillId="0" borderId="0" xfId="0" applyFont="1" applyFill="1" applyBorder="1" applyAlignment="1" applyProtection="1">
      <alignment horizontal="left" vertical="center" shrinkToFit="1"/>
      <protection locked="0"/>
    </xf>
    <xf numFmtId="0" fontId="7" fillId="0" borderId="4" xfId="0" applyFont="1" applyFill="1" applyBorder="1" applyAlignment="1" applyProtection="1">
      <alignment horizontal="left" vertical="center" shrinkToFit="1"/>
      <protection locked="0"/>
    </xf>
    <xf numFmtId="0" fontId="0" fillId="0" borderId="2" xfId="0" applyFont="1" applyFill="1" applyBorder="1" applyAlignment="1" applyProtection="1">
      <alignment horizontal="left" vertical="center"/>
      <protection locked="0"/>
    </xf>
    <xf numFmtId="0" fontId="0" fillId="0" borderId="0" xfId="0" applyFont="1" applyFill="1" applyBorder="1" applyAlignment="1" applyProtection="1">
      <alignment horizontal="left" vertical="center"/>
      <protection locked="0"/>
    </xf>
    <xf numFmtId="0" fontId="0" fillId="0" borderId="0" xfId="0" applyFont="1" applyFill="1" applyAlignment="1">
      <alignment horizontal="left" vertical="center"/>
    </xf>
    <xf numFmtId="0" fontId="0" fillId="0" borderId="4" xfId="0" applyFont="1" applyFill="1" applyBorder="1" applyAlignment="1">
      <alignment horizontal="left" vertical="center"/>
    </xf>
    <xf numFmtId="185" fontId="9" fillId="0" borderId="1" xfId="2" applyNumberFormat="1" applyFont="1" applyFill="1" applyBorder="1" applyAlignment="1" applyProtection="1">
      <alignment horizontal="right" vertical="center"/>
    </xf>
    <xf numFmtId="185" fontId="9" fillId="0" borderId="6" xfId="2" applyNumberFormat="1" applyFont="1" applyFill="1" applyBorder="1" applyAlignment="1" applyProtection="1">
      <alignment horizontal="right" vertical="center"/>
    </xf>
    <xf numFmtId="185" fontId="9" fillId="0" borderId="8" xfId="2" applyNumberFormat="1" applyFont="1" applyFill="1" applyBorder="1" applyAlignment="1" applyProtection="1">
      <alignment horizontal="right" vertical="center"/>
    </xf>
    <xf numFmtId="185" fontId="9" fillId="0" borderId="3" xfId="2" applyNumberFormat="1" applyFont="1" applyFill="1" applyBorder="1" applyAlignment="1" applyProtection="1">
      <alignment horizontal="right" vertical="center"/>
    </xf>
    <xf numFmtId="185" fontId="9" fillId="0" borderId="5" xfId="2" applyNumberFormat="1" applyFont="1" applyFill="1" applyBorder="1" applyAlignment="1" applyProtection="1">
      <alignment horizontal="right" vertical="center"/>
    </xf>
    <xf numFmtId="185" fontId="9" fillId="0" borderId="7" xfId="2" applyNumberFormat="1" applyFont="1" applyFill="1" applyBorder="1" applyAlignment="1" applyProtection="1">
      <alignment horizontal="right" vertical="center"/>
    </xf>
    <xf numFmtId="187" fontId="9" fillId="0" borderId="1" xfId="0" applyNumberFormat="1" applyFont="1" applyFill="1" applyBorder="1" applyAlignment="1" applyProtection="1">
      <alignment horizontal="right" vertical="center"/>
    </xf>
    <xf numFmtId="187" fontId="9" fillId="0" borderId="6" xfId="0" applyNumberFormat="1" applyFont="1" applyFill="1" applyBorder="1" applyAlignment="1" applyProtection="1">
      <alignment horizontal="right" vertical="center"/>
    </xf>
    <xf numFmtId="187" fontId="9" fillId="0" borderId="8" xfId="0" applyNumberFormat="1" applyFont="1" applyFill="1" applyBorder="1" applyAlignment="1" applyProtection="1">
      <alignment horizontal="right" vertical="center"/>
    </xf>
    <xf numFmtId="187" fontId="9" fillId="0" borderId="3" xfId="0" applyNumberFormat="1" applyFont="1" applyFill="1" applyBorder="1" applyAlignment="1" applyProtection="1">
      <alignment horizontal="right" vertical="center"/>
    </xf>
    <xf numFmtId="187" fontId="9" fillId="0" borderId="5" xfId="0" applyNumberFormat="1" applyFont="1" applyFill="1" applyBorder="1" applyAlignment="1" applyProtection="1">
      <alignment horizontal="right" vertical="center"/>
    </xf>
    <xf numFmtId="187" fontId="9" fillId="0" borderId="7" xfId="0" applyNumberFormat="1" applyFont="1" applyFill="1" applyBorder="1" applyAlignment="1" applyProtection="1">
      <alignment horizontal="right" vertical="center"/>
    </xf>
    <xf numFmtId="0" fontId="7" fillId="0" borderId="3" xfId="0" applyFont="1" applyFill="1" applyBorder="1" applyAlignment="1" applyProtection="1">
      <alignment horizontal="left" vertical="center" shrinkToFit="1"/>
      <protection locked="0"/>
    </xf>
    <xf numFmtId="0" fontId="7" fillId="0" borderId="5" xfId="0" applyFont="1" applyFill="1" applyBorder="1" applyAlignment="1" applyProtection="1">
      <alignment horizontal="left" vertical="center" shrinkToFit="1"/>
      <protection locked="0"/>
    </xf>
    <xf numFmtId="0" fontId="7" fillId="0" borderId="7" xfId="0" applyFont="1" applyFill="1" applyBorder="1" applyAlignment="1" applyProtection="1">
      <alignment horizontal="left" vertical="center" shrinkToFit="1"/>
      <protection locked="0"/>
    </xf>
    <xf numFmtId="0" fontId="0" fillId="0" borderId="3" xfId="0" applyFont="1" applyFill="1" applyBorder="1" applyAlignment="1" applyProtection="1">
      <alignment horizontal="left" vertical="center"/>
      <protection locked="0"/>
    </xf>
    <xf numFmtId="0" fontId="0" fillId="0" borderId="5" xfId="0" applyFont="1" applyFill="1" applyBorder="1" applyAlignment="1" applyProtection="1">
      <alignment horizontal="left" vertical="center"/>
      <protection locked="0"/>
    </xf>
    <xf numFmtId="0" fontId="0" fillId="0" borderId="5" xfId="0" applyFont="1" applyFill="1" applyBorder="1" applyAlignment="1">
      <alignment horizontal="left" vertical="center"/>
    </xf>
    <xf numFmtId="0" fontId="0" fillId="0" borderId="7" xfId="0" applyFont="1" applyFill="1" applyBorder="1" applyAlignment="1">
      <alignment horizontal="left" vertical="center"/>
    </xf>
    <xf numFmtId="0" fontId="12" fillId="0" borderId="1" xfId="0" applyFont="1" applyFill="1" applyBorder="1" applyAlignment="1" applyProtection="1">
      <alignment horizontal="distributed" vertical="center" wrapText="1"/>
    </xf>
    <xf numFmtId="0" fontId="0" fillId="0" borderId="6" xfId="0" applyFont="1" applyFill="1" applyBorder="1"/>
    <xf numFmtId="0" fontId="0" fillId="0" borderId="8" xfId="0" applyFont="1" applyFill="1" applyBorder="1"/>
    <xf numFmtId="0" fontId="0" fillId="0" borderId="3" xfId="0" applyFont="1" applyFill="1" applyBorder="1"/>
    <xf numFmtId="0" fontId="0" fillId="0" borderId="5" xfId="0" applyFont="1" applyFill="1" applyBorder="1"/>
    <xf numFmtId="0" fontId="0" fillId="0" borderId="7" xfId="0" applyFont="1" applyFill="1" applyBorder="1"/>
    <xf numFmtId="0" fontId="17" fillId="0" borderId="1" xfId="0" applyFont="1" applyFill="1" applyBorder="1" applyAlignment="1" applyProtection="1">
      <alignment horizontal="distributed" vertical="center" wrapText="1"/>
    </xf>
    <xf numFmtId="0" fontId="16" fillId="0" borderId="1" xfId="0" applyFont="1" applyFill="1" applyBorder="1" applyAlignment="1" applyProtection="1">
      <alignment horizontal="distributed" vertical="center" wrapText="1"/>
    </xf>
    <xf numFmtId="0" fontId="16" fillId="0" borderId="6" xfId="0" applyFont="1" applyFill="1" applyBorder="1" applyAlignment="1" applyProtection="1">
      <alignment horizontal="distributed" vertical="center" wrapText="1"/>
    </xf>
    <xf numFmtId="178" fontId="7" fillId="0" borderId="2" xfId="0" applyNumberFormat="1" applyFont="1" applyFill="1" applyBorder="1" applyAlignment="1" applyProtection="1">
      <alignment horizontal="right" vertical="center" shrinkToFit="1"/>
      <protection locked="0"/>
    </xf>
    <xf numFmtId="178" fontId="7" fillId="0" borderId="0" xfId="0" applyNumberFormat="1" applyFont="1" applyFill="1" applyBorder="1" applyAlignment="1" applyProtection="1">
      <alignment horizontal="right" vertical="center" shrinkToFit="1"/>
      <protection locked="0"/>
    </xf>
    <xf numFmtId="178" fontId="7" fillId="0" borderId="4" xfId="0" applyNumberFormat="1" applyFont="1" applyFill="1" applyBorder="1" applyAlignment="1" applyProtection="1">
      <alignment horizontal="right" vertical="center" shrinkToFit="1"/>
      <protection locked="0"/>
    </xf>
    <xf numFmtId="0" fontId="12" fillId="0" borderId="6" xfId="0" applyFont="1" applyFill="1" applyBorder="1" applyAlignment="1" applyProtection="1">
      <alignment horizontal="distributed" vertical="center" wrapText="1"/>
    </xf>
    <xf numFmtId="0" fontId="25" fillId="0" borderId="5" xfId="0" applyFont="1" applyFill="1" applyBorder="1" applyAlignment="1" applyProtection="1">
      <alignment vertical="center"/>
    </xf>
    <xf numFmtId="180" fontId="0" fillId="0" borderId="10" xfId="0" applyNumberFormat="1" applyFont="1" applyFill="1" applyBorder="1" applyAlignment="1">
      <alignment horizontal="left" vertical="center"/>
    </xf>
    <xf numFmtId="0" fontId="0" fillId="0" borderId="10" xfId="0" applyFont="1" applyFill="1" applyBorder="1" applyAlignment="1">
      <alignment horizontal="right" vertical="center"/>
    </xf>
    <xf numFmtId="0" fontId="0" fillId="0" borderId="10" xfId="0" applyFont="1" applyFill="1" applyBorder="1"/>
    <xf numFmtId="0" fontId="7" fillId="0" borderId="6" xfId="0" applyFont="1" applyFill="1" applyBorder="1" applyAlignment="1" applyProtection="1">
      <alignment horizontal="left" vertical="center"/>
    </xf>
    <xf numFmtId="0" fontId="9" fillId="0" borderId="1" xfId="0" applyFont="1" applyFill="1" applyBorder="1" applyAlignment="1" applyProtection="1">
      <alignment horizontal="right" vertical="center"/>
    </xf>
    <xf numFmtId="0" fontId="9" fillId="0" borderId="6" xfId="0" applyFont="1" applyFill="1" applyBorder="1" applyAlignment="1" applyProtection="1">
      <alignment horizontal="right" vertical="center"/>
    </xf>
    <xf numFmtId="40" fontId="9" fillId="0" borderId="1" xfId="2" applyNumberFormat="1" applyFont="1" applyFill="1" applyBorder="1" applyAlignment="1" applyProtection="1">
      <alignment vertical="center"/>
    </xf>
    <xf numFmtId="0" fontId="9" fillId="0" borderId="6" xfId="0" applyFont="1" applyFill="1" applyBorder="1" applyAlignment="1" applyProtection="1">
      <alignment vertical="center"/>
    </xf>
    <xf numFmtId="0" fontId="0" fillId="0" borderId="6" xfId="0" applyFont="1" applyFill="1" applyBorder="1" applyAlignment="1"/>
    <xf numFmtId="0" fontId="0" fillId="0" borderId="8" xfId="0" applyFont="1" applyFill="1" applyBorder="1" applyAlignment="1"/>
    <xf numFmtId="0" fontId="0" fillId="0" borderId="5" xfId="0" applyFont="1" applyFill="1" applyBorder="1" applyAlignment="1"/>
    <xf numFmtId="0" fontId="0" fillId="0" borderId="7" xfId="0" applyFont="1" applyFill="1" applyBorder="1" applyAlignment="1"/>
    <xf numFmtId="38" fontId="9" fillId="0" borderId="1" xfId="2" applyFont="1" applyFill="1" applyBorder="1" applyAlignment="1" applyProtection="1">
      <alignment horizontal="right" vertical="center"/>
    </xf>
    <xf numFmtId="181" fontId="7" fillId="0" borderId="2" xfId="0" applyNumberFormat="1" applyFont="1" applyFill="1" applyBorder="1" applyAlignment="1" applyProtection="1">
      <alignment horizontal="right" vertical="center" shrinkToFit="1"/>
      <protection locked="0"/>
    </xf>
    <xf numFmtId="181" fontId="7" fillId="0" borderId="0" xfId="0" applyNumberFormat="1" applyFont="1" applyFill="1" applyBorder="1" applyAlignment="1" applyProtection="1">
      <alignment horizontal="right" vertical="center" shrinkToFit="1"/>
      <protection locked="0"/>
    </xf>
    <xf numFmtId="181" fontId="7" fillId="0" borderId="4" xfId="0" applyNumberFormat="1" applyFont="1" applyFill="1" applyBorder="1" applyAlignment="1" applyProtection="1">
      <alignment horizontal="right" vertical="center" shrinkToFit="1"/>
      <protection locked="0"/>
    </xf>
    <xf numFmtId="58" fontId="7" fillId="0" borderId="2" xfId="0" applyNumberFormat="1" applyFont="1" applyFill="1" applyBorder="1" applyAlignment="1" applyProtection="1">
      <alignment horizontal="left" vertical="center" shrinkToFit="1"/>
      <protection locked="0"/>
    </xf>
    <xf numFmtId="58" fontId="7" fillId="0" borderId="0" xfId="0" applyNumberFormat="1" applyFont="1" applyFill="1" applyBorder="1" applyAlignment="1" applyProtection="1">
      <alignment horizontal="left" vertical="center" shrinkToFit="1"/>
      <protection locked="0"/>
    </xf>
    <xf numFmtId="58" fontId="7" fillId="0" borderId="4" xfId="0" applyNumberFormat="1" applyFont="1" applyFill="1" applyBorder="1" applyAlignment="1" applyProtection="1">
      <alignment horizontal="left" vertical="center" shrinkToFit="1"/>
      <protection locked="0"/>
    </xf>
    <xf numFmtId="182" fontId="9" fillId="0" borderId="1" xfId="0" applyNumberFormat="1" applyFont="1" applyFill="1" applyBorder="1" applyAlignment="1" applyProtection="1">
      <alignment horizontal="right" vertical="center"/>
    </xf>
    <xf numFmtId="182" fontId="9" fillId="0" borderId="6" xfId="0" applyNumberFormat="1" applyFont="1" applyFill="1" applyBorder="1" applyAlignment="1" applyProtection="1">
      <alignment horizontal="right" vertical="center"/>
    </xf>
    <xf numFmtId="182" fontId="0" fillId="0" borderId="6" xfId="0" applyNumberFormat="1" applyFont="1" applyFill="1" applyBorder="1"/>
    <xf numFmtId="182" fontId="0" fillId="0" borderId="3" xfId="0" applyNumberFormat="1" applyFont="1" applyFill="1" applyBorder="1"/>
    <xf numFmtId="182" fontId="0" fillId="0" borderId="5" xfId="0" applyNumberFormat="1" applyFont="1" applyFill="1" applyBorder="1"/>
    <xf numFmtId="0" fontId="7" fillId="0" borderId="6" xfId="0" applyFont="1" applyFill="1" applyBorder="1" applyAlignment="1" applyProtection="1">
      <alignment vertical="center"/>
    </xf>
    <xf numFmtId="0" fontId="7" fillId="0" borderId="8" xfId="0" applyFont="1" applyFill="1" applyBorder="1" applyAlignment="1" applyProtection="1">
      <alignment vertical="center"/>
    </xf>
    <xf numFmtId="0" fontId="7" fillId="0" borderId="5" xfId="0" applyFont="1" applyFill="1" applyBorder="1" applyAlignment="1" applyProtection="1">
      <alignment vertical="center"/>
    </xf>
    <xf numFmtId="0" fontId="7" fillId="0" borderId="7" xfId="0" applyFont="1" applyFill="1" applyBorder="1" applyAlignment="1" applyProtection="1">
      <alignment vertical="center"/>
    </xf>
    <xf numFmtId="38" fontId="9" fillId="0" borderId="1" xfId="2" applyFont="1" applyFill="1" applyBorder="1" applyAlignment="1" applyProtection="1">
      <alignment vertical="center"/>
    </xf>
    <xf numFmtId="38" fontId="9" fillId="0" borderId="6" xfId="2" applyFont="1" applyFill="1" applyBorder="1" applyAlignment="1" applyProtection="1">
      <alignment vertical="center"/>
    </xf>
    <xf numFmtId="176" fontId="9" fillId="0" borderId="13" xfId="0" applyNumberFormat="1" applyFont="1" applyFill="1" applyBorder="1" applyAlignment="1" applyProtection="1">
      <alignment vertical="center"/>
    </xf>
    <xf numFmtId="0" fontId="7" fillId="0" borderId="13" xfId="0" applyFont="1" applyFill="1" applyBorder="1" applyAlignment="1" applyProtection="1">
      <alignment horizontal="center" vertical="center"/>
    </xf>
    <xf numFmtId="38" fontId="9" fillId="0" borderId="8" xfId="2" applyFont="1" applyFill="1" applyBorder="1" applyAlignment="1" applyProtection="1">
      <alignment vertical="center"/>
    </xf>
    <xf numFmtId="38" fontId="9" fillId="0" borderId="3" xfId="2" applyFont="1" applyFill="1" applyBorder="1" applyAlignment="1" applyProtection="1">
      <alignment vertical="center"/>
    </xf>
    <xf numFmtId="38" fontId="9" fillId="0" borderId="5" xfId="2" applyFont="1" applyFill="1" applyBorder="1" applyAlignment="1" applyProtection="1">
      <alignment vertical="center"/>
    </xf>
    <xf numFmtId="38" fontId="9" fillId="0" borderId="7" xfId="2" applyFont="1" applyFill="1" applyBorder="1" applyAlignment="1" applyProtection="1">
      <alignment vertical="center"/>
    </xf>
    <xf numFmtId="0" fontId="7" fillId="0" borderId="1" xfId="0" applyFont="1" applyFill="1" applyBorder="1" applyAlignment="1" applyProtection="1">
      <alignment horizontal="center" vertical="center"/>
    </xf>
    <xf numFmtId="0" fontId="7" fillId="0" borderId="6" xfId="0" applyFont="1" applyFill="1" applyBorder="1" applyAlignment="1" applyProtection="1">
      <alignment horizontal="center" vertical="center"/>
    </xf>
    <xf numFmtId="0" fontId="7" fillId="0" borderId="8" xfId="0" applyFont="1" applyFill="1" applyBorder="1" applyAlignment="1" applyProtection="1">
      <alignment horizontal="center" vertical="center"/>
    </xf>
    <xf numFmtId="0" fontId="7" fillId="0" borderId="3" xfId="0" applyFont="1" applyFill="1" applyBorder="1" applyAlignment="1" applyProtection="1">
      <alignment horizontal="center" vertical="center"/>
    </xf>
    <xf numFmtId="0" fontId="7" fillId="0" borderId="5" xfId="0" applyFont="1" applyFill="1" applyBorder="1" applyAlignment="1" applyProtection="1">
      <alignment horizontal="center" vertical="center"/>
    </xf>
    <xf numFmtId="0" fontId="7" fillId="0" borderId="7" xfId="0" applyFont="1" applyFill="1" applyBorder="1" applyAlignment="1" applyProtection="1">
      <alignment horizontal="center" vertical="center"/>
    </xf>
    <xf numFmtId="0" fontId="25" fillId="0" borderId="5" xfId="0" applyFont="1" applyFill="1" applyBorder="1" applyAlignment="1" applyProtection="1">
      <alignment vertical="center" shrinkToFit="1"/>
      <protection locked="0"/>
    </xf>
    <xf numFmtId="0" fontId="25" fillId="0" borderId="0" xfId="0" applyFont="1" applyFill="1" applyBorder="1" applyAlignment="1" applyProtection="1">
      <alignment horizontal="left" vertical="center" shrinkToFit="1"/>
      <protection locked="0"/>
    </xf>
    <xf numFmtId="0" fontId="7" fillId="0" borderId="13" xfId="0" applyFont="1" applyFill="1" applyBorder="1" applyAlignment="1" applyProtection="1">
      <alignment horizontal="center" vertical="center" wrapText="1"/>
    </xf>
    <xf numFmtId="0" fontId="7" fillId="0" borderId="1" xfId="0" applyFont="1" applyFill="1" applyBorder="1" applyAlignment="1" applyProtection="1">
      <alignment horizontal="center" vertical="center" wrapText="1"/>
    </xf>
    <xf numFmtId="0" fontId="7" fillId="0" borderId="1" xfId="0" applyFont="1" applyFill="1" applyBorder="1" applyAlignment="1" applyProtection="1">
      <alignment horizontal="left" vertical="top" wrapText="1"/>
      <protection locked="0"/>
    </xf>
    <xf numFmtId="0" fontId="7" fillId="0" borderId="6" xfId="0" applyFont="1" applyFill="1" applyBorder="1" applyAlignment="1" applyProtection="1">
      <alignment horizontal="left" vertical="top" wrapText="1"/>
      <protection locked="0"/>
    </xf>
    <xf numFmtId="0" fontId="7" fillId="0" borderId="8" xfId="0" applyFont="1" applyFill="1" applyBorder="1" applyAlignment="1" applyProtection="1">
      <alignment horizontal="left" vertical="top" wrapText="1"/>
      <protection locked="0"/>
    </xf>
    <xf numFmtId="0" fontId="7" fillId="0" borderId="2" xfId="0" applyFont="1" applyFill="1" applyBorder="1" applyAlignment="1" applyProtection="1">
      <alignment horizontal="left" vertical="top" wrapText="1"/>
      <protection locked="0"/>
    </xf>
    <xf numFmtId="0" fontId="7" fillId="0" borderId="0" xfId="0" applyFont="1" applyFill="1" applyBorder="1" applyAlignment="1" applyProtection="1">
      <alignment horizontal="left" vertical="top" wrapText="1"/>
      <protection locked="0"/>
    </xf>
    <xf numFmtId="0" fontId="7" fillId="0" borderId="4" xfId="0" applyFont="1" applyFill="1" applyBorder="1" applyAlignment="1" applyProtection="1">
      <alignment horizontal="left" vertical="top" wrapText="1"/>
      <protection locked="0"/>
    </xf>
    <xf numFmtId="0" fontId="7" fillId="0" borderId="3" xfId="0" applyFont="1" applyFill="1" applyBorder="1" applyAlignment="1" applyProtection="1">
      <alignment horizontal="left" vertical="top" wrapText="1"/>
      <protection locked="0"/>
    </xf>
    <xf numFmtId="0" fontId="7" fillId="0" borderId="5" xfId="0" applyFont="1" applyFill="1" applyBorder="1" applyAlignment="1" applyProtection="1">
      <alignment horizontal="left" vertical="top" wrapText="1"/>
      <protection locked="0"/>
    </xf>
    <xf numFmtId="0" fontId="7" fillId="0" borderId="7" xfId="0" applyFont="1" applyFill="1" applyBorder="1" applyAlignment="1" applyProtection="1">
      <alignment horizontal="left" vertical="top" wrapText="1"/>
      <protection locked="0"/>
    </xf>
    <xf numFmtId="0" fontId="7" fillId="0" borderId="1" xfId="0" applyFont="1" applyFill="1" applyBorder="1" applyAlignment="1" applyProtection="1">
      <alignment horizontal="left" vertical="center" shrinkToFit="1"/>
      <protection locked="0"/>
    </xf>
    <xf numFmtId="0" fontId="7" fillId="0" borderId="6" xfId="0" applyFont="1" applyFill="1" applyBorder="1" applyAlignment="1" applyProtection="1">
      <alignment horizontal="left" vertical="center" shrinkToFit="1"/>
      <protection locked="0"/>
    </xf>
    <xf numFmtId="0" fontId="7" fillId="0" borderId="8" xfId="0" applyFont="1" applyFill="1" applyBorder="1" applyAlignment="1" applyProtection="1">
      <alignment horizontal="left" vertical="center" shrinkToFit="1"/>
      <protection locked="0"/>
    </xf>
    <xf numFmtId="189" fontId="0" fillId="0" borderId="10" xfId="0" applyNumberFormat="1" applyFont="1" applyFill="1" applyBorder="1" applyAlignment="1">
      <alignment horizontal="left" vertical="center"/>
    </xf>
    <xf numFmtId="0" fontId="25" fillId="0" borderId="5" xfId="0" applyFont="1" applyFill="1" applyBorder="1" applyAlignment="1" applyProtection="1">
      <alignment horizontal="left" vertical="center"/>
    </xf>
    <xf numFmtId="176" fontId="9" fillId="0" borderId="1" xfId="0" applyNumberFormat="1" applyFont="1" applyFill="1" applyBorder="1" applyAlignment="1" applyProtection="1">
      <alignment horizontal="right" vertical="center"/>
    </xf>
    <xf numFmtId="176" fontId="0" fillId="0" borderId="6" xfId="0" applyNumberFormat="1" applyFont="1" applyFill="1" applyBorder="1"/>
    <xf numFmtId="176" fontId="0" fillId="0" borderId="3" xfId="0" applyNumberFormat="1" applyFont="1" applyFill="1" applyBorder="1"/>
    <xf numFmtId="176" fontId="0" fillId="0" borderId="5" xfId="0" applyNumberFormat="1" applyFont="1" applyFill="1" applyBorder="1"/>
    <xf numFmtId="0" fontId="7" fillId="0" borderId="2" xfId="0" applyNumberFormat="1" applyFont="1" applyFill="1" applyBorder="1" applyAlignment="1" applyProtection="1">
      <alignment horizontal="left" vertical="center" shrinkToFit="1"/>
      <protection locked="0"/>
    </xf>
    <xf numFmtId="0" fontId="7" fillId="0" borderId="0" xfId="0" applyNumberFormat="1" applyFont="1" applyFill="1" applyBorder="1" applyAlignment="1" applyProtection="1">
      <alignment horizontal="left" vertical="center" shrinkToFit="1"/>
      <protection locked="0"/>
    </xf>
    <xf numFmtId="0" fontId="7" fillId="0" borderId="4" xfId="0" applyNumberFormat="1" applyFont="1" applyFill="1" applyBorder="1" applyAlignment="1" applyProtection="1">
      <alignment horizontal="left" vertical="center" shrinkToFit="1"/>
      <protection locked="0"/>
    </xf>
    <xf numFmtId="0" fontId="7" fillId="0" borderId="6" xfId="0" applyFont="1" applyFill="1" applyBorder="1" applyAlignment="1" applyProtection="1">
      <alignment horizontal="center" vertical="center" wrapText="1"/>
    </xf>
    <xf numFmtId="178" fontId="7" fillId="0" borderId="2" xfId="0" applyNumberFormat="1" applyFont="1" applyFill="1" applyBorder="1" applyAlignment="1" applyProtection="1">
      <alignment horizontal="left" vertical="center" shrinkToFit="1"/>
      <protection locked="0"/>
    </xf>
    <xf numFmtId="178" fontId="7" fillId="0" borderId="0" xfId="0" applyNumberFormat="1" applyFont="1" applyFill="1" applyBorder="1" applyAlignment="1" applyProtection="1">
      <alignment horizontal="left" vertical="center" shrinkToFit="1"/>
      <protection locked="0"/>
    </xf>
    <xf numFmtId="178" fontId="7" fillId="0" borderId="4" xfId="0" applyNumberFormat="1" applyFont="1" applyFill="1" applyBorder="1" applyAlignment="1" applyProtection="1">
      <alignment horizontal="left" vertical="center" shrinkToFit="1"/>
      <protection locked="0"/>
    </xf>
    <xf numFmtId="189" fontId="0" fillId="0" borderId="5" xfId="0" applyNumberFormat="1" applyFont="1" applyFill="1" applyBorder="1" applyAlignment="1">
      <alignment horizontal="left" vertical="center"/>
    </xf>
    <xf numFmtId="0" fontId="9" fillId="0" borderId="9" xfId="0" applyFont="1" applyFill="1" applyBorder="1" applyAlignment="1" applyProtection="1">
      <alignment horizontal="center" vertical="center"/>
    </xf>
    <xf numFmtId="0" fontId="9" fillId="0" borderId="12" xfId="0" applyFont="1" applyFill="1" applyBorder="1" applyAlignment="1" applyProtection="1">
      <alignment horizontal="center" vertical="center"/>
    </xf>
    <xf numFmtId="0" fontId="16" fillId="0" borderId="9" xfId="0" applyFont="1" applyFill="1" applyBorder="1" applyAlignment="1" applyProtection="1">
      <alignment horizontal="distributed" vertical="center" indent="1"/>
    </xf>
    <xf numFmtId="0" fontId="18" fillId="0" borderId="9" xfId="0" applyFont="1" applyFill="1" applyBorder="1" applyAlignment="1" applyProtection="1">
      <alignment horizontal="distributed" vertical="center" indent="1"/>
    </xf>
    <xf numFmtId="0" fontId="9" fillId="0" borderId="11" xfId="0" applyFont="1" applyFill="1" applyBorder="1" applyAlignment="1" applyProtection="1">
      <alignment horizontal="center" vertical="center"/>
    </xf>
    <xf numFmtId="0" fontId="7" fillId="0" borderId="11" xfId="0" quotePrefix="1" applyNumberFormat="1" applyFont="1" applyFill="1" applyBorder="1" applyAlignment="1" applyProtection="1">
      <alignment horizontal="left" vertical="center"/>
      <protection locked="0"/>
    </xf>
    <xf numFmtId="0" fontId="7" fillId="0" borderId="11" xfId="0" applyNumberFormat="1" applyFont="1" applyFill="1" applyBorder="1" applyAlignment="1" applyProtection="1">
      <alignment horizontal="left" vertical="center"/>
      <protection locked="0"/>
    </xf>
    <xf numFmtId="0" fontId="7" fillId="0" borderId="9" xfId="0" applyNumberFormat="1" applyFont="1" applyFill="1" applyBorder="1" applyAlignment="1" applyProtection="1">
      <alignment horizontal="left" vertical="center"/>
      <protection locked="0"/>
    </xf>
    <xf numFmtId="0" fontId="13" fillId="0" borderId="2" xfId="0" applyFont="1" applyFill="1" applyBorder="1" applyAlignment="1" applyProtection="1">
      <alignment horizontal="distributed" vertical="center"/>
    </xf>
    <xf numFmtId="0" fontId="13" fillId="0" borderId="0" xfId="0" applyFont="1" applyFill="1" applyBorder="1" applyAlignment="1" applyProtection="1">
      <alignment horizontal="distributed" vertical="center"/>
    </xf>
    <xf numFmtId="0" fontId="13" fillId="0" borderId="4" xfId="0" applyFont="1" applyFill="1" applyBorder="1" applyAlignment="1" applyProtection="1">
      <alignment horizontal="distributed" vertical="center"/>
    </xf>
    <xf numFmtId="0" fontId="13" fillId="0" borderId="3" xfId="0" applyFont="1" applyFill="1" applyBorder="1" applyAlignment="1" applyProtection="1">
      <alignment horizontal="distributed" vertical="center"/>
    </xf>
    <xf numFmtId="0" fontId="13" fillId="0" borderId="5" xfId="0" applyFont="1" applyFill="1" applyBorder="1" applyAlignment="1" applyProtection="1">
      <alignment horizontal="distributed" vertical="center"/>
    </xf>
    <xf numFmtId="0" fontId="13" fillId="0" borderId="7" xfId="0" applyFont="1" applyFill="1" applyBorder="1" applyAlignment="1" applyProtection="1">
      <alignment horizontal="distributed" vertical="center"/>
    </xf>
    <xf numFmtId="58" fontId="7" fillId="0" borderId="3" xfId="0" applyNumberFormat="1" applyFont="1" applyFill="1" applyBorder="1" applyAlignment="1" applyProtection="1">
      <alignment horizontal="left" vertical="center"/>
      <protection locked="0"/>
    </xf>
    <xf numFmtId="58" fontId="7" fillId="0" borderId="5" xfId="0" applyNumberFormat="1" applyFont="1" applyFill="1" applyBorder="1" applyAlignment="1" applyProtection="1">
      <alignment horizontal="left" vertical="center"/>
      <protection locked="0"/>
    </xf>
    <xf numFmtId="58" fontId="7" fillId="0" borderId="7" xfId="0" applyNumberFormat="1" applyFont="1" applyFill="1" applyBorder="1" applyAlignment="1" applyProtection="1">
      <alignment horizontal="left" vertical="center"/>
      <protection locked="0"/>
    </xf>
    <xf numFmtId="0" fontId="5" fillId="0" borderId="11" xfId="0" applyFont="1" applyFill="1" applyBorder="1" applyAlignment="1" applyProtection="1">
      <alignment horizontal="distributed" vertical="center" indent="1"/>
    </xf>
    <xf numFmtId="0" fontId="14" fillId="0" borderId="11" xfId="0" applyFont="1" applyFill="1" applyBorder="1" applyAlignment="1" applyProtection="1">
      <alignment horizontal="distributed" vertical="center" indent="1"/>
    </xf>
    <xf numFmtId="0" fontId="7" fillId="0" borderId="11" xfId="0" applyFont="1" applyFill="1" applyBorder="1" applyAlignment="1" applyProtection="1">
      <alignment horizontal="left" vertical="center"/>
      <protection locked="0"/>
    </xf>
    <xf numFmtId="0" fontId="7" fillId="0" borderId="9" xfId="0" applyFont="1" applyFill="1" applyBorder="1" applyAlignment="1" applyProtection="1">
      <alignment horizontal="left" vertical="center"/>
      <protection locked="0"/>
    </xf>
    <xf numFmtId="0" fontId="7" fillId="0" borderId="6" xfId="0" applyFont="1" applyFill="1" applyBorder="1" applyAlignment="1" applyProtection="1">
      <alignment vertical="center" wrapText="1"/>
      <protection locked="0"/>
    </xf>
    <xf numFmtId="0" fontId="7" fillId="0" borderId="8" xfId="0" applyFont="1" applyFill="1" applyBorder="1" applyAlignment="1" applyProtection="1">
      <alignment vertical="center" wrapText="1"/>
      <protection locked="0"/>
    </xf>
    <xf numFmtId="0" fontId="7" fillId="0" borderId="0" xfId="0" applyFont="1" applyFill="1" applyBorder="1" applyAlignment="1" applyProtection="1">
      <alignment vertical="center" wrapText="1"/>
      <protection locked="0"/>
    </xf>
    <xf numFmtId="0" fontId="7" fillId="0" borderId="4" xfId="0" applyFont="1" applyFill="1" applyBorder="1" applyAlignment="1" applyProtection="1">
      <alignment vertical="center" wrapText="1"/>
      <protection locked="0"/>
    </xf>
    <xf numFmtId="0" fontId="7" fillId="0" borderId="5" xfId="0" applyFont="1" applyFill="1" applyBorder="1" applyAlignment="1" applyProtection="1">
      <alignment vertical="center" wrapText="1"/>
      <protection locked="0"/>
    </xf>
    <xf numFmtId="0" fontId="7" fillId="0" borderId="7" xfId="0" applyFont="1" applyFill="1" applyBorder="1" applyAlignment="1" applyProtection="1">
      <alignment vertical="center" wrapText="1"/>
      <protection locked="0"/>
    </xf>
    <xf numFmtId="58" fontId="7" fillId="0" borderId="12" xfId="0" applyNumberFormat="1" applyFont="1" applyFill="1" applyBorder="1" applyAlignment="1" applyProtection="1">
      <alignment horizontal="left" vertical="center"/>
      <protection locked="0"/>
    </xf>
    <xf numFmtId="38" fontId="9" fillId="0" borderId="13" xfId="2" applyFont="1" applyFill="1" applyBorder="1" applyAlignment="1" applyProtection="1">
      <alignment vertical="center"/>
    </xf>
    <xf numFmtId="38" fontId="15" fillId="0" borderId="13" xfId="2" applyFont="1" applyFill="1" applyBorder="1" applyAlignment="1" applyProtection="1">
      <alignment vertical="center"/>
    </xf>
    <xf numFmtId="0" fontId="28" fillId="0" borderId="0" xfId="0" applyFont="1" applyFill="1" applyBorder="1" applyAlignment="1" applyProtection="1">
      <alignment vertical="center"/>
    </xf>
    <xf numFmtId="0" fontId="29" fillId="0" borderId="0" xfId="0" applyFont="1" applyFill="1" applyBorder="1" applyAlignment="1" applyProtection="1">
      <alignment vertical="center"/>
    </xf>
    <xf numFmtId="0" fontId="27" fillId="0" borderId="5" xfId="0" applyFont="1" applyFill="1" applyBorder="1"/>
    <xf numFmtId="0" fontId="9" fillId="0" borderId="2" xfId="0" applyFont="1" applyFill="1" applyBorder="1" applyAlignment="1" applyProtection="1">
      <alignment horizontal="center" vertical="center"/>
    </xf>
    <xf numFmtId="0" fontId="9" fillId="0" borderId="0" xfId="0" applyFont="1" applyFill="1" applyBorder="1" applyAlignment="1" applyProtection="1">
      <alignment horizontal="center" vertical="center"/>
    </xf>
    <xf numFmtId="0" fontId="9" fillId="0" borderId="4" xfId="0" applyFont="1" applyFill="1" applyBorder="1" applyAlignment="1" applyProtection="1">
      <alignment horizontal="center" vertical="center"/>
    </xf>
    <xf numFmtId="0" fontId="9" fillId="0" borderId="3" xfId="0" applyFont="1" applyFill="1" applyBorder="1" applyAlignment="1" applyProtection="1">
      <alignment horizontal="center" vertical="center"/>
    </xf>
    <xf numFmtId="0" fontId="9" fillId="0" borderId="5" xfId="0" applyFont="1" applyFill="1" applyBorder="1" applyAlignment="1" applyProtection="1">
      <alignment horizontal="center" vertical="center"/>
    </xf>
    <xf numFmtId="0" fontId="9" fillId="0" borderId="7" xfId="0" applyFont="1" applyFill="1" applyBorder="1" applyAlignment="1" applyProtection="1">
      <alignment horizontal="center" vertical="center"/>
    </xf>
    <xf numFmtId="58" fontId="5" fillId="0" borderId="11" xfId="0" applyNumberFormat="1" applyFont="1" applyFill="1" applyBorder="1" applyAlignment="1" applyProtection="1">
      <alignment horizontal="distributed" vertical="center" indent="1"/>
    </xf>
    <xf numFmtId="58" fontId="13" fillId="0" borderId="9" xfId="0" applyNumberFormat="1" applyFont="1" applyFill="1" applyBorder="1" applyAlignment="1" applyProtection="1">
      <alignment horizontal="distributed" vertical="center"/>
    </xf>
    <xf numFmtId="0" fontId="0" fillId="0" borderId="9" xfId="0" applyFont="1" applyFill="1" applyBorder="1" applyAlignment="1" applyProtection="1">
      <alignment horizontal="distributed" vertical="center"/>
    </xf>
    <xf numFmtId="0" fontId="0" fillId="0" borderId="12" xfId="0" applyFont="1" applyFill="1" applyBorder="1" applyAlignment="1" applyProtection="1">
      <alignment horizontal="distributed" vertical="center"/>
    </xf>
    <xf numFmtId="0" fontId="12" fillId="0" borderId="0" xfId="0" applyFont="1" applyFill="1" applyBorder="1" applyAlignment="1" applyProtection="1">
      <alignment horizontal="left" vertical="center"/>
      <protection locked="0"/>
    </xf>
    <xf numFmtId="0" fontId="0" fillId="0" borderId="4" xfId="0" applyFont="1" applyFill="1" applyBorder="1" applyAlignment="1" applyProtection="1">
      <alignment horizontal="left" vertical="center"/>
      <protection locked="0"/>
    </xf>
    <xf numFmtId="0" fontId="41" fillId="0" borderId="9" xfId="0" applyFont="1" applyFill="1" applyBorder="1" applyAlignment="1" applyProtection="1">
      <alignment horizontal="distributed" vertical="center"/>
    </xf>
    <xf numFmtId="0" fontId="42" fillId="0" borderId="9" xfId="0" applyFont="1" applyFill="1" applyBorder="1" applyAlignment="1" applyProtection="1">
      <alignment horizontal="distributed" vertical="center"/>
    </xf>
    <xf numFmtId="0" fontId="42" fillId="0" borderId="12" xfId="0" applyFont="1" applyFill="1" applyBorder="1" applyAlignment="1" applyProtection="1">
      <alignment horizontal="distributed" vertical="center"/>
    </xf>
    <xf numFmtId="57" fontId="5" fillId="0" borderId="2" xfId="0" applyNumberFormat="1" applyFont="1" applyFill="1" applyBorder="1" applyAlignment="1" applyProtection="1">
      <alignment horizontal="left" vertical="center"/>
      <protection locked="0"/>
    </xf>
    <xf numFmtId="57" fontId="5" fillId="0" borderId="0" xfId="0" applyNumberFormat="1" applyFont="1" applyFill="1" applyBorder="1" applyAlignment="1" applyProtection="1">
      <alignment horizontal="left" vertical="center"/>
      <protection locked="0"/>
    </xf>
    <xf numFmtId="58" fontId="12" fillId="0" borderId="5" xfId="0" applyNumberFormat="1" applyFont="1" applyFill="1" applyBorder="1" applyAlignment="1" applyProtection="1">
      <alignment horizontal="center" vertical="center"/>
      <protection locked="0"/>
    </xf>
    <xf numFmtId="58" fontId="12" fillId="0" borderId="7" xfId="0" applyNumberFormat="1" applyFont="1" applyFill="1" applyBorder="1" applyAlignment="1" applyProtection="1">
      <alignment horizontal="center" vertical="center"/>
      <protection locked="0"/>
    </xf>
    <xf numFmtId="0" fontId="16" fillId="0" borderId="11" xfId="0" applyFont="1" applyFill="1" applyBorder="1" applyAlignment="1" applyProtection="1">
      <alignment horizontal="distributed" vertical="center" indent="1"/>
    </xf>
    <xf numFmtId="0" fontId="18" fillId="0" borderId="11" xfId="0" applyFont="1" applyFill="1" applyBorder="1" applyAlignment="1" applyProtection="1">
      <alignment horizontal="distributed" vertical="center" indent="1"/>
    </xf>
    <xf numFmtId="0" fontId="9" fillId="0" borderId="1" xfId="0" applyFont="1" applyFill="1" applyBorder="1" applyAlignment="1" applyProtection="1">
      <alignment horizontal="center" vertical="center"/>
    </xf>
    <xf numFmtId="0" fontId="0" fillId="0" borderId="6" xfId="0" applyFont="1" applyFill="1" applyBorder="1" applyAlignment="1" applyProtection="1">
      <alignment horizontal="center" vertical="center"/>
    </xf>
    <xf numFmtId="0" fontId="0" fillId="0" borderId="8" xfId="0" applyFont="1" applyFill="1" applyBorder="1" applyAlignment="1" applyProtection="1">
      <alignment horizontal="center" vertical="center"/>
    </xf>
    <xf numFmtId="0" fontId="0" fillId="0" borderId="2" xfId="0" applyFont="1" applyFill="1" applyBorder="1" applyAlignment="1" applyProtection="1">
      <alignment horizontal="center" vertical="center"/>
    </xf>
    <xf numFmtId="0" fontId="0" fillId="0" borderId="0" xfId="0" applyFont="1" applyFill="1" applyBorder="1" applyAlignment="1" applyProtection="1">
      <alignment horizontal="center" vertical="center"/>
    </xf>
    <xf numFmtId="0" fontId="0" fillId="0" borderId="4" xfId="0" applyFont="1" applyFill="1" applyBorder="1" applyAlignment="1" applyProtection="1">
      <alignment horizontal="center" vertical="center"/>
    </xf>
    <xf numFmtId="0" fontId="25" fillId="0" borderId="0" xfId="0" applyFont="1" applyFill="1" applyBorder="1" applyAlignment="1" applyProtection="1">
      <alignment vertical="center"/>
    </xf>
    <xf numFmtId="0" fontId="27" fillId="0" borderId="0" xfId="0" applyFont="1" applyFill="1" applyBorder="1" applyAlignment="1" applyProtection="1">
      <alignment vertical="center"/>
    </xf>
    <xf numFmtId="0" fontId="0" fillId="0" borderId="0" xfId="0" applyFont="1" applyFill="1" applyBorder="1" applyAlignment="1" applyProtection="1">
      <protection locked="0"/>
    </xf>
    <xf numFmtId="0" fontId="0" fillId="0" borderId="4" xfId="0" applyFont="1" applyFill="1" applyBorder="1" applyAlignment="1" applyProtection="1">
      <protection locked="0"/>
    </xf>
    <xf numFmtId="0" fontId="7" fillId="0" borderId="1" xfId="0" applyFont="1" applyFill="1" applyBorder="1" applyAlignment="1" applyProtection="1">
      <alignment horizontal="left" vertical="center" wrapText="1"/>
      <protection locked="0"/>
    </xf>
    <xf numFmtId="0" fontId="7" fillId="0" borderId="6" xfId="0" applyFont="1" applyFill="1" applyBorder="1" applyAlignment="1" applyProtection="1">
      <alignment horizontal="left" vertical="center" wrapText="1"/>
      <protection locked="0"/>
    </xf>
    <xf numFmtId="0" fontId="7" fillId="0" borderId="8" xfId="0" applyFont="1" applyFill="1" applyBorder="1" applyAlignment="1" applyProtection="1">
      <alignment horizontal="left" vertical="center" wrapText="1"/>
      <protection locked="0"/>
    </xf>
    <xf numFmtId="0" fontId="7" fillId="0" borderId="3" xfId="0" applyFont="1" applyFill="1" applyBorder="1" applyAlignment="1" applyProtection="1">
      <alignment horizontal="left" vertical="center" wrapText="1"/>
      <protection locked="0"/>
    </xf>
    <xf numFmtId="0" fontId="7" fillId="0" borderId="5" xfId="0" applyFont="1" applyFill="1" applyBorder="1" applyAlignment="1" applyProtection="1">
      <alignment horizontal="left" vertical="center" wrapText="1"/>
      <protection locked="0"/>
    </xf>
    <xf numFmtId="0" fontId="7" fillId="0" borderId="7" xfId="0" applyFont="1" applyFill="1" applyBorder="1" applyAlignment="1" applyProtection="1">
      <alignment horizontal="left" vertical="center" wrapText="1"/>
      <protection locked="0"/>
    </xf>
    <xf numFmtId="0" fontId="13" fillId="0" borderId="9" xfId="0" applyFont="1" applyFill="1" applyBorder="1" applyAlignment="1" applyProtection="1">
      <alignment horizontal="distributed" vertical="center"/>
    </xf>
    <xf numFmtId="0" fontId="12" fillId="0" borderId="0" xfId="0" applyFont="1" applyFill="1" applyBorder="1" applyAlignment="1" applyProtection="1">
      <alignment horizontal="left" vertical="top" wrapText="1"/>
      <protection locked="0"/>
    </xf>
    <xf numFmtId="0" fontId="0" fillId="0" borderId="0" xfId="0" applyFont="1" applyFill="1" applyBorder="1" applyAlignment="1" applyProtection="1">
      <alignment vertical="top" wrapText="1"/>
      <protection locked="0"/>
    </xf>
    <xf numFmtId="0" fontId="0" fillId="0" borderId="4" xfId="0" applyFont="1" applyFill="1" applyBorder="1" applyAlignment="1" applyProtection="1">
      <alignment vertical="top" wrapText="1"/>
      <protection locked="0"/>
    </xf>
    <xf numFmtId="0" fontId="7" fillId="0" borderId="2" xfId="0" applyFont="1" applyFill="1" applyBorder="1" applyAlignment="1" applyProtection="1">
      <alignment horizontal="left" vertical="center" wrapText="1"/>
      <protection locked="0"/>
    </xf>
    <xf numFmtId="0" fontId="7" fillId="0" borderId="0" xfId="0" applyFont="1" applyFill="1" applyBorder="1" applyAlignment="1" applyProtection="1">
      <alignment horizontal="left" vertical="center" wrapText="1"/>
      <protection locked="0"/>
    </xf>
    <xf numFmtId="0" fontId="7" fillId="0" borderId="4" xfId="0" applyFont="1" applyFill="1" applyBorder="1" applyAlignment="1" applyProtection="1">
      <alignment horizontal="left" vertical="center" wrapText="1"/>
      <protection locked="0"/>
    </xf>
    <xf numFmtId="0" fontId="7" fillId="0" borderId="14" xfId="0" applyFont="1" applyFill="1" applyBorder="1" applyAlignment="1" applyProtection="1">
      <alignment horizontal="center" vertical="center"/>
    </xf>
    <xf numFmtId="0" fontId="7" fillId="0" borderId="10" xfId="0" applyFont="1" applyFill="1" applyBorder="1" applyAlignment="1" applyProtection="1">
      <alignment horizontal="center" vertical="center"/>
    </xf>
    <xf numFmtId="0" fontId="7" fillId="0" borderId="15" xfId="0" applyFont="1" applyFill="1" applyBorder="1" applyAlignment="1" applyProtection="1">
      <alignment horizontal="center" vertical="center"/>
    </xf>
    <xf numFmtId="0" fontId="11" fillId="0" borderId="14" xfId="1" applyFont="1" applyFill="1" applyBorder="1" applyAlignment="1" applyProtection="1">
      <alignment horizontal="left" vertical="center"/>
      <protection locked="0"/>
    </xf>
    <xf numFmtId="0" fontId="11" fillId="0" borderId="10" xfId="1" applyFont="1" applyFill="1" applyBorder="1" applyAlignment="1" applyProtection="1">
      <alignment horizontal="left" vertical="center"/>
      <protection locked="0"/>
    </xf>
    <xf numFmtId="0" fontId="11" fillId="0" borderId="15" xfId="1" applyFont="1" applyFill="1" applyBorder="1" applyAlignment="1" applyProtection="1">
      <alignment horizontal="left" vertical="center"/>
      <protection locked="0"/>
    </xf>
    <xf numFmtId="0" fontId="16" fillId="0" borderId="1" xfId="0" applyFont="1" applyFill="1" applyBorder="1" applyAlignment="1" applyProtection="1">
      <alignment horizontal="distributed" vertical="center" indent="1"/>
    </xf>
    <xf numFmtId="0" fontId="18" fillId="0" borderId="6" xfId="0" applyFont="1" applyFill="1" applyBorder="1" applyAlignment="1" applyProtection="1">
      <alignment horizontal="distributed" indent="1"/>
    </xf>
    <xf numFmtId="0" fontId="18" fillId="0" borderId="8" xfId="0" applyFont="1" applyFill="1" applyBorder="1" applyAlignment="1" applyProtection="1">
      <alignment horizontal="distributed" indent="1"/>
    </xf>
    <xf numFmtId="0" fontId="5" fillId="0" borderId="0" xfId="0" applyFont="1" applyFill="1" applyBorder="1" applyAlignment="1" applyProtection="1">
      <alignment vertical="center"/>
    </xf>
    <xf numFmtId="0" fontId="0" fillId="0" borderId="0" xfId="0" applyFont="1" applyFill="1" applyBorder="1" applyAlignment="1" applyProtection="1">
      <alignment vertical="center"/>
    </xf>
    <xf numFmtId="0" fontId="9" fillId="0" borderId="1" xfId="0" applyFont="1" applyFill="1" applyBorder="1" applyAlignment="1" applyProtection="1">
      <alignment horizontal="center" vertical="center" textRotation="255"/>
    </xf>
    <xf numFmtId="0" fontId="9" fillId="0" borderId="8" xfId="0" applyFont="1" applyFill="1" applyBorder="1" applyAlignment="1" applyProtection="1">
      <alignment horizontal="center" vertical="center" textRotation="255"/>
    </xf>
    <xf numFmtId="0" fontId="9" fillId="0" borderId="2" xfId="0" applyFont="1" applyFill="1" applyBorder="1" applyAlignment="1" applyProtection="1">
      <alignment horizontal="center" vertical="center" textRotation="255"/>
    </xf>
    <xf numFmtId="0" fontId="9" fillId="0" borderId="4" xfId="0" applyFont="1" applyFill="1" applyBorder="1" applyAlignment="1" applyProtection="1">
      <alignment horizontal="center" vertical="center" textRotation="255"/>
    </xf>
    <xf numFmtId="0" fontId="9" fillId="0" borderId="3" xfId="0" applyFont="1" applyFill="1" applyBorder="1" applyAlignment="1" applyProtection="1">
      <alignment horizontal="center" vertical="center" textRotation="255"/>
    </xf>
    <xf numFmtId="0" fontId="9" fillId="0" borderId="7" xfId="0" applyFont="1" applyFill="1" applyBorder="1" applyAlignment="1" applyProtection="1">
      <alignment horizontal="center" vertical="center" textRotation="255"/>
    </xf>
    <xf numFmtId="57" fontId="5" fillId="0" borderId="6" xfId="0" applyNumberFormat="1" applyFont="1" applyFill="1" applyBorder="1" applyAlignment="1" applyProtection="1">
      <alignment horizontal="left" vertical="center"/>
      <protection locked="0"/>
    </xf>
    <xf numFmtId="0" fontId="0" fillId="0" borderId="6" xfId="0" applyFont="1" applyFill="1" applyBorder="1" applyAlignment="1" applyProtection="1">
      <alignment horizontal="left" vertical="center"/>
      <protection locked="0"/>
    </xf>
    <xf numFmtId="0" fontId="12" fillId="0" borderId="6" xfId="0" applyFont="1" applyFill="1" applyBorder="1" applyAlignment="1" applyProtection="1">
      <alignment horizontal="left" vertical="center"/>
      <protection locked="0"/>
    </xf>
    <xf numFmtId="0" fontId="0" fillId="0" borderId="8" xfId="0" applyFont="1" applyFill="1" applyBorder="1" applyAlignment="1" applyProtection="1">
      <alignment horizontal="left" vertical="center"/>
      <protection locked="0"/>
    </xf>
    <xf numFmtId="190" fontId="7" fillId="0" borderId="12" xfId="0" applyNumberFormat="1" applyFont="1" applyFill="1" applyBorder="1" applyAlignment="1" applyProtection="1">
      <alignment horizontal="center" vertical="center"/>
    </xf>
    <xf numFmtId="190" fontId="0" fillId="0" borderId="12" xfId="0" applyNumberFormat="1" applyFont="1" applyFill="1" applyBorder="1" applyAlignment="1" applyProtection="1">
      <alignment horizontal="center"/>
    </xf>
    <xf numFmtId="0" fontId="9" fillId="0" borderId="13" xfId="0" applyFont="1" applyFill="1" applyBorder="1" applyAlignment="1" applyProtection="1">
      <alignment horizontal="center" vertical="center"/>
    </xf>
    <xf numFmtId="58" fontId="5" fillId="0" borderId="13" xfId="0" applyNumberFormat="1" applyFont="1" applyFill="1" applyBorder="1" applyAlignment="1" applyProtection="1">
      <alignment horizontal="center" vertical="center"/>
    </xf>
    <xf numFmtId="0" fontId="5" fillId="0" borderId="13" xfId="0" applyFont="1" applyFill="1" applyBorder="1" applyAlignment="1" applyProtection="1">
      <alignment horizontal="center" vertical="center"/>
    </xf>
    <xf numFmtId="0" fontId="9" fillId="0" borderId="11" xfId="0" applyFont="1" applyFill="1" applyBorder="1" applyAlignment="1" applyProtection="1">
      <alignment horizontal="left" vertical="center"/>
      <protection locked="0"/>
    </xf>
    <xf numFmtId="0" fontId="9" fillId="0" borderId="12" xfId="0" applyFont="1" applyFill="1" applyBorder="1" applyAlignment="1" applyProtection="1">
      <alignment horizontal="left" vertical="center"/>
      <protection locked="0"/>
    </xf>
    <xf numFmtId="0" fontId="7" fillId="0" borderId="3" xfId="0" applyFont="1" applyFill="1" applyBorder="1" applyAlignment="1" applyProtection="1">
      <alignment horizontal="left" vertical="center"/>
      <protection locked="0"/>
    </xf>
    <xf numFmtId="0" fontId="7" fillId="0" borderId="5" xfId="0" applyFont="1" applyFill="1" applyBorder="1" applyAlignment="1" applyProtection="1">
      <alignment horizontal="left" vertical="center"/>
      <protection locked="0"/>
    </xf>
    <xf numFmtId="0" fontId="7" fillId="0" borderId="7" xfId="0" applyFont="1" applyFill="1" applyBorder="1" applyAlignment="1" applyProtection="1">
      <alignment horizontal="left" vertical="center"/>
      <protection locked="0"/>
    </xf>
    <xf numFmtId="0" fontId="7" fillId="0" borderId="2" xfId="0" applyFont="1" applyFill="1" applyBorder="1" applyAlignment="1" applyProtection="1">
      <alignment horizontal="center" vertical="center"/>
    </xf>
    <xf numFmtId="0" fontId="7" fillId="0" borderId="0" xfId="0" applyFont="1" applyFill="1" applyBorder="1" applyAlignment="1" applyProtection="1">
      <alignment horizontal="center" vertical="center"/>
    </xf>
    <xf numFmtId="0" fontId="7" fillId="0" borderId="4" xfId="0" applyFont="1" applyFill="1" applyBorder="1" applyAlignment="1" applyProtection="1">
      <alignment horizontal="center" vertical="center"/>
    </xf>
    <xf numFmtId="0" fontId="33" fillId="0" borderId="1" xfId="0" applyFont="1" applyFill="1" applyBorder="1" applyAlignment="1" applyProtection="1">
      <alignment horizontal="left" vertical="center" wrapText="1"/>
      <protection locked="0"/>
    </xf>
    <xf numFmtId="0" fontId="33" fillId="0" borderId="6" xfId="0" applyFont="1" applyFill="1" applyBorder="1" applyAlignment="1" applyProtection="1">
      <alignment horizontal="left" vertical="center" wrapText="1"/>
      <protection locked="0"/>
    </xf>
    <xf numFmtId="0" fontId="33" fillId="0" borderId="8" xfId="0" applyFont="1" applyFill="1" applyBorder="1" applyAlignment="1" applyProtection="1">
      <alignment horizontal="left" vertical="center" wrapText="1"/>
      <protection locked="0"/>
    </xf>
    <xf numFmtId="0" fontId="33" fillId="0" borderId="3" xfId="0" applyFont="1" applyFill="1" applyBorder="1" applyAlignment="1" applyProtection="1">
      <alignment horizontal="left" vertical="center" wrapText="1"/>
      <protection locked="0"/>
    </xf>
    <xf numFmtId="0" fontId="33" fillId="0" borderId="5" xfId="0" applyFont="1" applyFill="1" applyBorder="1" applyAlignment="1" applyProtection="1">
      <alignment horizontal="left" vertical="center" wrapText="1"/>
      <protection locked="0"/>
    </xf>
    <xf numFmtId="0" fontId="33" fillId="0" borderId="7" xfId="0" applyFont="1" applyFill="1" applyBorder="1" applyAlignment="1" applyProtection="1">
      <alignment horizontal="left" vertical="center" wrapText="1"/>
      <protection locked="0"/>
    </xf>
    <xf numFmtId="0" fontId="7" fillId="0" borderId="14" xfId="0" applyFont="1" applyFill="1" applyBorder="1" applyAlignment="1" applyProtection="1">
      <alignment horizontal="left" vertical="center" wrapText="1"/>
      <protection locked="0"/>
    </xf>
    <xf numFmtId="0" fontId="7" fillId="0" borderId="10" xfId="0" applyFont="1" applyFill="1" applyBorder="1" applyAlignment="1" applyProtection="1">
      <alignment horizontal="left" vertical="center"/>
      <protection locked="0"/>
    </xf>
    <xf numFmtId="0" fontId="7" fillId="0" borderId="15" xfId="0" applyFont="1" applyFill="1" applyBorder="1" applyAlignment="1" applyProtection="1">
      <alignment horizontal="left" vertical="center"/>
      <protection locked="0"/>
    </xf>
    <xf numFmtId="0" fontId="7" fillId="0" borderId="14" xfId="0" applyFont="1" applyFill="1" applyBorder="1" applyAlignment="1" applyProtection="1">
      <alignment horizontal="left" vertical="center"/>
      <protection locked="0"/>
    </xf>
    <xf numFmtId="0" fontId="4" fillId="0" borderId="13" xfId="0" applyFont="1" applyFill="1" applyBorder="1" applyAlignment="1" applyProtection="1">
      <alignment horizontal="center" vertical="center"/>
    </xf>
    <xf numFmtId="0" fontId="5" fillId="0" borderId="1" xfId="0" applyFont="1" applyFill="1" applyBorder="1" applyAlignment="1" applyProtection="1">
      <alignment horizontal="center" vertical="center"/>
    </xf>
    <xf numFmtId="0" fontId="0" fillId="0" borderId="2" xfId="0" applyFont="1" applyFill="1" applyBorder="1"/>
    <xf numFmtId="0" fontId="0" fillId="0" borderId="0" xfId="0" applyFont="1" applyFill="1"/>
    <xf numFmtId="0" fontId="0" fillId="0" borderId="4" xfId="0" applyFont="1" applyFill="1" applyBorder="1"/>
    <xf numFmtId="0" fontId="7" fillId="0" borderId="11" xfId="0" applyFont="1" applyFill="1" applyBorder="1" applyAlignment="1" applyProtection="1">
      <alignment vertical="top" wrapText="1"/>
      <protection locked="0"/>
    </xf>
    <xf numFmtId="0" fontId="10" fillId="0" borderId="11" xfId="0" applyFont="1" applyFill="1" applyBorder="1" applyAlignment="1" applyProtection="1">
      <alignment vertical="top"/>
      <protection locked="0"/>
    </xf>
    <xf numFmtId="0" fontId="10" fillId="0" borderId="9" xfId="0" applyFont="1" applyFill="1" applyBorder="1" applyAlignment="1" applyProtection="1">
      <alignment vertical="top"/>
      <protection locked="0"/>
    </xf>
    <xf numFmtId="0" fontId="25" fillId="0" borderId="5" xfId="0" applyFont="1" applyFill="1" applyBorder="1" applyAlignment="1" applyProtection="1">
      <alignment vertical="center"/>
      <protection locked="0"/>
    </xf>
    <xf numFmtId="0" fontId="5" fillId="0" borderId="13" xfId="0" applyFont="1" applyFill="1" applyBorder="1" applyAlignment="1" applyProtection="1">
      <alignment horizontal="right" vertical="center"/>
    </xf>
    <xf numFmtId="177" fontId="0" fillId="0" borderId="12" xfId="0" applyNumberFormat="1" applyFont="1" applyFill="1" applyBorder="1" applyAlignment="1" applyProtection="1">
      <alignment vertical="center"/>
      <protection locked="0"/>
    </xf>
    <xf numFmtId="0" fontId="7" fillId="0" borderId="1" xfId="0" applyFont="1" applyFill="1" applyBorder="1" applyAlignment="1" applyProtection="1">
      <alignment vertical="center" wrapText="1"/>
      <protection locked="0"/>
    </xf>
    <xf numFmtId="0" fontId="10" fillId="0" borderId="6" xfId="0" applyFont="1" applyFill="1" applyBorder="1" applyAlignment="1" applyProtection="1">
      <alignment vertical="center"/>
      <protection locked="0"/>
    </xf>
    <xf numFmtId="0" fontId="10" fillId="0" borderId="8" xfId="0" applyFont="1" applyFill="1" applyBorder="1" applyAlignment="1" applyProtection="1">
      <alignment vertical="center"/>
      <protection locked="0"/>
    </xf>
    <xf numFmtId="0" fontId="10" fillId="0" borderId="3" xfId="0" applyFont="1" applyFill="1" applyBorder="1" applyAlignment="1" applyProtection="1">
      <alignment vertical="center"/>
      <protection locked="0"/>
    </xf>
    <xf numFmtId="0" fontId="10" fillId="0" borderId="5" xfId="0" applyFont="1" applyFill="1" applyBorder="1" applyAlignment="1" applyProtection="1">
      <alignment vertical="center"/>
      <protection locked="0"/>
    </xf>
    <xf numFmtId="0" fontId="10" fillId="0" borderId="7" xfId="0" applyFont="1" applyFill="1" applyBorder="1" applyAlignment="1" applyProtection="1">
      <alignment vertical="center"/>
      <protection locked="0"/>
    </xf>
    <xf numFmtId="0" fontId="7" fillId="0" borderId="1" xfId="0" applyFont="1" applyFill="1" applyBorder="1" applyAlignment="1" applyProtection="1">
      <alignment vertical="top" wrapText="1"/>
      <protection locked="0"/>
    </xf>
    <xf numFmtId="0" fontId="7" fillId="0" borderId="6" xfId="0" applyFont="1" applyFill="1" applyBorder="1" applyAlignment="1" applyProtection="1">
      <alignment vertical="top" wrapText="1"/>
      <protection locked="0"/>
    </xf>
    <xf numFmtId="0" fontId="7" fillId="0" borderId="8" xfId="0" applyFont="1" applyFill="1" applyBorder="1" applyAlignment="1" applyProtection="1">
      <alignment vertical="top" wrapText="1"/>
      <protection locked="0"/>
    </xf>
    <xf numFmtId="0" fontId="7" fillId="0" borderId="2" xfId="0" applyFont="1" applyFill="1" applyBorder="1" applyAlignment="1" applyProtection="1">
      <alignment vertical="top" wrapText="1"/>
      <protection locked="0"/>
    </xf>
    <xf numFmtId="0" fontId="7" fillId="0" borderId="0" xfId="0" applyFont="1" applyFill="1" applyBorder="1" applyAlignment="1" applyProtection="1">
      <alignment vertical="top" wrapText="1"/>
      <protection locked="0"/>
    </xf>
    <xf numFmtId="0" fontId="7" fillId="0" borderId="4" xfId="0" applyFont="1" applyFill="1" applyBorder="1" applyAlignment="1" applyProtection="1">
      <alignment vertical="top" wrapText="1"/>
      <protection locked="0"/>
    </xf>
    <xf numFmtId="0" fontId="7" fillId="0" borderId="3" xfId="0" applyFont="1" applyFill="1" applyBorder="1" applyAlignment="1" applyProtection="1">
      <alignment vertical="top" wrapText="1"/>
      <protection locked="0"/>
    </xf>
    <xf numFmtId="0" fontId="7" fillId="0" borderId="5" xfId="0" applyFont="1" applyFill="1" applyBorder="1" applyAlignment="1" applyProtection="1">
      <alignment vertical="top" wrapText="1"/>
      <protection locked="0"/>
    </xf>
    <xf numFmtId="0" fontId="7" fillId="0" borderId="7" xfId="0" applyFont="1" applyFill="1" applyBorder="1" applyAlignment="1" applyProtection="1">
      <alignment vertical="top" wrapText="1"/>
      <protection locked="0"/>
    </xf>
    <xf numFmtId="0" fontId="5" fillId="0" borderId="14" xfId="0" applyFont="1" applyFill="1" applyBorder="1" applyAlignment="1" applyProtection="1">
      <alignment horizontal="center" vertical="center"/>
    </xf>
    <xf numFmtId="0" fontId="5" fillId="0" borderId="10" xfId="0" applyFont="1" applyFill="1" applyBorder="1" applyAlignment="1" applyProtection="1">
      <alignment horizontal="center" vertical="center"/>
    </xf>
    <xf numFmtId="0" fontId="5" fillId="0" borderId="15" xfId="0" applyFont="1" applyFill="1" applyBorder="1" applyAlignment="1" applyProtection="1">
      <alignment horizontal="center" vertical="center"/>
    </xf>
    <xf numFmtId="0" fontId="5" fillId="0" borderId="14" xfId="0" applyFont="1" applyFill="1" applyBorder="1" applyAlignment="1" applyProtection="1">
      <alignment horizontal="right" vertical="center"/>
    </xf>
    <xf numFmtId="0" fontId="5" fillId="0" borderId="10" xfId="0" applyFont="1" applyFill="1" applyBorder="1" applyAlignment="1" applyProtection="1">
      <alignment horizontal="right" vertical="center"/>
    </xf>
    <xf numFmtId="0" fontId="5" fillId="0" borderId="15" xfId="0" applyFont="1" applyFill="1" applyBorder="1" applyAlignment="1" applyProtection="1">
      <alignment horizontal="right" vertical="center"/>
    </xf>
    <xf numFmtId="177" fontId="0" fillId="0" borderId="3" xfId="0" applyNumberFormat="1" applyFont="1" applyFill="1" applyBorder="1" applyAlignment="1" applyProtection="1">
      <alignment vertical="center"/>
      <protection locked="0"/>
    </xf>
    <xf numFmtId="177" fontId="0" fillId="0" borderId="5" xfId="0" applyNumberFormat="1" applyFont="1" applyFill="1" applyBorder="1" applyAlignment="1" applyProtection="1">
      <alignment vertical="center"/>
      <protection locked="0"/>
    </xf>
    <xf numFmtId="177" fontId="0" fillId="0" borderId="7" xfId="0" applyNumberFormat="1" applyFont="1" applyFill="1" applyBorder="1" applyAlignment="1" applyProtection="1">
      <alignment vertical="center"/>
      <protection locked="0"/>
    </xf>
    <xf numFmtId="0" fontId="9" fillId="0" borderId="6" xfId="0" applyFont="1" applyFill="1" applyBorder="1" applyAlignment="1" applyProtection="1">
      <alignment horizontal="center" vertical="center"/>
    </xf>
    <xf numFmtId="0" fontId="9" fillId="0" borderId="8" xfId="0" applyFont="1" applyFill="1" applyBorder="1" applyAlignment="1" applyProtection="1">
      <alignment horizontal="center" vertical="center"/>
    </xf>
    <xf numFmtId="0" fontId="7" fillId="0" borderId="1" xfId="0" applyFont="1" applyFill="1" applyBorder="1" applyAlignment="1" applyProtection="1">
      <alignment vertical="center"/>
      <protection locked="0"/>
    </xf>
    <xf numFmtId="0" fontId="7" fillId="0" borderId="6" xfId="0" applyFont="1" applyFill="1" applyBorder="1" applyAlignment="1" applyProtection="1">
      <alignment vertical="center"/>
      <protection locked="0"/>
    </xf>
    <xf numFmtId="0" fontId="7" fillId="0" borderId="8" xfId="0" applyFont="1" applyFill="1" applyBorder="1" applyAlignment="1" applyProtection="1">
      <alignment vertical="center"/>
      <protection locked="0"/>
    </xf>
    <xf numFmtId="0" fontId="7" fillId="0" borderId="3" xfId="0" applyFont="1" applyFill="1" applyBorder="1" applyAlignment="1" applyProtection="1">
      <alignment vertical="center"/>
      <protection locked="0"/>
    </xf>
    <xf numFmtId="0" fontId="7" fillId="0" borderId="5" xfId="0" applyFont="1" applyFill="1" applyBorder="1" applyAlignment="1" applyProtection="1">
      <alignment vertical="center"/>
      <protection locked="0"/>
    </xf>
    <xf numFmtId="0" fontId="7" fillId="0" borderId="7" xfId="0" applyFont="1" applyFill="1" applyBorder="1" applyAlignment="1" applyProtection="1">
      <alignment vertical="center"/>
      <protection locked="0"/>
    </xf>
    <xf numFmtId="0" fontId="7" fillId="0" borderId="6" xfId="0" applyNumberFormat="1" applyFont="1" applyFill="1" applyBorder="1" applyAlignment="1" applyProtection="1">
      <alignment horizontal="left" vertical="center"/>
      <protection locked="0"/>
    </xf>
    <xf numFmtId="0" fontId="5" fillId="0" borderId="6" xfId="0" applyFont="1" applyFill="1" applyBorder="1" applyAlignment="1" applyProtection="1">
      <alignment vertical="center"/>
      <protection locked="0"/>
    </xf>
    <xf numFmtId="0" fontId="5" fillId="0" borderId="8" xfId="0" applyFont="1" applyFill="1" applyBorder="1" applyAlignment="1" applyProtection="1">
      <alignment vertical="center"/>
      <protection locked="0"/>
    </xf>
    <xf numFmtId="0" fontId="9" fillId="0" borderId="1" xfId="0" applyFont="1" applyFill="1" applyBorder="1" applyAlignment="1" applyProtection="1">
      <alignment horizontal="left" vertical="center"/>
      <protection locked="0"/>
    </xf>
    <xf numFmtId="0" fontId="9" fillId="0" borderId="6" xfId="0" applyFont="1" applyFill="1" applyBorder="1" applyAlignment="1" applyProtection="1">
      <alignment horizontal="left" vertical="center"/>
      <protection locked="0"/>
    </xf>
    <xf numFmtId="0" fontId="9" fillId="0" borderId="8" xfId="0" applyFont="1" applyFill="1" applyBorder="1" applyAlignment="1" applyProtection="1">
      <alignment horizontal="left" vertical="center"/>
      <protection locked="0"/>
    </xf>
    <xf numFmtId="0" fontId="9" fillId="0" borderId="3" xfId="0" applyFont="1" applyFill="1" applyBorder="1" applyAlignment="1" applyProtection="1">
      <alignment horizontal="left" vertical="center"/>
      <protection locked="0"/>
    </xf>
    <xf numFmtId="0" fontId="9" fillId="0" borderId="5" xfId="0" applyFont="1" applyFill="1" applyBorder="1" applyAlignment="1" applyProtection="1">
      <alignment horizontal="left" vertical="center"/>
      <protection locked="0"/>
    </xf>
    <xf numFmtId="0" fontId="9" fillId="0" borderId="7" xfId="0" applyFont="1" applyFill="1" applyBorder="1" applyAlignment="1" applyProtection="1">
      <alignment horizontal="left" vertical="center"/>
      <protection locked="0"/>
    </xf>
    <xf numFmtId="0" fontId="4" fillId="0" borderId="1"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8" xfId="0" applyFont="1" applyFill="1" applyBorder="1" applyAlignment="1">
      <alignment horizontal="center" vertical="center"/>
    </xf>
    <xf numFmtId="0" fontId="4" fillId="0" borderId="2"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7" xfId="0" applyFont="1" applyFill="1" applyBorder="1" applyAlignment="1">
      <alignment horizontal="center" vertical="center"/>
    </xf>
    <xf numFmtId="0" fontId="5" fillId="0" borderId="6" xfId="0" applyFont="1" applyFill="1" applyBorder="1" applyAlignment="1" applyProtection="1">
      <alignment horizontal="center" vertical="center"/>
    </xf>
    <xf numFmtId="0" fontId="5" fillId="0" borderId="8" xfId="0" applyFont="1" applyFill="1" applyBorder="1" applyAlignment="1" applyProtection="1">
      <alignment horizontal="center" vertical="center"/>
    </xf>
    <xf numFmtId="0" fontId="5" fillId="0" borderId="2" xfId="0" applyFont="1" applyFill="1" applyBorder="1" applyAlignment="1" applyProtection="1">
      <alignment horizontal="center" vertical="center"/>
    </xf>
    <xf numFmtId="0" fontId="5" fillId="0" borderId="0" xfId="0" applyFont="1" applyFill="1" applyBorder="1" applyAlignment="1" applyProtection="1">
      <alignment horizontal="center" vertical="center"/>
    </xf>
    <xf numFmtId="0" fontId="5" fillId="0" borderId="4" xfId="0" applyFont="1" applyFill="1" applyBorder="1" applyAlignment="1" applyProtection="1">
      <alignment horizontal="center" vertical="center"/>
    </xf>
    <xf numFmtId="0" fontId="5" fillId="0" borderId="3" xfId="0" applyFont="1" applyFill="1" applyBorder="1" applyAlignment="1" applyProtection="1">
      <alignment horizontal="center" vertical="center"/>
    </xf>
    <xf numFmtId="0" fontId="5" fillId="0" borderId="5" xfId="0" applyFont="1" applyFill="1" applyBorder="1" applyAlignment="1" applyProtection="1">
      <alignment horizontal="center" vertical="center"/>
    </xf>
    <xf numFmtId="0" fontId="5" fillId="0" borderId="7" xfId="0" applyFont="1" applyFill="1" applyBorder="1" applyAlignment="1" applyProtection="1">
      <alignment horizontal="center" vertical="center"/>
    </xf>
    <xf numFmtId="0" fontId="25" fillId="0" borderId="10" xfId="0" applyFont="1" applyFill="1" applyBorder="1" applyAlignment="1" applyProtection="1">
      <alignment vertical="center"/>
    </xf>
    <xf numFmtId="0" fontId="5" fillId="0" borderId="1" xfId="0" applyFont="1" applyFill="1" applyBorder="1" applyAlignment="1" applyProtection="1">
      <alignment horizontal="distributed" vertical="center" indent="1"/>
    </xf>
    <xf numFmtId="0" fontId="5" fillId="0" borderId="6" xfId="0" applyFont="1" applyFill="1" applyBorder="1" applyAlignment="1" applyProtection="1">
      <alignment horizontal="distributed" vertical="center" indent="1"/>
    </xf>
    <xf numFmtId="0" fontId="5" fillId="0" borderId="8" xfId="0" applyFont="1" applyFill="1" applyBorder="1" applyAlignment="1" applyProtection="1">
      <alignment horizontal="distributed" vertical="center" indent="1"/>
    </xf>
    <xf numFmtId="0" fontId="5" fillId="0" borderId="11" xfId="0" applyFont="1" applyFill="1" applyBorder="1" applyAlignment="1" applyProtection="1">
      <alignment horizontal="center" vertical="center"/>
    </xf>
    <xf numFmtId="0" fontId="5" fillId="0" borderId="9" xfId="0" applyFont="1" applyFill="1" applyBorder="1" applyAlignment="1" applyProtection="1">
      <alignment horizontal="center" vertical="center"/>
    </xf>
    <xf numFmtId="190" fontId="7" fillId="0" borderId="3" xfId="0" applyNumberFormat="1" applyFont="1" applyFill="1" applyBorder="1" applyAlignment="1" applyProtection="1">
      <alignment horizontal="center" vertical="center"/>
    </xf>
    <xf numFmtId="190" fontId="7" fillId="0" borderId="5" xfId="0" applyNumberFormat="1" applyFont="1" applyFill="1" applyBorder="1" applyAlignment="1" applyProtection="1">
      <alignment horizontal="center" vertical="center"/>
    </xf>
    <xf numFmtId="190" fontId="7" fillId="0" borderId="7" xfId="0" applyNumberFormat="1" applyFont="1" applyFill="1" applyBorder="1" applyAlignment="1" applyProtection="1">
      <alignment horizontal="center" vertical="center"/>
    </xf>
    <xf numFmtId="0" fontId="12" fillId="0" borderId="4" xfId="0" applyFont="1" applyFill="1" applyBorder="1" applyAlignment="1" applyProtection="1">
      <alignment horizontal="left" vertical="center"/>
      <protection locked="0"/>
    </xf>
    <xf numFmtId="0" fontId="9" fillId="0" borderId="14" xfId="0" applyFont="1" applyFill="1" applyBorder="1" applyAlignment="1" applyProtection="1">
      <alignment horizontal="center" vertical="center"/>
    </xf>
    <xf numFmtId="0" fontId="9" fillId="0" borderId="10" xfId="0" applyFont="1" applyFill="1" applyBorder="1" applyAlignment="1" applyProtection="1">
      <alignment horizontal="center" vertical="center"/>
    </xf>
    <xf numFmtId="0" fontId="9" fillId="0" borderId="15" xfId="0" applyFont="1" applyFill="1" applyBorder="1" applyAlignment="1" applyProtection="1">
      <alignment horizontal="center" vertical="center"/>
    </xf>
    <xf numFmtId="58" fontId="5" fillId="0" borderId="14" xfId="0" applyNumberFormat="1" applyFont="1" applyFill="1" applyBorder="1" applyAlignment="1" applyProtection="1">
      <alignment horizontal="center" vertical="center"/>
    </xf>
    <xf numFmtId="58" fontId="5" fillId="0" borderId="10" xfId="0" applyNumberFormat="1" applyFont="1" applyFill="1" applyBorder="1" applyAlignment="1" applyProtection="1">
      <alignment horizontal="center" vertical="center"/>
    </xf>
    <xf numFmtId="58" fontId="5" fillId="0" borderId="15" xfId="0" applyNumberFormat="1" applyFont="1" applyFill="1" applyBorder="1" applyAlignment="1" applyProtection="1">
      <alignment horizontal="center" vertical="center"/>
    </xf>
    <xf numFmtId="57" fontId="5" fillId="0" borderId="1" xfId="0" applyNumberFormat="1" applyFont="1" applyFill="1" applyBorder="1" applyAlignment="1" applyProtection="1">
      <alignment horizontal="left" vertical="center"/>
      <protection locked="0"/>
    </xf>
    <xf numFmtId="0" fontId="12" fillId="0" borderId="8" xfId="0" applyFont="1" applyFill="1" applyBorder="1" applyAlignment="1" applyProtection="1">
      <alignment horizontal="left" vertical="center"/>
      <protection locked="0"/>
    </xf>
    <xf numFmtId="0" fontId="23" fillId="0" borderId="1" xfId="0" applyFont="1" applyFill="1" applyBorder="1" applyAlignment="1" applyProtection="1">
      <alignment horizontal="distributed" vertical="center" indent="1"/>
    </xf>
    <xf numFmtId="0" fontId="23" fillId="0" borderId="6" xfId="0" applyFont="1" applyFill="1" applyBorder="1" applyAlignment="1" applyProtection="1">
      <alignment horizontal="distributed" vertical="center" indent="1"/>
    </xf>
    <xf numFmtId="0" fontId="23" fillId="0" borderId="8" xfId="0" applyFont="1" applyFill="1" applyBorder="1" applyAlignment="1" applyProtection="1">
      <alignment horizontal="distributed" vertical="center" indent="1"/>
    </xf>
    <xf numFmtId="0" fontId="36" fillId="0" borderId="1" xfId="0" applyFont="1" applyFill="1" applyBorder="1" applyAlignment="1" applyProtection="1">
      <alignment vertical="center" wrapText="1"/>
      <protection locked="0"/>
    </xf>
    <xf numFmtId="0" fontId="36" fillId="0" borderId="6" xfId="0" applyFont="1" applyFill="1" applyBorder="1" applyAlignment="1" applyProtection="1">
      <alignment vertical="center" wrapText="1"/>
      <protection locked="0"/>
    </xf>
    <xf numFmtId="0" fontId="36" fillId="0" borderId="8" xfId="0" applyFont="1" applyFill="1" applyBorder="1" applyAlignment="1" applyProtection="1">
      <alignment vertical="center" wrapText="1"/>
      <protection locked="0"/>
    </xf>
    <xf numFmtId="0" fontId="36" fillId="0" borderId="2" xfId="0" applyFont="1" applyFill="1" applyBorder="1" applyAlignment="1" applyProtection="1">
      <alignment vertical="center" wrapText="1"/>
      <protection locked="0"/>
    </xf>
    <xf numFmtId="0" fontId="36" fillId="0" borderId="0" xfId="0" applyFont="1" applyFill="1" applyBorder="1" applyAlignment="1" applyProtection="1">
      <alignment vertical="center" wrapText="1"/>
      <protection locked="0"/>
    </xf>
    <xf numFmtId="0" fontId="36" fillId="0" borderId="4" xfId="0" applyFont="1" applyFill="1" applyBorder="1" applyAlignment="1" applyProtection="1">
      <alignment vertical="center" wrapText="1"/>
      <protection locked="0"/>
    </xf>
    <xf numFmtId="0" fontId="36" fillId="0" borderId="3" xfId="0" applyFont="1" applyFill="1" applyBorder="1" applyAlignment="1" applyProtection="1">
      <alignment vertical="center" wrapText="1"/>
      <protection locked="0"/>
    </xf>
    <xf numFmtId="0" fontId="36" fillId="0" borderId="5" xfId="0" applyFont="1" applyFill="1" applyBorder="1" applyAlignment="1" applyProtection="1">
      <alignment vertical="center" wrapText="1"/>
      <protection locked="0"/>
    </xf>
    <xf numFmtId="0" fontId="36" fillId="0" borderId="7" xfId="0" applyFont="1" applyFill="1" applyBorder="1" applyAlignment="1" applyProtection="1">
      <alignment vertical="center" wrapText="1"/>
      <protection locked="0"/>
    </xf>
    <xf numFmtId="0" fontId="7" fillId="0" borderId="1" xfId="0" quotePrefix="1" applyNumberFormat="1" applyFont="1" applyFill="1" applyBorder="1" applyAlignment="1" applyProtection="1">
      <alignment vertical="center"/>
      <protection locked="0"/>
    </xf>
    <xf numFmtId="0" fontId="7" fillId="0" borderId="6" xfId="0" quotePrefix="1" applyNumberFormat="1" applyFont="1" applyFill="1" applyBorder="1" applyAlignment="1" applyProtection="1">
      <alignment vertical="center"/>
      <protection locked="0"/>
    </xf>
    <xf numFmtId="0" fontId="7" fillId="0" borderId="8" xfId="0" quotePrefix="1" applyNumberFormat="1" applyFont="1" applyFill="1" applyBorder="1" applyAlignment="1" applyProtection="1">
      <alignment vertical="center"/>
      <protection locked="0"/>
    </xf>
    <xf numFmtId="58" fontId="7" fillId="0" borderId="3" xfId="0" applyNumberFormat="1" applyFont="1" applyFill="1" applyBorder="1" applyAlignment="1" applyProtection="1">
      <alignment vertical="center"/>
      <protection locked="0"/>
    </xf>
    <xf numFmtId="58" fontId="7" fillId="0" borderId="5" xfId="0" applyNumberFormat="1" applyFont="1" applyFill="1" applyBorder="1" applyAlignment="1" applyProtection="1">
      <alignment vertical="center"/>
      <protection locked="0"/>
    </xf>
    <xf numFmtId="58" fontId="7" fillId="0" borderId="7" xfId="0" applyNumberFormat="1" applyFont="1" applyFill="1" applyBorder="1" applyAlignment="1" applyProtection="1">
      <alignment vertical="center"/>
      <protection locked="0"/>
    </xf>
    <xf numFmtId="0" fontId="16" fillId="0" borderId="6" xfId="0" applyFont="1" applyFill="1" applyBorder="1" applyAlignment="1" applyProtection="1">
      <alignment horizontal="distributed" vertical="center" indent="1"/>
    </xf>
    <xf numFmtId="0" fontId="16" fillId="0" borderId="8" xfId="0" applyFont="1" applyFill="1" applyBorder="1" applyAlignment="1" applyProtection="1">
      <alignment horizontal="distributed" vertical="center" indent="1"/>
    </xf>
    <xf numFmtId="0" fontId="7" fillId="0" borderId="0" xfId="0" applyFont="1" applyFill="1" applyBorder="1" applyAlignment="1" applyProtection="1">
      <alignment vertical="center"/>
      <protection locked="0"/>
    </xf>
    <xf numFmtId="0" fontId="7" fillId="0" borderId="4" xfId="0" applyFont="1" applyFill="1" applyBorder="1" applyAlignment="1" applyProtection="1">
      <alignment vertical="center"/>
      <protection locked="0"/>
    </xf>
    <xf numFmtId="176" fontId="9" fillId="0" borderId="1" xfId="0" applyNumberFormat="1" applyFont="1" applyFill="1" applyBorder="1" applyAlignment="1" applyProtection="1">
      <alignment vertical="center"/>
    </xf>
    <xf numFmtId="176" fontId="9" fillId="0" borderId="6" xfId="0" applyNumberFormat="1" applyFont="1" applyFill="1" applyBorder="1" applyAlignment="1" applyProtection="1">
      <alignment vertical="center"/>
    </xf>
    <xf numFmtId="176" fontId="9" fillId="0" borderId="8" xfId="0" applyNumberFormat="1" applyFont="1" applyFill="1" applyBorder="1" applyAlignment="1" applyProtection="1">
      <alignment vertical="center"/>
    </xf>
    <xf numFmtId="176" fontId="9" fillId="0" borderId="3" xfId="0" applyNumberFormat="1" applyFont="1" applyFill="1" applyBorder="1" applyAlignment="1" applyProtection="1">
      <alignment vertical="center"/>
    </xf>
    <xf numFmtId="176" fontId="9" fillId="0" borderId="5" xfId="0" applyNumberFormat="1" applyFont="1" applyFill="1" applyBorder="1" applyAlignment="1" applyProtection="1">
      <alignment vertical="center"/>
    </xf>
    <xf numFmtId="176" fontId="9" fillId="0" borderId="7" xfId="0" applyNumberFormat="1" applyFont="1" applyFill="1" applyBorder="1" applyAlignment="1" applyProtection="1">
      <alignment vertical="center"/>
    </xf>
    <xf numFmtId="0" fontId="41" fillId="0" borderId="2" xfId="0" applyFont="1" applyFill="1" applyBorder="1" applyAlignment="1" applyProtection="1">
      <alignment horizontal="distributed" vertical="center"/>
    </xf>
    <xf numFmtId="0" fontId="41" fillId="0" borderId="0" xfId="0" applyFont="1" applyFill="1" applyBorder="1" applyAlignment="1" applyProtection="1">
      <alignment horizontal="distributed" vertical="center"/>
    </xf>
    <xf numFmtId="0" fontId="41" fillId="0" borderId="4" xfId="0" applyFont="1" applyFill="1" applyBorder="1" applyAlignment="1" applyProtection="1">
      <alignment horizontal="distributed" vertical="center"/>
    </xf>
    <xf numFmtId="0" fontId="41" fillId="0" borderId="3" xfId="0" applyFont="1" applyFill="1" applyBorder="1" applyAlignment="1" applyProtection="1">
      <alignment horizontal="distributed" vertical="center"/>
    </xf>
    <xf numFmtId="0" fontId="41" fillId="0" borderId="5" xfId="0" applyFont="1" applyFill="1" applyBorder="1" applyAlignment="1" applyProtection="1">
      <alignment horizontal="distributed" vertical="center"/>
    </xf>
    <xf numFmtId="0" fontId="41" fillId="0" borderId="7" xfId="0" applyFont="1" applyFill="1" applyBorder="1" applyAlignment="1" applyProtection="1">
      <alignment horizontal="distributed" vertical="center"/>
    </xf>
    <xf numFmtId="58" fontId="12" fillId="0" borderId="3" xfId="0" applyNumberFormat="1" applyFont="1" applyFill="1" applyBorder="1" applyAlignment="1" applyProtection="1">
      <alignment horizontal="center" vertical="center"/>
      <protection locked="0"/>
    </xf>
    <xf numFmtId="0" fontId="9" fillId="0" borderId="8" xfId="0" applyFont="1" applyFill="1" applyBorder="1" applyAlignment="1" applyProtection="1">
      <alignment vertical="center"/>
    </xf>
    <xf numFmtId="0" fontId="9" fillId="0" borderId="5" xfId="0" applyFont="1" applyFill="1" applyBorder="1" applyAlignment="1" applyProtection="1">
      <alignment vertical="center"/>
    </xf>
    <xf numFmtId="0" fontId="9" fillId="0" borderId="7" xfId="0" applyFont="1" applyFill="1" applyBorder="1" applyAlignment="1" applyProtection="1">
      <alignment vertical="center"/>
    </xf>
    <xf numFmtId="0" fontId="28" fillId="0" borderId="5" xfId="0" applyFont="1" applyFill="1" applyBorder="1" applyAlignment="1" applyProtection="1">
      <alignment vertical="center"/>
    </xf>
    <xf numFmtId="58" fontId="7" fillId="0" borderId="2" xfId="0" applyNumberFormat="1" applyFont="1" applyFill="1" applyBorder="1" applyAlignment="1" applyProtection="1">
      <alignment horizontal="left" vertical="center" shrinkToFit="1"/>
    </xf>
    <xf numFmtId="58" fontId="7" fillId="0" borderId="0" xfId="0" applyNumberFormat="1" applyFont="1" applyFill="1" applyBorder="1" applyAlignment="1" applyProtection="1">
      <alignment horizontal="left" vertical="center" shrinkToFit="1"/>
    </xf>
    <xf numFmtId="58" fontId="7" fillId="0" borderId="4" xfId="0" applyNumberFormat="1" applyFont="1" applyFill="1" applyBorder="1" applyAlignment="1" applyProtection="1">
      <alignment horizontal="left" vertical="center" shrinkToFit="1"/>
    </xf>
    <xf numFmtId="0" fontId="7" fillId="0" borderId="1" xfId="0" applyFont="1" applyFill="1" applyBorder="1" applyAlignment="1" applyProtection="1">
      <alignment horizontal="left" vertical="center" shrinkToFit="1"/>
    </xf>
    <xf numFmtId="0" fontId="7" fillId="0" borderId="6" xfId="0" applyFont="1" applyFill="1" applyBorder="1" applyAlignment="1" applyProtection="1">
      <alignment horizontal="left" vertical="center" shrinkToFit="1"/>
    </xf>
    <xf numFmtId="0" fontId="7" fillId="0" borderId="8" xfId="0" applyFont="1" applyFill="1" applyBorder="1" applyAlignment="1" applyProtection="1">
      <alignment horizontal="left" vertical="center" shrinkToFit="1"/>
    </xf>
    <xf numFmtId="0" fontId="25" fillId="0" borderId="10" xfId="0" applyFont="1" applyFill="1" applyBorder="1" applyAlignment="1" applyProtection="1">
      <alignment vertical="center" shrinkToFit="1"/>
      <protection locked="0"/>
    </xf>
    <xf numFmtId="0" fontId="25" fillId="0" borderId="10" xfId="0" applyFont="1" applyFill="1" applyBorder="1" applyAlignment="1" applyProtection="1">
      <alignment horizontal="left" vertical="center" shrinkToFit="1"/>
      <protection locked="0"/>
    </xf>
    <xf numFmtId="0" fontId="7" fillId="0" borderId="8" xfId="0" applyFont="1" applyFill="1" applyBorder="1" applyAlignment="1" applyProtection="1">
      <alignment horizontal="center" vertical="center" wrapText="1"/>
    </xf>
    <xf numFmtId="0" fontId="7" fillId="0" borderId="3" xfId="0" applyFont="1" applyFill="1" applyBorder="1" applyAlignment="1" applyProtection="1">
      <alignment horizontal="center" vertical="center" wrapText="1"/>
    </xf>
    <xf numFmtId="0" fontId="7" fillId="0" borderId="5" xfId="0" applyFont="1" applyFill="1" applyBorder="1" applyAlignment="1" applyProtection="1">
      <alignment horizontal="center" vertical="center" wrapText="1"/>
    </xf>
    <xf numFmtId="0" fontId="7" fillId="0" borderId="7" xfId="0" applyFont="1" applyFill="1" applyBorder="1" applyAlignment="1" applyProtection="1">
      <alignment horizontal="center" vertical="center" wrapText="1"/>
    </xf>
    <xf numFmtId="0" fontId="12" fillId="0" borderId="8" xfId="0" applyFont="1" applyFill="1" applyBorder="1" applyAlignment="1" applyProtection="1">
      <alignment horizontal="distributed" vertical="center" wrapText="1"/>
    </xf>
    <xf numFmtId="0" fontId="12" fillId="0" borderId="3" xfId="0" applyFont="1" applyFill="1" applyBorder="1" applyAlignment="1" applyProtection="1">
      <alignment horizontal="distributed" vertical="center" wrapText="1"/>
    </xf>
    <xf numFmtId="0" fontId="12" fillId="0" borderId="5" xfId="0" applyFont="1" applyFill="1" applyBorder="1" applyAlignment="1" applyProtection="1">
      <alignment horizontal="distributed" vertical="center" wrapText="1"/>
    </xf>
    <xf numFmtId="0" fontId="12" fillId="0" borderId="7" xfId="0" applyFont="1" applyFill="1" applyBorder="1" applyAlignment="1" applyProtection="1">
      <alignment horizontal="distributed" vertical="center" wrapText="1"/>
    </xf>
    <xf numFmtId="0" fontId="16" fillId="0" borderId="8" xfId="0" applyFont="1" applyFill="1" applyBorder="1" applyAlignment="1" applyProtection="1">
      <alignment horizontal="distributed" vertical="center" wrapText="1"/>
    </xf>
    <xf numFmtId="0" fontId="16" fillId="0" borderId="3" xfId="0" applyFont="1" applyFill="1" applyBorder="1" applyAlignment="1" applyProtection="1">
      <alignment horizontal="distributed" vertical="center" wrapText="1"/>
    </xf>
    <xf numFmtId="0" fontId="16" fillId="0" borderId="5" xfId="0" applyFont="1" applyFill="1" applyBorder="1" applyAlignment="1" applyProtection="1">
      <alignment horizontal="distributed" vertical="center" wrapText="1"/>
    </xf>
    <xf numFmtId="0" fontId="16" fillId="0" borderId="7" xfId="0" applyFont="1" applyFill="1" applyBorder="1" applyAlignment="1" applyProtection="1">
      <alignment horizontal="distributed" vertical="center" wrapText="1"/>
    </xf>
    <xf numFmtId="0" fontId="7" fillId="0" borderId="8" xfId="0" applyFont="1" applyFill="1" applyBorder="1" applyAlignment="1" applyProtection="1">
      <alignment horizontal="left" vertical="center"/>
    </xf>
    <xf numFmtId="0" fontId="7" fillId="0" borderId="5" xfId="0" applyFont="1" applyFill="1" applyBorder="1" applyAlignment="1" applyProtection="1">
      <alignment horizontal="left" vertical="center"/>
    </xf>
    <xf numFmtId="0" fontId="7" fillId="0" borderId="7" xfId="0" applyFont="1" applyFill="1" applyBorder="1" applyAlignment="1" applyProtection="1">
      <alignment horizontal="left" vertical="center"/>
    </xf>
    <xf numFmtId="0" fontId="9" fillId="0" borderId="3" xfId="0" applyFont="1" applyFill="1" applyBorder="1" applyAlignment="1" applyProtection="1">
      <alignment horizontal="right" vertical="center"/>
    </xf>
    <xf numFmtId="0" fontId="9" fillId="0" borderId="5" xfId="0" applyFont="1" applyFill="1" applyBorder="1" applyAlignment="1" applyProtection="1">
      <alignment horizontal="right" vertical="center"/>
    </xf>
    <xf numFmtId="40" fontId="9" fillId="0" borderId="6" xfId="2" applyNumberFormat="1" applyFont="1" applyFill="1" applyBorder="1" applyAlignment="1" applyProtection="1">
      <alignment vertical="center"/>
    </xf>
    <xf numFmtId="40" fontId="9" fillId="0" borderId="3" xfId="2" applyNumberFormat="1" applyFont="1" applyFill="1" applyBorder="1" applyAlignment="1" applyProtection="1">
      <alignment vertical="center"/>
    </xf>
    <xf numFmtId="40" fontId="9" fillId="0" borderId="5" xfId="2" applyNumberFormat="1" applyFont="1" applyFill="1" applyBorder="1" applyAlignment="1" applyProtection="1">
      <alignment vertical="center"/>
    </xf>
    <xf numFmtId="38" fontId="9" fillId="0" borderId="6" xfId="2" applyFont="1" applyFill="1" applyBorder="1" applyAlignment="1" applyProtection="1">
      <alignment horizontal="right" vertical="center"/>
    </xf>
    <xf numFmtId="38" fontId="9" fillId="0" borderId="3" xfId="2" applyFont="1" applyFill="1" applyBorder="1" applyAlignment="1" applyProtection="1">
      <alignment horizontal="right" vertical="center"/>
    </xf>
    <xf numFmtId="38" fontId="9" fillId="0" borderId="5" xfId="2" applyFont="1" applyFill="1" applyBorder="1" applyAlignment="1" applyProtection="1">
      <alignment horizontal="right" vertical="center"/>
    </xf>
    <xf numFmtId="182" fontId="9" fillId="0" borderId="3" xfId="0" applyNumberFormat="1" applyFont="1" applyFill="1" applyBorder="1" applyAlignment="1" applyProtection="1">
      <alignment horizontal="right" vertical="center"/>
    </xf>
    <xf numFmtId="182" fontId="9" fillId="0" borderId="5" xfId="0" applyNumberFormat="1" applyFont="1" applyFill="1" applyBorder="1" applyAlignment="1" applyProtection="1">
      <alignment horizontal="right" vertical="center"/>
    </xf>
    <xf numFmtId="0" fontId="0" fillId="0" borderId="7" xfId="0" applyFont="1" applyFill="1" applyBorder="1" applyAlignment="1" applyProtection="1">
      <alignment horizontal="left" vertical="center"/>
      <protection locked="0"/>
    </xf>
    <xf numFmtId="0" fontId="17" fillId="0" borderId="6" xfId="0" applyFont="1" applyFill="1" applyBorder="1" applyAlignment="1" applyProtection="1">
      <alignment horizontal="distributed" vertical="center" wrapText="1"/>
    </xf>
    <xf numFmtId="0" fontId="17" fillId="0" borderId="8" xfId="0" applyFont="1" applyFill="1" applyBorder="1" applyAlignment="1" applyProtection="1">
      <alignment horizontal="distributed" vertical="center" wrapText="1"/>
    </xf>
    <xf numFmtId="0" fontId="17" fillId="0" borderId="3" xfId="0" applyFont="1" applyFill="1" applyBorder="1" applyAlignment="1" applyProtection="1">
      <alignment horizontal="distributed" vertical="center" wrapText="1"/>
    </xf>
    <xf numFmtId="0" fontId="17" fillId="0" borderId="5" xfId="0" applyFont="1" applyFill="1" applyBorder="1" applyAlignment="1" applyProtection="1">
      <alignment horizontal="distributed" vertical="center" wrapText="1"/>
    </xf>
    <xf numFmtId="0" fontId="17" fillId="0" borderId="7" xfId="0" applyFont="1" applyFill="1" applyBorder="1" applyAlignment="1" applyProtection="1">
      <alignment horizontal="distributed" vertical="center" wrapText="1"/>
    </xf>
    <xf numFmtId="0" fontId="7" fillId="0" borderId="0" xfId="0" applyFont="1" applyFill="1" applyAlignment="1" applyProtection="1">
      <alignment horizontal="left" vertical="center" wrapText="1"/>
      <protection locked="0"/>
    </xf>
    <xf numFmtId="0" fontId="11" fillId="0" borderId="14" xfId="1" applyFont="1" applyFill="1" applyBorder="1" applyAlignment="1" applyProtection="1">
      <alignment vertical="center"/>
      <protection locked="0"/>
    </xf>
    <xf numFmtId="0" fontId="11" fillId="0" borderId="10" xfId="1" applyFont="1" applyFill="1" applyBorder="1" applyAlignment="1" applyProtection="1">
      <alignment vertical="center"/>
      <protection locked="0"/>
    </xf>
    <xf numFmtId="0" fontId="11" fillId="0" borderId="6" xfId="1" applyFont="1" applyFill="1" applyBorder="1" applyAlignment="1" applyProtection="1">
      <alignment vertical="center"/>
      <protection locked="0"/>
    </xf>
    <xf numFmtId="0" fontId="11" fillId="0" borderId="15" xfId="1" applyFont="1" applyFill="1" applyBorder="1" applyAlignment="1" applyProtection="1">
      <alignment vertical="center"/>
      <protection locked="0"/>
    </xf>
    <xf numFmtId="0" fontId="21" fillId="0" borderId="0" xfId="0" applyFont="1" applyFill="1" applyBorder="1" applyAlignment="1" applyProtection="1">
      <alignment horizontal="left" vertical="center"/>
      <protection locked="0"/>
    </xf>
    <xf numFmtId="0" fontId="21" fillId="0" borderId="0" xfId="0" applyFont="1" applyFill="1" applyBorder="1" applyAlignment="1" applyProtection="1">
      <alignment horizontal="left" vertical="center" shrinkToFit="1"/>
      <protection locked="0"/>
    </xf>
    <xf numFmtId="0" fontId="21" fillId="0" borderId="4" xfId="0" applyFont="1" applyFill="1" applyBorder="1" applyAlignment="1" applyProtection="1">
      <alignment horizontal="left" vertical="center" shrinkToFit="1"/>
      <protection locked="0"/>
    </xf>
    <xf numFmtId="57" fontId="21" fillId="0" borderId="1" xfId="0" applyNumberFormat="1" applyFont="1" applyFill="1" applyBorder="1" applyAlignment="1" applyProtection="1">
      <alignment horizontal="left" vertical="center"/>
      <protection locked="0"/>
    </xf>
    <xf numFmtId="57" fontId="21" fillId="0" borderId="6" xfId="0" applyNumberFormat="1" applyFont="1" applyFill="1" applyBorder="1" applyAlignment="1" applyProtection="1">
      <alignment horizontal="left" vertical="center"/>
      <protection locked="0"/>
    </xf>
    <xf numFmtId="0" fontId="21" fillId="0" borderId="6" xfId="0" applyFont="1" applyFill="1" applyBorder="1" applyAlignment="1" applyProtection="1">
      <alignment horizontal="left" vertical="center"/>
      <protection locked="0"/>
    </xf>
    <xf numFmtId="0" fontId="21" fillId="0" borderId="4" xfId="0" applyFont="1" applyFill="1" applyBorder="1" applyAlignment="1" applyProtection="1">
      <alignment horizontal="left" vertical="center"/>
      <protection locked="0"/>
    </xf>
    <xf numFmtId="0" fontId="7" fillId="0" borderId="1" xfId="0" applyFont="1" applyFill="1" applyBorder="1" applyAlignment="1" applyProtection="1">
      <alignment horizontal="left" vertical="center" wrapText="1" shrinkToFit="1"/>
      <protection locked="0"/>
    </xf>
    <xf numFmtId="0" fontId="7" fillId="0" borderId="6" xfId="0" applyFont="1" applyFill="1" applyBorder="1" applyAlignment="1" applyProtection="1">
      <alignment horizontal="left" vertical="center" wrapText="1" shrinkToFit="1"/>
      <protection locked="0"/>
    </xf>
    <xf numFmtId="0" fontId="7" fillId="0" borderId="8" xfId="0" applyFont="1" applyFill="1" applyBorder="1" applyAlignment="1" applyProtection="1">
      <alignment horizontal="left" vertical="center" wrapText="1" shrinkToFit="1"/>
      <protection locked="0"/>
    </xf>
    <xf numFmtId="0" fontId="7" fillId="0" borderId="3" xfId="0" applyFont="1" applyFill="1" applyBorder="1" applyAlignment="1" applyProtection="1">
      <alignment horizontal="left" vertical="center" wrapText="1" shrinkToFit="1"/>
      <protection locked="0"/>
    </xf>
    <xf numFmtId="0" fontId="7" fillId="0" borderId="5" xfId="0" applyFont="1" applyFill="1" applyBorder="1" applyAlignment="1" applyProtection="1">
      <alignment horizontal="left" vertical="center" wrapText="1" shrinkToFit="1"/>
      <protection locked="0"/>
    </xf>
    <xf numFmtId="0" fontId="7" fillId="0" borderId="7" xfId="0" applyFont="1" applyFill="1" applyBorder="1" applyAlignment="1" applyProtection="1">
      <alignment horizontal="left" vertical="center" wrapText="1" shrinkToFit="1"/>
      <protection locked="0"/>
    </xf>
    <xf numFmtId="0" fontId="5" fillId="0" borderId="1" xfId="0" applyFont="1" applyFill="1" applyBorder="1" applyAlignment="1" applyProtection="1">
      <alignment horizontal="left" vertical="top" wrapText="1"/>
      <protection locked="0"/>
    </xf>
    <xf numFmtId="0" fontId="5" fillId="0" borderId="6" xfId="0" applyFont="1" applyFill="1" applyBorder="1" applyAlignment="1" applyProtection="1">
      <alignment horizontal="left" vertical="top" wrapText="1"/>
      <protection locked="0"/>
    </xf>
    <xf numFmtId="0" fontId="5" fillId="0" borderId="8" xfId="0" applyFont="1" applyFill="1" applyBorder="1" applyAlignment="1" applyProtection="1">
      <alignment horizontal="left" vertical="top" wrapText="1"/>
      <protection locked="0"/>
    </xf>
    <xf numFmtId="0" fontId="5" fillId="0" borderId="2" xfId="0" applyFont="1" applyFill="1" applyBorder="1" applyAlignment="1" applyProtection="1">
      <alignment horizontal="left" vertical="top" wrapText="1"/>
      <protection locked="0"/>
    </xf>
    <xf numFmtId="0" fontId="5" fillId="0" borderId="0" xfId="0" applyFont="1" applyFill="1" applyBorder="1" applyAlignment="1" applyProtection="1">
      <alignment horizontal="left" vertical="top" wrapText="1"/>
      <protection locked="0"/>
    </xf>
    <xf numFmtId="0" fontId="5" fillId="0" borderId="4" xfId="0" applyFont="1" applyFill="1" applyBorder="1" applyAlignment="1" applyProtection="1">
      <alignment horizontal="left" vertical="top" wrapText="1"/>
      <protection locked="0"/>
    </xf>
    <xf numFmtId="0" fontId="5" fillId="0" borderId="3" xfId="0" applyFont="1" applyFill="1" applyBorder="1" applyAlignment="1" applyProtection="1">
      <alignment horizontal="left" vertical="top" wrapText="1"/>
      <protection locked="0"/>
    </xf>
    <xf numFmtId="0" fontId="5" fillId="0" borderId="5" xfId="0" applyFont="1" applyFill="1" applyBorder="1" applyAlignment="1" applyProtection="1">
      <alignment horizontal="left" vertical="top" wrapText="1"/>
      <protection locked="0"/>
    </xf>
    <xf numFmtId="0" fontId="5" fillId="0" borderId="7" xfId="0" applyFont="1" applyFill="1" applyBorder="1" applyAlignment="1" applyProtection="1">
      <alignment horizontal="left" vertical="top" wrapText="1"/>
      <protection locked="0"/>
    </xf>
    <xf numFmtId="0" fontId="5" fillId="0" borderId="13" xfId="0" applyFont="1" applyFill="1" applyBorder="1" applyAlignment="1">
      <alignment horizontal="center" vertical="center"/>
    </xf>
    <xf numFmtId="0" fontId="0" fillId="0" borderId="6" xfId="0" applyFont="1" applyFill="1" applyBorder="1" applyAlignment="1" applyProtection="1">
      <alignment vertical="center"/>
      <protection locked="0"/>
    </xf>
    <xf numFmtId="0" fontId="0" fillId="0" borderId="8" xfId="0" applyFont="1" applyFill="1" applyBorder="1" applyAlignment="1" applyProtection="1">
      <alignment vertical="center"/>
      <protection locked="0"/>
    </xf>
    <xf numFmtId="0" fontId="4" fillId="0" borderId="13"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9" xfId="0" applyFont="1" applyFill="1" applyBorder="1" applyAlignment="1">
      <alignment horizontal="center" vertical="center"/>
    </xf>
    <xf numFmtId="0" fontId="5" fillId="0" borderId="12" xfId="0" applyFont="1" applyFill="1" applyBorder="1" applyAlignment="1">
      <alignment horizontal="center" vertical="center"/>
    </xf>
    <xf numFmtId="0" fontId="12" fillId="0" borderId="11" xfId="0" applyFont="1" applyFill="1" applyBorder="1" applyAlignment="1" applyProtection="1">
      <alignment vertical="top" wrapText="1"/>
      <protection locked="0"/>
    </xf>
    <xf numFmtId="0" fontId="0" fillId="0" borderId="11" xfId="0" applyFont="1" applyFill="1" applyBorder="1" applyAlignment="1" applyProtection="1">
      <alignment vertical="top"/>
      <protection locked="0"/>
    </xf>
    <xf numFmtId="0" fontId="0" fillId="0" borderId="9" xfId="0" applyFont="1" applyFill="1" applyBorder="1" applyAlignment="1" applyProtection="1">
      <alignment vertical="top"/>
      <protection locked="0"/>
    </xf>
    <xf numFmtId="190" fontId="0" fillId="0" borderId="12" xfId="0" applyNumberFormat="1" applyFont="1" applyFill="1" applyBorder="1" applyProtection="1"/>
    <xf numFmtId="58" fontId="21" fillId="0" borderId="0" xfId="0" applyNumberFormat="1" applyFont="1" applyFill="1" applyBorder="1" applyAlignment="1" applyProtection="1">
      <alignment vertical="center"/>
      <protection locked="0"/>
    </xf>
    <xf numFmtId="0" fontId="21" fillId="0" borderId="0" xfId="0" applyFont="1" applyFill="1" applyBorder="1" applyAlignment="1" applyProtection="1">
      <alignment vertical="center" shrinkToFit="1"/>
      <protection locked="0"/>
    </xf>
    <xf numFmtId="0" fontId="21" fillId="0" borderId="4" xfId="0" applyFont="1" applyFill="1" applyBorder="1" applyAlignment="1" applyProtection="1">
      <alignment vertical="center" shrinkToFit="1"/>
      <protection locked="0"/>
    </xf>
    <xf numFmtId="58" fontId="7" fillId="0" borderId="0" xfId="0" applyNumberFormat="1" applyFont="1" applyFill="1" applyBorder="1" applyAlignment="1" applyProtection="1">
      <alignment vertical="center"/>
      <protection locked="0"/>
    </xf>
    <xf numFmtId="58" fontId="7" fillId="0" borderId="4" xfId="0" applyNumberFormat="1" applyFont="1" applyFill="1" applyBorder="1" applyAlignment="1" applyProtection="1">
      <alignment vertical="center"/>
      <protection locked="0"/>
    </xf>
    <xf numFmtId="57" fontId="5" fillId="0" borderId="3" xfId="0" applyNumberFormat="1" applyFont="1" applyFill="1" applyBorder="1" applyAlignment="1" applyProtection="1">
      <alignment horizontal="left" vertical="center"/>
      <protection locked="0"/>
    </xf>
    <xf numFmtId="57" fontId="5" fillId="0" borderId="5" xfId="0" applyNumberFormat="1" applyFont="1" applyFill="1" applyBorder="1" applyAlignment="1" applyProtection="1">
      <alignment horizontal="left" vertical="center"/>
      <protection locked="0"/>
    </xf>
    <xf numFmtId="58" fontId="21" fillId="0" borderId="5" xfId="0" applyNumberFormat="1" applyFont="1" applyFill="1" applyBorder="1" applyAlignment="1" applyProtection="1">
      <alignment horizontal="left" vertical="center"/>
      <protection locked="0"/>
    </xf>
    <xf numFmtId="58" fontId="21" fillId="0" borderId="5" xfId="0" applyNumberFormat="1" applyFont="1" applyFill="1" applyBorder="1" applyAlignment="1" applyProtection="1">
      <alignment horizontal="right" vertical="center"/>
      <protection locked="0"/>
    </xf>
    <xf numFmtId="58" fontId="21" fillId="0" borderId="7" xfId="0" applyNumberFormat="1" applyFont="1" applyFill="1" applyBorder="1" applyAlignment="1" applyProtection="1">
      <alignment horizontal="right" vertical="center"/>
      <protection locked="0"/>
    </xf>
    <xf numFmtId="58" fontId="21" fillId="0" borderId="0" xfId="0" applyNumberFormat="1" applyFont="1" applyFill="1" applyBorder="1" applyAlignment="1" applyProtection="1">
      <alignment horizontal="left" vertical="center"/>
      <protection locked="0"/>
    </xf>
    <xf numFmtId="58" fontId="21" fillId="0" borderId="4" xfId="0" applyNumberFormat="1" applyFont="1" applyFill="1" applyBorder="1" applyAlignment="1" applyProtection="1">
      <alignment horizontal="left" vertical="center"/>
      <protection locked="0"/>
    </xf>
    <xf numFmtId="0" fontId="21" fillId="0" borderId="0" xfId="0" applyFont="1" applyFill="1" applyBorder="1" applyAlignment="1" applyProtection="1">
      <alignment vertical="center" wrapText="1"/>
      <protection locked="0"/>
    </xf>
    <xf numFmtId="0" fontId="21" fillId="0" borderId="4" xfId="0" applyFont="1" applyFill="1" applyBorder="1" applyAlignment="1" applyProtection="1">
      <alignment vertical="center" wrapText="1"/>
      <protection locked="0"/>
    </xf>
    <xf numFmtId="0" fontId="23" fillId="0" borderId="11" xfId="0" applyFont="1" applyFill="1" applyBorder="1" applyAlignment="1" applyProtection="1">
      <alignment horizontal="distributed" vertical="center" indent="1"/>
    </xf>
    <xf numFmtId="0" fontId="24" fillId="0" borderId="11" xfId="0" applyFont="1" applyFill="1" applyBorder="1" applyAlignment="1" applyProtection="1">
      <alignment horizontal="distributed" vertical="center" indent="1"/>
    </xf>
    <xf numFmtId="58" fontId="30" fillId="0" borderId="0" xfId="0" applyNumberFormat="1" applyFont="1" applyFill="1" applyBorder="1" applyAlignment="1" applyProtection="1">
      <alignment vertical="center"/>
      <protection locked="0"/>
    </xf>
    <xf numFmtId="58" fontId="30" fillId="0" borderId="4" xfId="0" applyNumberFormat="1" applyFont="1" applyFill="1" applyBorder="1" applyAlignment="1" applyProtection="1">
      <alignment vertical="center"/>
      <protection locked="0"/>
    </xf>
    <xf numFmtId="0" fontId="30" fillId="0" borderId="0" xfId="0" applyFont="1" applyFill="1" applyBorder="1" applyAlignment="1">
      <alignment vertical="center"/>
    </xf>
    <xf numFmtId="0" fontId="30" fillId="0" borderId="4" xfId="0" applyFont="1" applyFill="1" applyBorder="1" applyAlignment="1">
      <alignment vertical="center"/>
    </xf>
    <xf numFmtId="58" fontId="7" fillId="0" borderId="0" xfId="0" applyNumberFormat="1" applyFont="1" applyFill="1" applyBorder="1" applyAlignment="1" applyProtection="1">
      <alignment vertical="center" wrapText="1"/>
      <protection locked="0"/>
    </xf>
    <xf numFmtId="58" fontId="7" fillId="0" borderId="4" xfId="0" applyNumberFormat="1" applyFont="1" applyFill="1" applyBorder="1" applyAlignment="1" applyProtection="1">
      <alignment vertical="center" wrapText="1"/>
      <protection locked="0"/>
    </xf>
    <xf numFmtId="0" fontId="30" fillId="0" borderId="5" xfId="0" applyFont="1" applyFill="1" applyBorder="1" applyAlignment="1">
      <alignment vertical="center"/>
    </xf>
    <xf numFmtId="0" fontId="30" fillId="0" borderId="7" xfId="0" applyFont="1" applyFill="1" applyBorder="1" applyAlignment="1">
      <alignment vertical="center"/>
    </xf>
    <xf numFmtId="0" fontId="7" fillId="0" borderId="2" xfId="0" quotePrefix="1" applyNumberFormat="1" applyFont="1" applyFill="1" applyBorder="1" applyAlignment="1" applyProtection="1">
      <alignment vertical="center"/>
      <protection locked="0"/>
    </xf>
    <xf numFmtId="0" fontId="7" fillId="0" borderId="0" xfId="0" quotePrefix="1" applyNumberFormat="1" applyFont="1" applyFill="1" applyBorder="1" applyAlignment="1" applyProtection="1">
      <alignment vertical="center"/>
      <protection locked="0"/>
    </xf>
    <xf numFmtId="0" fontId="7" fillId="0" borderId="4" xfId="0" quotePrefix="1" applyNumberFormat="1" applyFont="1" applyFill="1" applyBorder="1" applyAlignment="1" applyProtection="1">
      <alignment vertical="center"/>
      <protection locked="0"/>
    </xf>
    <xf numFmtId="0" fontId="27" fillId="0" borderId="5" xfId="0" applyFont="1" applyFill="1" applyBorder="1" applyProtection="1"/>
    <xf numFmtId="0" fontId="7" fillId="0" borderId="13" xfId="0" applyFont="1" applyFill="1" applyBorder="1" applyAlignment="1">
      <alignment horizontal="center" vertical="center"/>
    </xf>
    <xf numFmtId="38" fontId="9" fillId="0" borderId="13" xfId="2" applyFont="1" applyFill="1" applyBorder="1" applyAlignment="1">
      <alignment vertical="center"/>
    </xf>
    <xf numFmtId="38" fontId="15" fillId="0" borderId="13" xfId="2" applyFont="1" applyFill="1" applyBorder="1" applyAlignment="1">
      <alignment vertical="center"/>
    </xf>
    <xf numFmtId="176" fontId="9" fillId="0" borderId="13" xfId="0" applyNumberFormat="1" applyFont="1" applyFill="1" applyBorder="1" applyAlignment="1">
      <alignment vertical="center"/>
    </xf>
    <xf numFmtId="58" fontId="7" fillId="0" borderId="1" xfId="0" applyNumberFormat="1" applyFont="1" applyFill="1" applyBorder="1" applyAlignment="1" applyProtection="1">
      <alignment horizontal="left" vertical="center" shrinkToFit="1"/>
    </xf>
    <xf numFmtId="0" fontId="10" fillId="0" borderId="6" xfId="0" applyFont="1" applyFill="1" applyBorder="1" applyAlignment="1" applyProtection="1">
      <alignment horizontal="left" vertical="center" shrinkToFit="1"/>
    </xf>
    <xf numFmtId="0" fontId="10" fillId="0" borderId="8" xfId="0" applyFont="1" applyFill="1" applyBorder="1" applyAlignment="1" applyProtection="1">
      <alignment horizontal="left" vertical="center" shrinkToFit="1"/>
    </xf>
    <xf numFmtId="0" fontId="7" fillId="0" borderId="2" xfId="0" applyFont="1" applyFill="1" applyBorder="1" applyAlignment="1" applyProtection="1">
      <alignment horizontal="left" vertical="center" shrinkToFit="1"/>
    </xf>
    <xf numFmtId="0" fontId="7" fillId="0" borderId="0" xfId="0" applyFont="1" applyFill="1" applyBorder="1" applyAlignment="1" applyProtection="1">
      <alignment horizontal="left" vertical="center" shrinkToFit="1"/>
    </xf>
    <xf numFmtId="0" fontId="7" fillId="0" borderId="4" xfId="0" applyFont="1" applyFill="1" applyBorder="1" applyAlignment="1" applyProtection="1">
      <alignment horizontal="left" vertical="center" shrinkToFit="1"/>
    </xf>
    <xf numFmtId="0" fontId="0" fillId="0" borderId="0" xfId="0" applyFont="1" applyFill="1" applyBorder="1" applyAlignment="1" applyProtection="1">
      <alignment horizontal="right" vertical="center" shrinkToFit="1"/>
      <protection locked="0"/>
    </xf>
    <xf numFmtId="0" fontId="0" fillId="0" borderId="4" xfId="0" applyFont="1" applyFill="1" applyBorder="1" applyAlignment="1" applyProtection="1">
      <alignment horizontal="right" vertical="center" shrinkToFit="1"/>
      <protection locked="0"/>
    </xf>
    <xf numFmtId="0" fontId="0" fillId="0" borderId="0" xfId="0" applyFont="1" applyFill="1" applyBorder="1" applyAlignment="1" applyProtection="1">
      <alignment horizontal="left" vertical="center" shrinkToFit="1"/>
      <protection locked="0"/>
    </xf>
    <xf numFmtId="0" fontId="0" fillId="0" borderId="4" xfId="0" applyFont="1" applyFill="1" applyBorder="1" applyAlignment="1" applyProtection="1">
      <alignment horizontal="left" vertical="center" shrinkToFit="1"/>
      <protection locked="0"/>
    </xf>
    <xf numFmtId="0" fontId="10" fillId="0" borderId="0" xfId="0" applyFont="1" applyFill="1" applyBorder="1" applyAlignment="1" applyProtection="1">
      <alignment horizontal="left" vertical="center" shrinkToFit="1"/>
    </xf>
    <xf numFmtId="0" fontId="10" fillId="0" borderId="4" xfId="0" applyFont="1" applyFill="1" applyBorder="1" applyAlignment="1" applyProtection="1">
      <alignment horizontal="left" vertical="center" shrinkToFit="1"/>
    </xf>
    <xf numFmtId="0" fontId="9" fillId="0" borderId="6" xfId="0" applyFont="1" applyFill="1" applyBorder="1" applyAlignment="1">
      <alignment vertical="center"/>
    </xf>
    <xf numFmtId="0" fontId="9" fillId="0" borderId="8" xfId="0" applyFont="1" applyFill="1" applyBorder="1" applyAlignment="1">
      <alignment vertical="center"/>
    </xf>
    <xf numFmtId="0" fontId="9" fillId="0" borderId="5" xfId="0" applyFont="1" applyFill="1" applyBorder="1" applyAlignment="1">
      <alignment vertical="center"/>
    </xf>
    <xf numFmtId="0" fontId="9" fillId="0" borderId="7" xfId="0" applyFont="1" applyFill="1" applyBorder="1" applyAlignment="1">
      <alignment vertical="center"/>
    </xf>
    <xf numFmtId="0" fontId="0" fillId="0" borderId="2" xfId="0" applyFont="1" applyFill="1" applyBorder="1" applyAlignment="1" applyProtection="1">
      <alignment horizontal="left" vertical="center" shrinkToFit="1"/>
    </xf>
    <xf numFmtId="0" fontId="0" fillId="0" borderId="0" xfId="0" applyFont="1" applyFill="1" applyBorder="1" applyAlignment="1" applyProtection="1">
      <alignment horizontal="left" vertical="center" shrinkToFit="1"/>
    </xf>
    <xf numFmtId="0" fontId="0" fillId="0" borderId="4" xfId="0" applyFont="1" applyFill="1" applyBorder="1" applyAlignment="1" applyProtection="1">
      <alignment horizontal="left" vertical="center" shrinkToFit="1"/>
    </xf>
    <xf numFmtId="0" fontId="25" fillId="0" borderId="10" xfId="0" applyFont="1" applyFill="1" applyBorder="1" applyAlignment="1" applyProtection="1">
      <alignment horizontal="left" vertical="center"/>
    </xf>
    <xf numFmtId="0" fontId="0" fillId="0" borderId="0" xfId="0" applyFont="1" applyFill="1" applyBorder="1" applyAlignment="1">
      <alignment horizontal="right" vertical="center"/>
    </xf>
    <xf numFmtId="0" fontId="5" fillId="0" borderId="0" xfId="0" applyFont="1" applyFill="1" applyBorder="1" applyAlignment="1">
      <alignment horizontal="right" vertical="center"/>
    </xf>
    <xf numFmtId="0" fontId="7" fillId="0" borderId="0" xfId="0" applyFont="1" applyFill="1" applyBorder="1" applyAlignment="1">
      <alignment horizontal="left" vertical="center"/>
    </xf>
    <xf numFmtId="0" fontId="7" fillId="0" borderId="4" xfId="0" applyFont="1" applyFill="1" applyBorder="1" applyAlignment="1">
      <alignment horizontal="left" vertical="center"/>
    </xf>
    <xf numFmtId="0" fontId="7" fillId="0" borderId="5" xfId="0" applyFont="1" applyFill="1" applyBorder="1" applyAlignment="1">
      <alignment horizontal="left" vertical="center"/>
    </xf>
    <xf numFmtId="0" fontId="7" fillId="0" borderId="7" xfId="0" applyFont="1" applyFill="1" applyBorder="1" applyAlignment="1">
      <alignment horizontal="left" vertical="center"/>
    </xf>
    <xf numFmtId="0" fontId="9" fillId="0" borderId="2" xfId="0" applyFont="1" applyFill="1" applyBorder="1" applyAlignment="1">
      <alignment horizontal="right" vertical="center"/>
    </xf>
    <xf numFmtId="0" fontId="9" fillId="0" borderId="0" xfId="0" applyFont="1" applyFill="1" applyBorder="1" applyAlignment="1">
      <alignment horizontal="right" vertical="center"/>
    </xf>
    <xf numFmtId="0" fontId="9" fillId="0" borderId="3" xfId="0" applyFont="1" applyFill="1" applyBorder="1" applyAlignment="1">
      <alignment horizontal="right" vertical="center"/>
    </xf>
    <xf numFmtId="0" fontId="9" fillId="0" borderId="5" xfId="0" applyFont="1" applyFill="1" applyBorder="1" applyAlignment="1">
      <alignment horizontal="right" vertical="center"/>
    </xf>
    <xf numFmtId="40" fontId="9" fillId="0" borderId="1" xfId="2" applyNumberFormat="1" applyFont="1" applyFill="1" applyBorder="1" applyAlignment="1">
      <alignment vertical="center"/>
    </xf>
    <xf numFmtId="40" fontId="15" fillId="0" borderId="6" xfId="2" applyNumberFormat="1" applyFont="1" applyFill="1" applyBorder="1" applyAlignment="1">
      <alignment vertical="center"/>
    </xf>
    <xf numFmtId="40" fontId="15" fillId="0" borderId="3" xfId="2" applyNumberFormat="1" applyFont="1" applyFill="1" applyBorder="1" applyAlignment="1">
      <alignment vertical="center"/>
    </xf>
    <xf numFmtId="40" fontId="15" fillId="0" borderId="5" xfId="2" applyNumberFormat="1" applyFont="1" applyFill="1" applyBorder="1" applyAlignment="1">
      <alignment vertical="center"/>
    </xf>
    <xf numFmtId="38" fontId="9" fillId="0" borderId="1" xfId="2" applyFont="1" applyFill="1" applyBorder="1" applyAlignment="1">
      <alignment horizontal="right" vertical="center"/>
    </xf>
    <xf numFmtId="38" fontId="9" fillId="0" borderId="6" xfId="2" applyFont="1" applyFill="1" applyBorder="1" applyAlignment="1">
      <alignment horizontal="right" vertical="center"/>
    </xf>
    <xf numFmtId="38" fontId="9" fillId="0" borderId="3" xfId="2" applyFont="1" applyFill="1" applyBorder="1" applyAlignment="1">
      <alignment horizontal="right" vertical="center"/>
    </xf>
    <xf numFmtId="38" fontId="9" fillId="0" borderId="5" xfId="2" applyFont="1" applyFill="1" applyBorder="1" applyAlignment="1">
      <alignment horizontal="right" vertical="center"/>
    </xf>
    <xf numFmtId="188" fontId="9" fillId="0" borderId="2" xfId="0" applyNumberFormat="1" applyFont="1" applyFill="1" applyBorder="1" applyAlignment="1" applyProtection="1">
      <alignment horizontal="right" vertical="center"/>
    </xf>
    <xf numFmtId="188" fontId="9" fillId="0" borderId="0" xfId="0" applyNumberFormat="1" applyFont="1" applyFill="1" applyBorder="1" applyAlignment="1" applyProtection="1">
      <alignment horizontal="right" vertical="center"/>
    </xf>
    <xf numFmtId="188" fontId="0" fillId="0" borderId="0" xfId="0" applyNumberFormat="1" applyFont="1" applyFill="1" applyBorder="1"/>
    <xf numFmtId="188" fontId="0" fillId="0" borderId="3" xfId="0" applyNumberFormat="1" applyFont="1" applyFill="1" applyBorder="1"/>
    <xf numFmtId="188" fontId="0" fillId="0" borderId="5" xfId="0" applyNumberFormat="1" applyFont="1" applyFill="1" applyBorder="1"/>
    <xf numFmtId="0" fontId="7" fillId="0" borderId="0" xfId="0" applyFont="1" applyFill="1" applyBorder="1" applyAlignment="1" applyProtection="1">
      <alignment vertical="center"/>
    </xf>
    <xf numFmtId="0" fontId="7" fillId="0" borderId="4" xfId="0" applyFont="1" applyFill="1" applyBorder="1" applyAlignment="1" applyProtection="1">
      <alignment vertical="center"/>
    </xf>
    <xf numFmtId="0" fontId="9" fillId="0" borderId="2" xfId="0" applyNumberFormat="1" applyFont="1" applyFill="1" applyBorder="1" applyAlignment="1">
      <alignment horizontal="right" vertical="center"/>
    </xf>
    <xf numFmtId="0" fontId="9" fillId="0" borderId="0" xfId="0" applyNumberFormat="1" applyFont="1" applyFill="1" applyBorder="1" applyAlignment="1">
      <alignment horizontal="right" vertical="center"/>
    </xf>
    <xf numFmtId="0" fontId="9" fillId="0" borderId="3" xfId="0" applyNumberFormat="1" applyFont="1" applyFill="1" applyBorder="1" applyAlignment="1">
      <alignment horizontal="right" vertical="center"/>
    </xf>
    <xf numFmtId="0" fontId="9" fillId="0" borderId="5" xfId="0" applyNumberFormat="1" applyFont="1" applyFill="1" applyBorder="1" applyAlignment="1">
      <alignment horizontal="right" vertical="center"/>
    </xf>
    <xf numFmtId="0" fontId="12" fillId="0" borderId="13" xfId="0" applyFont="1" applyFill="1" applyBorder="1" applyAlignment="1" applyProtection="1">
      <alignment horizontal="distributed" vertical="center" wrapText="1"/>
    </xf>
    <xf numFmtId="0" fontId="12" fillId="0" borderId="13" xfId="0" applyFont="1" applyFill="1" applyBorder="1" applyAlignment="1" applyProtection="1">
      <alignment horizontal="distributed" vertical="center"/>
    </xf>
    <xf numFmtId="0" fontId="17" fillId="0" borderId="2" xfId="0" applyFont="1" applyFill="1" applyBorder="1" applyAlignment="1" applyProtection="1">
      <alignment horizontal="distributed" vertical="center" wrapText="1"/>
    </xf>
    <xf numFmtId="0" fontId="17" fillId="0" borderId="0" xfId="0" applyFont="1" applyFill="1" applyBorder="1" applyAlignment="1" applyProtection="1">
      <alignment horizontal="distributed" vertical="center" wrapText="1"/>
    </xf>
    <xf numFmtId="0" fontId="17" fillId="0" borderId="4" xfId="0" applyFont="1" applyFill="1" applyBorder="1" applyAlignment="1" applyProtection="1">
      <alignment horizontal="distributed" vertical="center" wrapText="1"/>
    </xf>
    <xf numFmtId="0" fontId="16" fillId="0" borderId="2" xfId="0" applyFont="1" applyFill="1" applyBorder="1" applyAlignment="1" applyProtection="1">
      <alignment horizontal="distributed" vertical="center" wrapText="1"/>
    </xf>
    <xf numFmtId="0" fontId="16" fillId="0" borderId="0" xfId="0" applyFont="1" applyFill="1" applyBorder="1" applyAlignment="1" applyProtection="1">
      <alignment horizontal="distributed" vertical="center" wrapText="1"/>
    </xf>
    <xf numFmtId="0" fontId="16" fillId="0" borderId="4" xfId="0" applyFont="1" applyFill="1" applyBorder="1" applyAlignment="1" applyProtection="1">
      <alignment horizontal="distributed" vertical="center" wrapText="1"/>
    </xf>
    <xf numFmtId="0" fontId="12" fillId="0" borderId="2" xfId="0" applyFont="1" applyFill="1" applyBorder="1" applyAlignment="1" applyProtection="1">
      <alignment horizontal="distributed" vertical="center" wrapText="1"/>
    </xf>
    <xf numFmtId="0" fontId="12" fillId="0" borderId="0" xfId="0" applyFont="1" applyFill="1" applyBorder="1" applyAlignment="1" applyProtection="1">
      <alignment horizontal="distributed" vertical="center" wrapText="1"/>
    </xf>
    <xf numFmtId="0" fontId="12" fillId="0" borderId="4" xfId="0" applyFont="1" applyFill="1" applyBorder="1" applyAlignment="1" applyProtection="1">
      <alignment horizontal="distributed" vertical="center" wrapText="1"/>
    </xf>
    <xf numFmtId="0" fontId="16" fillId="0" borderId="13" xfId="0" applyFont="1" applyFill="1" applyBorder="1" applyAlignment="1" applyProtection="1">
      <alignment horizontal="distributed" vertical="center" wrapText="1"/>
    </xf>
    <xf numFmtId="0" fontId="16" fillId="0" borderId="13" xfId="0" applyFont="1" applyFill="1" applyBorder="1" applyAlignment="1" applyProtection="1">
      <alignment horizontal="distributed" vertical="center"/>
    </xf>
    <xf numFmtId="178" fontId="7" fillId="0" borderId="3" xfId="0" applyNumberFormat="1" applyFont="1" applyFill="1" applyBorder="1" applyAlignment="1" applyProtection="1">
      <alignment horizontal="right" vertical="center" shrinkToFit="1"/>
      <protection locked="0"/>
    </xf>
    <xf numFmtId="178" fontId="7" fillId="0" borderId="5" xfId="0" applyNumberFormat="1" applyFont="1" applyFill="1" applyBorder="1" applyAlignment="1" applyProtection="1">
      <alignment horizontal="right" vertical="center" shrinkToFit="1"/>
      <protection locked="0"/>
    </xf>
    <xf numFmtId="178" fontId="7" fillId="0" borderId="7" xfId="0" applyNumberFormat="1" applyFont="1" applyFill="1" applyBorder="1" applyAlignment="1" applyProtection="1">
      <alignment horizontal="right" vertical="center" shrinkToFit="1"/>
      <protection locked="0"/>
    </xf>
    <xf numFmtId="0" fontId="0" fillId="0" borderId="3" xfId="0" applyFont="1" applyFill="1" applyBorder="1" applyAlignment="1" applyProtection="1">
      <alignment horizontal="left" vertical="center" shrinkToFit="1"/>
    </xf>
    <xf numFmtId="0" fontId="0" fillId="0" borderId="5" xfId="0" applyFont="1" applyFill="1" applyBorder="1" applyAlignment="1" applyProtection="1">
      <alignment horizontal="left" vertical="center" shrinkToFit="1"/>
    </xf>
    <xf numFmtId="0" fontId="0" fillId="0" borderId="7" xfId="0" applyFont="1" applyFill="1" applyBorder="1" applyAlignment="1" applyProtection="1">
      <alignment horizontal="left" vertical="center" shrinkToFit="1"/>
    </xf>
    <xf numFmtId="0" fontId="5" fillId="0" borderId="2" xfId="0" applyFont="1" applyFill="1" applyBorder="1" applyAlignment="1">
      <alignment vertical="center"/>
    </xf>
    <xf numFmtId="0" fontId="5" fillId="0" borderId="0" xfId="0" applyFont="1" applyFill="1" applyBorder="1" applyAlignment="1">
      <alignment vertical="center"/>
    </xf>
    <xf numFmtId="0" fontId="5" fillId="0" borderId="4" xfId="0" applyFont="1" applyFill="1" applyBorder="1" applyAlignment="1">
      <alignment vertical="center"/>
    </xf>
    <xf numFmtId="0" fontId="5" fillId="0" borderId="3" xfId="0" applyFont="1" applyFill="1" applyBorder="1" applyAlignment="1">
      <alignment vertical="center"/>
    </xf>
    <xf numFmtId="0" fontId="5" fillId="0" borderId="5" xfId="0" applyFont="1" applyFill="1" applyBorder="1" applyAlignment="1">
      <alignment vertical="center"/>
    </xf>
    <xf numFmtId="0" fontId="5" fillId="0" borderId="7" xfId="0" applyFont="1" applyFill="1" applyBorder="1" applyAlignment="1">
      <alignment vertical="center"/>
    </xf>
    <xf numFmtId="0" fontId="7" fillId="0" borderId="3" xfId="0" applyFont="1" applyFill="1" applyBorder="1" applyAlignment="1" applyProtection="1">
      <alignment vertical="center" shrinkToFit="1"/>
      <protection locked="0"/>
    </xf>
    <xf numFmtId="0" fontId="0" fillId="0" borderId="5" xfId="0" applyFont="1" applyFill="1" applyBorder="1" applyAlignment="1">
      <alignment vertical="center" shrinkToFit="1"/>
    </xf>
    <xf numFmtId="0" fontId="0" fillId="0" borderId="7" xfId="0" applyFont="1" applyFill="1" applyBorder="1" applyAlignment="1">
      <alignment vertical="center" shrinkToFit="1"/>
    </xf>
    <xf numFmtId="0" fontId="7" fillId="0" borderId="2" xfId="0" applyFont="1" applyFill="1" applyBorder="1" applyAlignment="1" applyProtection="1">
      <alignment vertical="center" shrinkToFit="1"/>
      <protection locked="0"/>
    </xf>
    <xf numFmtId="0" fontId="0" fillId="0" borderId="0" xfId="0" applyFont="1" applyFill="1" applyBorder="1" applyAlignment="1">
      <alignment vertical="center" shrinkToFit="1"/>
    </xf>
    <xf numFmtId="0" fontId="0" fillId="0" borderId="4" xfId="0" applyFont="1" applyFill="1" applyBorder="1" applyAlignment="1">
      <alignment vertical="center" shrinkToFit="1"/>
    </xf>
    <xf numFmtId="182" fontId="9" fillId="0" borderId="2" xfId="0" applyNumberFormat="1" applyFont="1" applyFill="1" applyBorder="1" applyAlignment="1">
      <alignment horizontal="right" vertical="center"/>
    </xf>
    <xf numFmtId="182" fontId="9" fillId="0" borderId="0" xfId="0" applyNumberFormat="1" applyFont="1" applyFill="1" applyBorder="1" applyAlignment="1">
      <alignment horizontal="right" vertical="center"/>
    </xf>
    <xf numFmtId="182" fontId="9" fillId="0" borderId="3" xfId="0" applyNumberFormat="1" applyFont="1" applyFill="1" applyBorder="1" applyAlignment="1">
      <alignment horizontal="right" vertical="center"/>
    </xf>
    <xf numFmtId="182" fontId="9" fillId="0" borderId="5" xfId="0" applyNumberFormat="1" applyFont="1" applyFill="1" applyBorder="1" applyAlignment="1">
      <alignment horizontal="right" vertical="center"/>
    </xf>
    <xf numFmtId="181" fontId="7" fillId="0" borderId="2" xfId="0" applyNumberFormat="1" applyFont="1" applyFill="1" applyBorder="1" applyAlignment="1" applyProtection="1">
      <alignment vertical="center" shrinkToFit="1"/>
      <protection locked="0"/>
    </xf>
    <xf numFmtId="181" fontId="7" fillId="0" borderId="0" xfId="0" applyNumberFormat="1" applyFont="1" applyFill="1" applyBorder="1" applyAlignment="1" applyProtection="1">
      <alignment vertical="center" shrinkToFit="1"/>
      <protection locked="0"/>
    </xf>
    <xf numFmtId="181" fontId="7" fillId="0" borderId="4" xfId="0" applyNumberFormat="1" applyFont="1" applyFill="1" applyBorder="1" applyAlignment="1" applyProtection="1">
      <alignment vertical="center" shrinkToFit="1"/>
      <protection locked="0"/>
    </xf>
    <xf numFmtId="0" fontId="7" fillId="0" borderId="2" xfId="0" applyFont="1" applyFill="1" applyBorder="1" applyAlignment="1">
      <alignment vertical="center"/>
    </xf>
    <xf numFmtId="0" fontId="7" fillId="0" borderId="0" xfId="0" applyFont="1" applyFill="1" applyBorder="1" applyAlignment="1">
      <alignment vertical="center"/>
    </xf>
    <xf numFmtId="0" fontId="7" fillId="0" borderId="4" xfId="0" applyFont="1" applyFill="1" applyBorder="1" applyAlignment="1">
      <alignment vertical="center"/>
    </xf>
    <xf numFmtId="0" fontId="7" fillId="0" borderId="0" xfId="0" applyFont="1" applyFill="1" applyBorder="1" applyAlignment="1" applyProtection="1">
      <alignment vertical="center" shrinkToFit="1"/>
      <protection locked="0"/>
    </xf>
    <xf numFmtId="0" fontId="7" fillId="0" borderId="4" xfId="0" applyFont="1" applyFill="1" applyBorder="1" applyAlignment="1" applyProtection="1">
      <alignment vertical="center" shrinkToFit="1"/>
      <protection locked="0"/>
    </xf>
    <xf numFmtId="0" fontId="39" fillId="0" borderId="2" xfId="0" applyFont="1" applyFill="1" applyBorder="1" applyAlignment="1">
      <alignment vertical="center"/>
    </xf>
    <xf numFmtId="0" fontId="39" fillId="0" borderId="0" xfId="0" applyFont="1" applyFill="1" applyBorder="1" applyAlignment="1">
      <alignment vertical="center"/>
    </xf>
    <xf numFmtId="0" fontId="39" fillId="0" borderId="4" xfId="0" applyFont="1" applyFill="1" applyBorder="1" applyAlignment="1">
      <alignment vertical="center"/>
    </xf>
    <xf numFmtId="178" fontId="7" fillId="0" borderId="2" xfId="0" applyNumberFormat="1" applyFont="1" applyFill="1" applyBorder="1" applyAlignment="1" applyProtection="1">
      <alignment vertical="center" shrinkToFit="1"/>
      <protection locked="0"/>
    </xf>
    <xf numFmtId="178" fontId="7" fillId="0" borderId="0" xfId="0" applyNumberFormat="1" applyFont="1" applyFill="1" applyBorder="1" applyAlignment="1" applyProtection="1">
      <alignment vertical="center" shrinkToFit="1"/>
      <protection locked="0"/>
    </xf>
    <xf numFmtId="178" fontId="7" fillId="0" borderId="4" xfId="0" applyNumberFormat="1" applyFont="1" applyFill="1" applyBorder="1" applyAlignment="1" applyProtection="1">
      <alignment vertical="center" shrinkToFit="1"/>
      <protection locked="0"/>
    </xf>
    <xf numFmtId="0" fontId="7" fillId="0" borderId="2" xfId="0" applyFont="1" applyFill="1" applyBorder="1" applyAlignment="1" applyProtection="1">
      <alignment horizontal="left" vertical="center"/>
      <protection locked="0"/>
    </xf>
    <xf numFmtId="0" fontId="7" fillId="0" borderId="0" xfId="0" applyFont="1" applyFill="1" applyBorder="1" applyAlignment="1" applyProtection="1">
      <alignment horizontal="left" vertical="center"/>
      <protection locked="0"/>
    </xf>
    <xf numFmtId="0" fontId="7" fillId="0" borderId="4" xfId="0" applyFont="1" applyFill="1" applyBorder="1" applyAlignment="1" applyProtection="1">
      <alignment horizontal="left" vertical="center"/>
      <protection locked="0"/>
    </xf>
    <xf numFmtId="0" fontId="7" fillId="0" borderId="1" xfId="0" applyFont="1" applyFill="1" applyBorder="1" applyAlignment="1" applyProtection="1">
      <alignment vertical="center" shrinkToFit="1"/>
      <protection locked="0"/>
    </xf>
    <xf numFmtId="0" fontId="7" fillId="0" borderId="6" xfId="0" applyFont="1" applyFill="1" applyBorder="1" applyAlignment="1" applyProtection="1">
      <alignment vertical="center" shrinkToFit="1"/>
      <protection locked="0"/>
    </xf>
    <xf numFmtId="0" fontId="7" fillId="0" borderId="8" xfId="0" applyFont="1" applyFill="1" applyBorder="1" applyAlignment="1" applyProtection="1">
      <alignment vertical="center" shrinkToFit="1"/>
      <protection locked="0"/>
    </xf>
    <xf numFmtId="176" fontId="9" fillId="0" borderId="1" xfId="0" applyNumberFormat="1" applyFont="1" applyFill="1" applyBorder="1" applyAlignment="1">
      <alignment vertical="center"/>
    </xf>
    <xf numFmtId="176" fontId="9" fillId="0" borderId="6" xfId="0" applyNumberFormat="1" applyFont="1" applyFill="1" applyBorder="1" applyAlignment="1">
      <alignment vertical="center"/>
    </xf>
    <xf numFmtId="176" fontId="9" fillId="0" borderId="8" xfId="0" applyNumberFormat="1" applyFont="1" applyFill="1" applyBorder="1" applyAlignment="1">
      <alignment vertical="center"/>
    </xf>
    <xf numFmtId="176" fontId="9" fillId="0" borderId="3" xfId="0" applyNumberFormat="1" applyFont="1" applyFill="1" applyBorder="1" applyAlignment="1">
      <alignment vertical="center"/>
    </xf>
    <xf numFmtId="176" fontId="9" fillId="0" borderId="5" xfId="0" applyNumberFormat="1" applyFont="1" applyFill="1" applyBorder="1" applyAlignment="1">
      <alignment vertical="center"/>
    </xf>
    <xf numFmtId="176" fontId="9" fillId="0" borderId="7" xfId="0" applyNumberFormat="1" applyFont="1" applyFill="1" applyBorder="1" applyAlignment="1">
      <alignment vertical="center"/>
    </xf>
    <xf numFmtId="0" fontId="12" fillId="0" borderId="1" xfId="0" applyFont="1" applyFill="1" applyBorder="1" applyAlignment="1" applyProtection="1">
      <alignment horizontal="left" vertical="top" wrapText="1"/>
      <protection locked="0"/>
    </xf>
    <xf numFmtId="0" fontId="12" fillId="0" borderId="6" xfId="0" applyFont="1" applyFill="1" applyBorder="1" applyAlignment="1" applyProtection="1">
      <alignment horizontal="left" vertical="top" wrapText="1"/>
      <protection locked="0"/>
    </xf>
    <xf numFmtId="0" fontId="12" fillId="0" borderId="8" xfId="0" applyFont="1" applyFill="1" applyBorder="1" applyAlignment="1" applyProtection="1">
      <alignment horizontal="left" vertical="top" wrapText="1"/>
      <protection locked="0"/>
    </xf>
    <xf numFmtId="0" fontId="12" fillId="0" borderId="2" xfId="0" applyFont="1" applyFill="1" applyBorder="1" applyAlignment="1" applyProtection="1">
      <alignment horizontal="left" vertical="top" wrapText="1"/>
      <protection locked="0"/>
    </xf>
    <xf numFmtId="0" fontId="12" fillId="0" borderId="4" xfId="0" applyFont="1" applyFill="1" applyBorder="1" applyAlignment="1" applyProtection="1">
      <alignment horizontal="left" vertical="top" wrapText="1"/>
      <protection locked="0"/>
    </xf>
    <xf numFmtId="0" fontId="12" fillId="0" borderId="3" xfId="0" applyFont="1" applyFill="1" applyBorder="1" applyAlignment="1" applyProtection="1">
      <alignment horizontal="left" vertical="top" wrapText="1"/>
      <protection locked="0"/>
    </xf>
    <xf numFmtId="0" fontId="12" fillId="0" borderId="5" xfId="0" applyFont="1" applyFill="1" applyBorder="1" applyAlignment="1" applyProtection="1">
      <alignment horizontal="left" vertical="top" wrapText="1"/>
      <protection locked="0"/>
    </xf>
    <xf numFmtId="0" fontId="12" fillId="0" borderId="7" xfId="0" applyFont="1" applyFill="1" applyBorder="1" applyAlignment="1" applyProtection="1">
      <alignment horizontal="left" vertical="top" wrapText="1"/>
      <protection locked="0"/>
    </xf>
    <xf numFmtId="0" fontId="5" fillId="0" borderId="1" xfId="0" applyFont="1" applyFill="1" applyBorder="1" applyAlignment="1" applyProtection="1">
      <alignment vertical="center"/>
      <protection locked="0"/>
    </xf>
    <xf numFmtId="0" fontId="21" fillId="0" borderId="6" xfId="0" applyFont="1" applyFill="1" applyBorder="1" applyAlignment="1" applyProtection="1">
      <alignment vertical="center"/>
      <protection locked="0"/>
    </xf>
    <xf numFmtId="0" fontId="21" fillId="0" borderId="8" xfId="0" applyFont="1" applyFill="1" applyBorder="1" applyAlignment="1" applyProtection="1">
      <alignment vertical="center"/>
      <protection locked="0"/>
    </xf>
    <xf numFmtId="0" fontId="11" fillId="0" borderId="0" xfId="0" applyFont="1" applyFill="1" applyBorder="1" applyAlignment="1">
      <alignment vertical="center"/>
    </xf>
    <xf numFmtId="58" fontId="5" fillId="0" borderId="3" xfId="0" applyNumberFormat="1" applyFont="1" applyFill="1" applyBorder="1" applyAlignment="1" applyProtection="1">
      <alignment horizontal="left" vertical="center"/>
      <protection locked="0"/>
    </xf>
    <xf numFmtId="58" fontId="5" fillId="0" borderId="5" xfId="0" applyNumberFormat="1" applyFont="1" applyFill="1" applyBorder="1" applyAlignment="1" applyProtection="1">
      <alignment horizontal="left" vertical="center"/>
      <protection locked="0"/>
    </xf>
    <xf numFmtId="58" fontId="21" fillId="0" borderId="7" xfId="0" applyNumberFormat="1" applyFont="1" applyFill="1" applyBorder="1" applyAlignment="1" applyProtection="1">
      <alignment horizontal="left" vertical="center"/>
      <protection locked="0"/>
    </xf>
    <xf numFmtId="0" fontId="21" fillId="0" borderId="6" xfId="0" applyFont="1" applyFill="1" applyBorder="1" applyAlignment="1" applyProtection="1">
      <alignment horizontal="right" vertical="center"/>
      <protection locked="0"/>
    </xf>
    <xf numFmtId="0" fontId="21" fillId="0" borderId="8" xfId="0" applyFont="1" applyFill="1" applyBorder="1" applyAlignment="1" applyProtection="1">
      <alignment horizontal="right" vertical="center"/>
      <protection locked="0"/>
    </xf>
    <xf numFmtId="0" fontId="33" fillId="0" borderId="0" xfId="0" applyFont="1" applyFill="1" applyBorder="1" applyAlignment="1" applyProtection="1">
      <alignment horizontal="left" vertical="center"/>
    </xf>
    <xf numFmtId="0" fontId="33" fillId="0" borderId="4" xfId="0" applyFont="1" applyFill="1" applyBorder="1" applyAlignment="1" applyProtection="1">
      <alignment horizontal="left" vertical="center"/>
    </xf>
    <xf numFmtId="58" fontId="7" fillId="0" borderId="2" xfId="0" applyNumberFormat="1" applyFont="1" applyFill="1" applyBorder="1" applyAlignment="1" applyProtection="1">
      <alignment horizontal="left" vertical="center"/>
      <protection locked="0"/>
    </xf>
    <xf numFmtId="58" fontId="7" fillId="0" borderId="0" xfId="0" applyNumberFormat="1" applyFont="1" applyFill="1" applyBorder="1" applyAlignment="1" applyProtection="1">
      <alignment horizontal="left" vertical="center"/>
      <protection locked="0"/>
    </xf>
    <xf numFmtId="58" fontId="7" fillId="0" borderId="4" xfId="0" applyNumberFormat="1" applyFont="1" applyFill="1" applyBorder="1" applyAlignment="1" applyProtection="1">
      <alignment horizontal="left" vertical="center"/>
      <protection locked="0"/>
    </xf>
    <xf numFmtId="0" fontId="41" fillId="0" borderId="2" xfId="0" applyFont="1" applyFill="1" applyBorder="1" applyAlignment="1" applyProtection="1">
      <alignment horizontal="distributed" vertical="center" shrinkToFit="1"/>
    </xf>
    <xf numFmtId="0" fontId="41" fillId="0" borderId="0" xfId="0" applyFont="1" applyFill="1" applyBorder="1" applyAlignment="1" applyProtection="1">
      <alignment horizontal="distributed" vertical="center" shrinkToFit="1"/>
    </xf>
    <xf numFmtId="0" fontId="41" fillId="0" borderId="4" xfId="0" applyFont="1" applyFill="1" applyBorder="1" applyAlignment="1" applyProtection="1">
      <alignment horizontal="distributed" vertical="center" shrinkToFit="1"/>
    </xf>
    <xf numFmtId="0" fontId="41" fillId="0" borderId="3" xfId="0" applyFont="1" applyFill="1" applyBorder="1" applyAlignment="1" applyProtection="1">
      <alignment horizontal="distributed" vertical="center" shrinkToFit="1"/>
    </xf>
    <xf numFmtId="0" fontId="41" fillId="0" borderId="5" xfId="0" applyFont="1" applyFill="1" applyBorder="1" applyAlignment="1" applyProtection="1">
      <alignment horizontal="distributed" vertical="center" shrinkToFit="1"/>
    </xf>
    <xf numFmtId="0" fontId="41" fillId="0" borderId="7" xfId="0" applyFont="1" applyFill="1" applyBorder="1" applyAlignment="1" applyProtection="1">
      <alignment horizontal="distributed" vertical="center" shrinkToFit="1"/>
    </xf>
    <xf numFmtId="58" fontId="5" fillId="0" borderId="3" xfId="0" applyNumberFormat="1" applyFont="1" applyFill="1" applyBorder="1" applyAlignment="1" applyProtection="1">
      <alignment horizontal="center" vertical="center"/>
      <protection locked="0"/>
    </xf>
    <xf numFmtId="58" fontId="5" fillId="0" borderId="5" xfId="0" applyNumberFormat="1" applyFont="1" applyFill="1" applyBorder="1" applyAlignment="1" applyProtection="1">
      <alignment horizontal="center" vertical="center"/>
      <protection locked="0"/>
    </xf>
    <xf numFmtId="58" fontId="21" fillId="0" borderId="5" xfId="0" applyNumberFormat="1" applyFont="1" applyFill="1" applyBorder="1" applyAlignment="1" applyProtection="1">
      <alignment horizontal="center" vertical="center"/>
      <protection locked="0"/>
    </xf>
    <xf numFmtId="58" fontId="21" fillId="0" borderId="7" xfId="0" applyNumberFormat="1" applyFont="1" applyFill="1" applyBorder="1" applyAlignment="1" applyProtection="1">
      <alignment horizontal="center" vertical="center"/>
      <protection locked="0"/>
    </xf>
    <xf numFmtId="0" fontId="22" fillId="0" borderId="0" xfId="0" applyFont="1" applyFill="1" applyBorder="1" applyAlignment="1" applyProtection="1">
      <alignment horizontal="left" vertical="center"/>
      <protection locked="0"/>
    </xf>
    <xf numFmtId="0" fontId="7" fillId="0" borderId="1" xfId="0" applyFont="1" applyFill="1" applyBorder="1" applyAlignment="1" applyProtection="1">
      <alignment horizontal="left" vertical="center"/>
    </xf>
    <xf numFmtId="0" fontId="7" fillId="0" borderId="3" xfId="0" applyFont="1" applyFill="1" applyBorder="1" applyAlignment="1" applyProtection="1">
      <alignment horizontal="left" vertical="center"/>
    </xf>
    <xf numFmtId="0" fontId="12" fillId="0" borderId="1" xfId="0" applyFont="1" applyFill="1" applyBorder="1" applyAlignment="1" applyProtection="1">
      <alignment horizontal="left" vertical="center" wrapText="1"/>
      <protection locked="0"/>
    </xf>
    <xf numFmtId="0" fontId="12" fillId="0" borderId="6" xfId="0" applyFont="1" applyFill="1" applyBorder="1" applyAlignment="1" applyProtection="1">
      <alignment horizontal="left" vertical="center" wrapText="1"/>
      <protection locked="0"/>
    </xf>
    <xf numFmtId="0" fontId="12" fillId="0" borderId="8" xfId="0" applyFont="1" applyFill="1" applyBorder="1" applyAlignment="1" applyProtection="1">
      <alignment horizontal="left" vertical="center" wrapText="1"/>
      <protection locked="0"/>
    </xf>
    <xf numFmtId="0" fontId="12" fillId="0" borderId="3" xfId="0" applyFont="1" applyFill="1" applyBorder="1" applyAlignment="1" applyProtection="1">
      <alignment horizontal="left" vertical="center" wrapText="1"/>
      <protection locked="0"/>
    </xf>
    <xf numFmtId="0" fontId="12" fillId="0" borderId="5" xfId="0" applyFont="1" applyFill="1" applyBorder="1" applyAlignment="1" applyProtection="1">
      <alignment horizontal="left" vertical="center" wrapText="1"/>
      <protection locked="0"/>
    </xf>
    <xf numFmtId="0" fontId="12" fillId="0" borderId="7" xfId="0" applyFont="1" applyFill="1" applyBorder="1" applyAlignment="1" applyProtection="1">
      <alignment horizontal="left" vertical="center" wrapText="1"/>
      <protection locked="0"/>
    </xf>
    <xf numFmtId="0" fontId="6" fillId="0" borderId="1" xfId="0" applyFont="1" applyFill="1" applyBorder="1" applyAlignment="1" applyProtection="1">
      <alignment horizontal="left" vertical="center"/>
    </xf>
    <xf numFmtId="0" fontId="6" fillId="0" borderId="6" xfId="0" applyFont="1" applyFill="1" applyBorder="1" applyAlignment="1" applyProtection="1">
      <alignment horizontal="left" vertical="center"/>
    </xf>
    <xf numFmtId="0" fontId="6" fillId="0" borderId="8" xfId="0" applyFont="1" applyFill="1" applyBorder="1" applyAlignment="1" applyProtection="1">
      <alignment horizontal="left" vertical="center"/>
    </xf>
    <xf numFmtId="0" fontId="6" fillId="0" borderId="3" xfId="0" applyFont="1" applyFill="1" applyBorder="1" applyAlignment="1" applyProtection="1">
      <alignment horizontal="left" vertical="center"/>
    </xf>
    <xf numFmtId="0" fontId="6" fillId="0" borderId="5" xfId="0" applyFont="1" applyFill="1" applyBorder="1" applyAlignment="1" applyProtection="1">
      <alignment horizontal="left" vertical="center"/>
    </xf>
    <xf numFmtId="0" fontId="6" fillId="0" borderId="7" xfId="0" applyFont="1" applyFill="1" applyBorder="1" applyAlignment="1" applyProtection="1">
      <alignment horizontal="left" vertical="center"/>
    </xf>
    <xf numFmtId="0" fontId="0" fillId="0" borderId="14" xfId="0" applyFont="1" applyFill="1" applyBorder="1" applyAlignment="1">
      <alignment vertical="center"/>
    </xf>
    <xf numFmtId="0" fontId="0" fillId="0" borderId="10" xfId="0" applyFont="1" applyFill="1" applyBorder="1" applyAlignment="1">
      <alignment vertical="center"/>
    </xf>
    <xf numFmtId="0" fontId="0" fillId="0" borderId="15" xfId="0" applyFont="1" applyFill="1" applyBorder="1" applyAlignment="1">
      <alignment vertical="center"/>
    </xf>
    <xf numFmtId="0" fontId="5" fillId="0" borderId="9" xfId="0" applyFont="1" applyFill="1" applyBorder="1" applyAlignment="1" applyProtection="1">
      <alignment horizontal="distributed" vertical="center" indent="1"/>
    </xf>
    <xf numFmtId="0" fontId="14" fillId="0" borderId="9" xfId="0" applyFont="1" applyFill="1" applyBorder="1" applyAlignment="1" applyProtection="1">
      <alignment horizontal="distributed" vertical="center" indent="1"/>
    </xf>
    <xf numFmtId="57" fontId="21" fillId="0" borderId="2" xfId="0" applyNumberFormat="1" applyFont="1" applyFill="1" applyBorder="1" applyAlignment="1" applyProtection="1">
      <alignment horizontal="left" vertical="center"/>
      <protection locked="0"/>
    </xf>
    <xf numFmtId="57" fontId="21" fillId="0" borderId="0" xfId="0" applyNumberFormat="1" applyFont="1" applyFill="1" applyBorder="1" applyAlignment="1" applyProtection="1">
      <alignment horizontal="left" vertical="center"/>
      <protection locked="0"/>
    </xf>
    <xf numFmtId="0" fontId="33" fillId="0" borderId="1" xfId="0" applyFont="1" applyFill="1" applyBorder="1" applyAlignment="1" applyProtection="1">
      <alignment vertical="center"/>
      <protection locked="0"/>
    </xf>
    <xf numFmtId="0" fontId="4" fillId="0" borderId="13" xfId="0" applyFont="1" applyFill="1" applyBorder="1" applyAlignment="1">
      <alignment horizontal="center" vertical="center" wrapText="1"/>
    </xf>
    <xf numFmtId="0" fontId="23" fillId="0" borderId="9" xfId="0" applyFont="1" applyFill="1" applyBorder="1" applyAlignment="1" applyProtection="1">
      <alignment horizontal="distributed" vertical="center" indent="1"/>
    </xf>
    <xf numFmtId="0" fontId="24" fillId="0" borderId="9" xfId="0" applyFont="1" applyFill="1" applyBorder="1" applyAlignment="1" applyProtection="1">
      <alignment horizontal="distributed" vertical="center" indent="1"/>
    </xf>
    <xf numFmtId="0" fontId="0" fillId="0" borderId="0" xfId="0" applyFont="1" applyFill="1" applyBorder="1" applyProtection="1">
      <protection locked="0"/>
    </xf>
    <xf numFmtId="0" fontId="0" fillId="0" borderId="4" xfId="0" applyFont="1" applyFill="1" applyBorder="1" applyProtection="1">
      <protection locked="0"/>
    </xf>
    <xf numFmtId="0" fontId="12" fillId="0" borderId="0" xfId="0" applyFont="1" applyFill="1" applyBorder="1" applyAlignment="1" applyProtection="1">
      <alignment vertical="top" wrapText="1"/>
      <protection locked="0"/>
    </xf>
    <xf numFmtId="0" fontId="7" fillId="0" borderId="13" xfId="0" applyFont="1" applyFill="1" applyBorder="1" applyAlignment="1" applyProtection="1">
      <alignment vertical="center" wrapText="1" shrinkToFit="1"/>
      <protection locked="0"/>
    </xf>
    <xf numFmtId="0" fontId="7" fillId="0" borderId="13" xfId="0" applyFont="1" applyFill="1" applyBorder="1" applyAlignment="1" applyProtection="1">
      <alignment vertical="center" wrapText="1"/>
      <protection locked="0"/>
    </xf>
    <xf numFmtId="57" fontId="12" fillId="0" borderId="2" xfId="0" applyNumberFormat="1" applyFont="1" applyFill="1" applyBorder="1" applyAlignment="1" applyProtection="1">
      <alignment horizontal="center" vertical="center"/>
      <protection locked="0"/>
    </xf>
    <xf numFmtId="57" fontId="12" fillId="0" borderId="0" xfId="0" applyNumberFormat="1" applyFont="1" applyFill="1" applyBorder="1" applyAlignment="1" applyProtection="1">
      <alignment horizontal="center" vertical="center"/>
      <protection locked="0"/>
    </xf>
    <xf numFmtId="57" fontId="12" fillId="0" borderId="4" xfId="0" applyNumberFormat="1" applyFont="1" applyFill="1" applyBorder="1" applyAlignment="1" applyProtection="1">
      <alignment horizontal="center" vertical="center"/>
      <protection locked="0"/>
    </xf>
    <xf numFmtId="0" fontId="7" fillId="0" borderId="5" xfId="0" applyFont="1" applyFill="1" applyBorder="1" applyAlignment="1">
      <alignment vertical="center"/>
    </xf>
    <xf numFmtId="0" fontId="7" fillId="0" borderId="7" xfId="0" applyFont="1" applyFill="1" applyBorder="1" applyAlignment="1">
      <alignment vertical="center"/>
    </xf>
    <xf numFmtId="0" fontId="7" fillId="0" borderId="6" xfId="0" applyFont="1" applyFill="1" applyBorder="1" applyAlignment="1">
      <alignment vertical="center"/>
    </xf>
    <xf numFmtId="0" fontId="7" fillId="0" borderId="8" xfId="0" applyFont="1" applyFill="1" applyBorder="1" applyAlignment="1">
      <alignment vertical="center"/>
    </xf>
    <xf numFmtId="0" fontId="11" fillId="0" borderId="6" xfId="0" applyFont="1" applyFill="1" applyBorder="1" applyAlignment="1">
      <alignment vertical="center"/>
    </xf>
    <xf numFmtId="0" fontId="7" fillId="0" borderId="0" xfId="0" applyFont="1" applyFill="1" applyBorder="1" applyAlignment="1" applyProtection="1">
      <alignment vertical="center" wrapText="1"/>
    </xf>
    <xf numFmtId="0" fontId="7" fillId="0" borderId="4" xfId="0" applyFont="1" applyFill="1" applyBorder="1" applyAlignment="1" applyProtection="1">
      <alignment vertical="center" wrapText="1"/>
    </xf>
    <xf numFmtId="58" fontId="7" fillId="0" borderId="6" xfId="0" applyNumberFormat="1" applyFont="1" applyFill="1" applyBorder="1" applyAlignment="1" applyProtection="1">
      <alignment vertical="center" wrapText="1"/>
      <protection locked="0"/>
    </xf>
    <xf numFmtId="58" fontId="7" fillId="0" borderId="8" xfId="0" applyNumberFormat="1" applyFont="1" applyFill="1" applyBorder="1" applyAlignment="1" applyProtection="1">
      <alignment vertical="center" wrapText="1"/>
      <protection locked="0"/>
    </xf>
    <xf numFmtId="0" fontId="7" fillId="0" borderId="0" xfId="0" applyFont="1" applyFill="1" applyBorder="1" applyAlignment="1">
      <alignment vertical="center" wrapText="1" shrinkToFit="1"/>
    </xf>
    <xf numFmtId="0" fontId="7" fillId="0" borderId="4" xfId="0" applyFont="1" applyFill="1" applyBorder="1" applyAlignment="1">
      <alignment vertical="center" wrapText="1" shrinkToFit="1"/>
    </xf>
    <xf numFmtId="0" fontId="20" fillId="0" borderId="2" xfId="0" applyFont="1" applyFill="1" applyBorder="1" applyAlignment="1" applyProtection="1">
      <alignment horizontal="left" vertical="center" shrinkToFit="1"/>
    </xf>
    <xf numFmtId="0" fontId="20" fillId="0" borderId="0" xfId="0" applyFont="1" applyFill="1" applyBorder="1" applyAlignment="1" applyProtection="1">
      <alignment horizontal="left" vertical="center" shrinkToFit="1"/>
    </xf>
    <xf numFmtId="0" fontId="20" fillId="0" borderId="4" xfId="0" applyFont="1" applyFill="1" applyBorder="1" applyAlignment="1" applyProtection="1">
      <alignment horizontal="left" vertical="center" shrinkToFit="1"/>
    </xf>
    <xf numFmtId="0" fontId="0" fillId="0" borderId="0" xfId="0" applyFont="1" applyFill="1" applyBorder="1" applyAlignment="1">
      <alignment horizontal="left" vertical="center" shrinkToFit="1"/>
    </xf>
    <xf numFmtId="0" fontId="0" fillId="0" borderId="4" xfId="0" applyFont="1" applyFill="1" applyBorder="1" applyAlignment="1">
      <alignment horizontal="left" vertical="center" shrinkToFit="1"/>
    </xf>
    <xf numFmtId="58" fontId="7" fillId="0" borderId="2" xfId="0" applyNumberFormat="1" applyFont="1" applyFill="1" applyBorder="1" applyAlignment="1" applyProtection="1">
      <alignment horizontal="right" vertical="center" shrinkToFit="1"/>
    </xf>
    <xf numFmtId="58" fontId="7" fillId="0" borderId="0" xfId="0" applyNumberFormat="1" applyFont="1" applyFill="1" applyBorder="1" applyAlignment="1" applyProtection="1">
      <alignment horizontal="right" vertical="center" shrinkToFit="1"/>
    </xf>
    <xf numFmtId="58" fontId="7" fillId="0" borderId="4" xfId="0" applyNumberFormat="1" applyFont="1" applyFill="1" applyBorder="1" applyAlignment="1" applyProtection="1">
      <alignment horizontal="right" vertical="center" shrinkToFit="1"/>
    </xf>
    <xf numFmtId="176" fontId="9" fillId="0" borderId="2" xfId="0" applyNumberFormat="1" applyFont="1" applyFill="1" applyBorder="1" applyAlignment="1">
      <alignment horizontal="right" vertical="center"/>
    </xf>
    <xf numFmtId="176" fontId="9" fillId="0" borderId="0" xfId="0" applyNumberFormat="1" applyFont="1" applyFill="1" applyBorder="1" applyAlignment="1">
      <alignment horizontal="right" vertical="center"/>
    </xf>
    <xf numFmtId="176" fontId="9" fillId="0" borderId="3" xfId="0" applyNumberFormat="1" applyFont="1" applyFill="1" applyBorder="1" applyAlignment="1">
      <alignment horizontal="right" vertical="center"/>
    </xf>
    <xf numFmtId="176" fontId="9" fillId="0" borderId="5" xfId="0" applyNumberFormat="1" applyFont="1" applyFill="1" applyBorder="1" applyAlignment="1">
      <alignment horizontal="right" vertical="center"/>
    </xf>
    <xf numFmtId="58" fontId="7" fillId="0" borderId="2" xfId="0" applyNumberFormat="1" applyFont="1" applyFill="1" applyBorder="1" applyAlignment="1" applyProtection="1">
      <alignment horizontal="left" vertical="center"/>
    </xf>
    <xf numFmtId="0" fontId="10" fillId="0" borderId="0" xfId="0" applyFont="1" applyFill="1" applyBorder="1" applyAlignment="1" applyProtection="1">
      <alignment horizontal="left" vertical="center"/>
    </xf>
    <xf numFmtId="0" fontId="10" fillId="0" borderId="4" xfId="0" applyFont="1" applyFill="1" applyBorder="1" applyAlignment="1" applyProtection="1">
      <alignment horizontal="left" vertical="center"/>
    </xf>
    <xf numFmtId="58" fontId="7" fillId="0" borderId="2" xfId="0" applyNumberFormat="1" applyFont="1" applyFill="1" applyBorder="1" applyAlignment="1" applyProtection="1">
      <alignment vertical="center" shrinkToFit="1"/>
    </xf>
    <xf numFmtId="58" fontId="7" fillId="0" borderId="0" xfId="0" applyNumberFormat="1" applyFont="1" applyFill="1" applyBorder="1" applyAlignment="1" applyProtection="1">
      <alignment vertical="center" shrinkToFit="1"/>
    </xf>
    <xf numFmtId="58" fontId="7" fillId="0" borderId="4" xfId="0" applyNumberFormat="1" applyFont="1" applyFill="1" applyBorder="1" applyAlignment="1" applyProtection="1">
      <alignment vertical="center" shrinkToFit="1"/>
    </xf>
    <xf numFmtId="58" fontId="7" fillId="0" borderId="3" xfId="0" applyNumberFormat="1" applyFont="1" applyFill="1" applyBorder="1" applyAlignment="1" applyProtection="1">
      <alignment horizontal="right" vertical="center" shrinkToFit="1"/>
    </xf>
    <xf numFmtId="58" fontId="7" fillId="0" borderId="5" xfId="0" applyNumberFormat="1" applyFont="1" applyFill="1" applyBorder="1" applyAlignment="1" applyProtection="1">
      <alignment horizontal="right" vertical="center" shrinkToFit="1"/>
    </xf>
    <xf numFmtId="58" fontId="7" fillId="0" borderId="7" xfId="0" applyNumberFormat="1" applyFont="1" applyFill="1" applyBorder="1" applyAlignment="1" applyProtection="1">
      <alignment horizontal="right" vertical="center" shrinkToFit="1"/>
    </xf>
    <xf numFmtId="0" fontId="25" fillId="0" borderId="5" xfId="0" applyFont="1" applyFill="1" applyBorder="1" applyAlignment="1" applyProtection="1">
      <alignment horizontal="left" vertical="center"/>
      <protection locked="0"/>
    </xf>
    <xf numFmtId="0" fontId="7" fillId="0" borderId="0" xfId="0" applyNumberFormat="1" applyFont="1" applyFill="1" applyBorder="1" applyAlignment="1" applyProtection="1">
      <alignment vertical="center"/>
      <protection locked="0"/>
    </xf>
    <xf numFmtId="0" fontId="7" fillId="0" borderId="4" xfId="0" applyNumberFormat="1" applyFont="1" applyFill="1" applyBorder="1" applyAlignment="1" applyProtection="1">
      <alignment vertical="center"/>
      <protection locked="0"/>
    </xf>
    <xf numFmtId="0" fontId="9" fillId="0" borderId="1" xfId="0" applyFont="1" applyFill="1" applyBorder="1" applyAlignment="1" applyProtection="1">
      <alignment vertical="center"/>
      <protection locked="0"/>
    </xf>
    <xf numFmtId="0" fontId="9" fillId="0" borderId="6" xfId="0" applyFont="1" applyFill="1" applyBorder="1" applyAlignment="1" applyProtection="1">
      <alignment vertical="center"/>
      <protection locked="0"/>
    </xf>
    <xf numFmtId="0" fontId="9" fillId="0" borderId="8" xfId="0" applyFont="1" applyFill="1" applyBorder="1" applyAlignment="1" applyProtection="1">
      <alignment vertical="center"/>
      <protection locked="0"/>
    </xf>
    <xf numFmtId="0" fontId="9" fillId="0" borderId="3" xfId="0" applyFont="1" applyFill="1" applyBorder="1" applyAlignment="1" applyProtection="1">
      <alignment vertical="center"/>
      <protection locked="0"/>
    </xf>
    <xf numFmtId="0" fontId="9" fillId="0" borderId="5" xfId="0" applyFont="1" applyFill="1" applyBorder="1" applyAlignment="1" applyProtection="1">
      <alignment vertical="center"/>
      <protection locked="0"/>
    </xf>
    <xf numFmtId="0" fontId="9" fillId="0" borderId="7" xfId="0" applyFont="1" applyFill="1" applyBorder="1" applyAlignment="1" applyProtection="1">
      <alignment vertical="center"/>
      <protection locked="0"/>
    </xf>
    <xf numFmtId="0" fontId="7" fillId="0" borderId="3" xfId="0" applyFont="1" applyFill="1" applyBorder="1" applyAlignment="1" applyProtection="1">
      <alignment vertical="center" wrapText="1"/>
      <protection locked="0"/>
    </xf>
    <xf numFmtId="0" fontId="5" fillId="0" borderId="1"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2"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4"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7" xfId="0" applyFont="1" applyFill="1" applyBorder="1" applyAlignment="1">
      <alignment horizontal="center" vertical="center"/>
    </xf>
    <xf numFmtId="0" fontId="0" fillId="0" borderId="6" xfId="0" applyFont="1" applyFill="1" applyBorder="1" applyAlignment="1" applyProtection="1">
      <alignment horizontal="distributed" indent="1"/>
    </xf>
    <xf numFmtId="0" fontId="0" fillId="0" borderId="8" xfId="0" applyFont="1" applyFill="1" applyBorder="1" applyAlignment="1" applyProtection="1">
      <alignment horizontal="distributed" indent="1"/>
    </xf>
    <xf numFmtId="57" fontId="12" fillId="0" borderId="3" xfId="0" applyNumberFormat="1" applyFont="1" applyFill="1" applyBorder="1" applyAlignment="1" applyProtection="1">
      <alignment horizontal="center" vertical="center"/>
      <protection locked="0"/>
    </xf>
    <xf numFmtId="57" fontId="12" fillId="0" borderId="5" xfId="0" applyNumberFormat="1" applyFont="1" applyFill="1" applyBorder="1" applyAlignment="1" applyProtection="1">
      <alignment horizontal="center" vertical="center"/>
      <protection locked="0"/>
    </xf>
    <xf numFmtId="57" fontId="12" fillId="0" borderId="7" xfId="0" applyNumberFormat="1" applyFont="1" applyFill="1" applyBorder="1" applyAlignment="1" applyProtection="1">
      <alignment horizontal="center" vertical="center"/>
      <protection locked="0"/>
    </xf>
    <xf numFmtId="57" fontId="7" fillId="0" borderId="1" xfId="0" applyNumberFormat="1" applyFont="1" applyFill="1" applyBorder="1" applyAlignment="1" applyProtection="1">
      <alignment vertical="center"/>
      <protection locked="0"/>
    </xf>
    <xf numFmtId="57" fontId="7" fillId="0" borderId="6" xfId="0" applyNumberFormat="1" applyFont="1" applyFill="1" applyBorder="1" applyAlignment="1" applyProtection="1">
      <alignment vertical="center"/>
      <protection locked="0"/>
    </xf>
    <xf numFmtId="57" fontId="7" fillId="0" borderId="8" xfId="0" applyNumberFormat="1" applyFont="1" applyFill="1" applyBorder="1" applyAlignment="1" applyProtection="1">
      <alignment vertical="center"/>
      <protection locked="0"/>
    </xf>
    <xf numFmtId="0" fontId="11" fillId="0" borderId="10" xfId="0" applyFont="1" applyFill="1" applyBorder="1" applyAlignment="1" applyProtection="1">
      <alignment vertical="center"/>
    </xf>
    <xf numFmtId="58" fontId="12" fillId="0" borderId="1" xfId="0" applyNumberFormat="1" applyFont="1" applyFill="1" applyBorder="1" applyAlignment="1" applyProtection="1">
      <alignment vertical="center"/>
      <protection locked="0"/>
    </xf>
    <xf numFmtId="58" fontId="12" fillId="0" borderId="6" xfId="0" applyNumberFormat="1" applyFont="1" applyFill="1" applyBorder="1" applyAlignment="1" applyProtection="1">
      <alignment vertical="center"/>
      <protection locked="0"/>
    </xf>
    <xf numFmtId="58" fontId="12" fillId="0" borderId="8" xfId="0" applyNumberFormat="1" applyFont="1" applyFill="1" applyBorder="1" applyAlignment="1" applyProtection="1">
      <alignment vertical="center"/>
      <protection locked="0"/>
    </xf>
    <xf numFmtId="0" fontId="33" fillId="0" borderId="0" xfId="0" applyFont="1" applyFill="1" applyBorder="1" applyAlignment="1" applyProtection="1">
      <alignment vertical="center"/>
    </xf>
    <xf numFmtId="0" fontId="33" fillId="0" borderId="4" xfId="0" applyFont="1" applyFill="1" applyBorder="1" applyAlignment="1" applyProtection="1">
      <alignment vertical="center"/>
    </xf>
    <xf numFmtId="0" fontId="7" fillId="0" borderId="1" xfId="0" quotePrefix="1" applyFont="1" applyFill="1" applyBorder="1" applyAlignment="1" applyProtection="1">
      <alignment horizontal="left" vertical="center"/>
      <protection locked="0"/>
    </xf>
    <xf numFmtId="0" fontId="7" fillId="0" borderId="6" xfId="0" quotePrefix="1" applyFont="1" applyFill="1" applyBorder="1" applyAlignment="1" applyProtection="1">
      <alignment horizontal="left" vertical="center"/>
      <protection locked="0"/>
    </xf>
    <xf numFmtId="0" fontId="7" fillId="0" borderId="8" xfId="0" quotePrefix="1" applyFont="1" applyFill="1" applyBorder="1" applyAlignment="1" applyProtection="1">
      <alignment horizontal="left" vertical="center"/>
      <protection locked="0"/>
    </xf>
    <xf numFmtId="0" fontId="0" fillId="0" borderId="6" xfId="0" applyFont="1" applyFill="1" applyBorder="1" applyAlignment="1">
      <alignment horizontal="left" vertical="center" shrinkToFit="1"/>
    </xf>
    <xf numFmtId="0" fontId="0" fillId="0" borderId="8" xfId="0" applyFont="1" applyFill="1" applyBorder="1" applyAlignment="1">
      <alignment horizontal="left" vertical="center" shrinkToFit="1"/>
    </xf>
    <xf numFmtId="0" fontId="6" fillId="0" borderId="2" xfId="0" applyFont="1" applyFill="1" applyBorder="1" applyAlignment="1" applyProtection="1">
      <alignment vertical="center"/>
    </xf>
    <xf numFmtId="0" fontId="6" fillId="0" borderId="0" xfId="0" applyFont="1" applyFill="1" applyBorder="1" applyAlignment="1" applyProtection="1">
      <alignment vertical="center"/>
    </xf>
    <xf numFmtId="0" fontId="6" fillId="0" borderId="4" xfId="0" applyFont="1" applyFill="1" applyBorder="1" applyAlignment="1" applyProtection="1">
      <alignment vertical="center"/>
    </xf>
    <xf numFmtId="58" fontId="7" fillId="0" borderId="2" xfId="0" applyNumberFormat="1" applyFont="1" applyFill="1" applyBorder="1" applyAlignment="1" applyProtection="1">
      <alignment vertical="center" shrinkToFit="1"/>
      <protection locked="0"/>
    </xf>
    <xf numFmtId="0" fontId="0" fillId="0" borderId="0" xfId="0" applyFont="1" applyFill="1" applyBorder="1" applyAlignment="1" applyProtection="1">
      <alignment vertical="center" shrinkToFit="1"/>
      <protection locked="0"/>
    </xf>
    <xf numFmtId="0" fontId="0" fillId="0" borderId="4" xfId="0" applyFont="1" applyFill="1" applyBorder="1" applyAlignment="1" applyProtection="1">
      <alignment vertical="center" shrinkToFit="1"/>
      <protection locked="0"/>
    </xf>
    <xf numFmtId="178" fontId="0" fillId="0" borderId="2" xfId="0" applyNumberFormat="1" applyFont="1" applyFill="1" applyBorder="1" applyAlignment="1" applyProtection="1">
      <alignment vertical="center"/>
      <protection locked="0"/>
    </xf>
    <xf numFmtId="178" fontId="0" fillId="0" borderId="0" xfId="0" applyNumberFormat="1" applyFont="1" applyFill="1" applyBorder="1" applyAlignment="1" applyProtection="1">
      <alignment vertical="center"/>
      <protection locked="0"/>
    </xf>
    <xf numFmtId="178" fontId="0" fillId="0" borderId="4" xfId="0" applyNumberFormat="1" applyFont="1" applyFill="1" applyBorder="1" applyAlignment="1" applyProtection="1">
      <alignment vertical="center"/>
      <protection locked="0"/>
    </xf>
    <xf numFmtId="0" fontId="0" fillId="0" borderId="0" xfId="0" applyFont="1" applyFill="1" applyBorder="1" applyAlignment="1">
      <alignment vertical="center"/>
    </xf>
    <xf numFmtId="0" fontId="0" fillId="0" borderId="4" xfId="0" applyFont="1" applyFill="1" applyBorder="1" applyAlignment="1">
      <alignment vertical="center"/>
    </xf>
    <xf numFmtId="178" fontId="7" fillId="0" borderId="3" xfId="0" applyNumberFormat="1" applyFont="1" applyFill="1" applyBorder="1" applyAlignment="1" applyProtection="1">
      <alignment vertical="center" shrinkToFit="1"/>
      <protection locked="0"/>
    </xf>
    <xf numFmtId="0" fontId="0" fillId="0" borderId="5" xfId="0" applyFont="1" applyFill="1" applyBorder="1" applyAlignment="1" applyProtection="1">
      <alignment vertical="center" shrinkToFit="1"/>
      <protection locked="0"/>
    </xf>
    <xf numFmtId="0" fontId="0" fillId="0" borderId="7" xfId="0" applyFont="1" applyFill="1" applyBorder="1" applyAlignment="1" applyProtection="1">
      <alignment vertical="center" shrinkToFit="1"/>
      <protection locked="0"/>
    </xf>
    <xf numFmtId="178" fontId="0" fillId="0" borderId="3" xfId="0" applyNumberFormat="1" applyFont="1" applyFill="1" applyBorder="1" applyAlignment="1" applyProtection="1">
      <alignment vertical="center"/>
      <protection locked="0"/>
    </xf>
    <xf numFmtId="178" fontId="0" fillId="0" borderId="5" xfId="0" applyNumberFormat="1" applyFont="1" applyFill="1" applyBorder="1" applyAlignment="1" applyProtection="1">
      <alignment vertical="center"/>
      <protection locked="0"/>
    </xf>
    <xf numFmtId="0" fontId="0" fillId="0" borderId="5" xfId="0" applyFont="1" applyFill="1" applyBorder="1" applyAlignment="1">
      <alignment vertical="center"/>
    </xf>
    <xf numFmtId="0" fontId="0" fillId="0" borderId="7" xfId="0" applyFont="1" applyFill="1" applyBorder="1" applyAlignment="1">
      <alignment vertical="center"/>
    </xf>
    <xf numFmtId="181" fontId="0" fillId="0" borderId="2" xfId="0" applyNumberFormat="1" applyFont="1" applyFill="1" applyBorder="1" applyAlignment="1" applyProtection="1">
      <alignment vertical="center"/>
      <protection locked="0"/>
    </xf>
    <xf numFmtId="181" fontId="0" fillId="0" borderId="0" xfId="0" applyNumberFormat="1" applyFont="1" applyFill="1" applyBorder="1" applyAlignment="1" applyProtection="1">
      <alignment vertical="center"/>
      <protection locked="0"/>
    </xf>
    <xf numFmtId="181" fontId="0" fillId="0" borderId="4" xfId="0" applyNumberFormat="1" applyFont="1" applyFill="1" applyBorder="1" applyAlignment="1" applyProtection="1">
      <alignment vertical="center"/>
      <protection locked="0"/>
    </xf>
    <xf numFmtId="0" fontId="0" fillId="0" borderId="5" xfId="0" applyFont="1" applyFill="1" applyBorder="1" applyAlignment="1" applyProtection="1">
      <alignment horizontal="right" vertical="center" shrinkToFit="1"/>
      <protection locked="0"/>
    </xf>
    <xf numFmtId="0" fontId="0" fillId="0" borderId="7" xfId="0" applyFont="1" applyFill="1" applyBorder="1" applyAlignment="1" applyProtection="1">
      <alignment horizontal="right" vertical="center" shrinkToFit="1"/>
      <protection locked="0"/>
    </xf>
    <xf numFmtId="181" fontId="0" fillId="0" borderId="3" xfId="0" applyNumberFormat="1" applyFont="1" applyFill="1" applyBorder="1" applyAlignment="1" applyProtection="1">
      <alignment vertical="center"/>
      <protection locked="0"/>
    </xf>
    <xf numFmtId="181" fontId="0" fillId="0" borderId="5" xfId="0" applyNumberFormat="1" applyFont="1" applyFill="1" applyBorder="1" applyAlignment="1" applyProtection="1">
      <alignment vertical="center"/>
      <protection locked="0"/>
    </xf>
    <xf numFmtId="181" fontId="0" fillId="0" borderId="7" xfId="0" applyNumberFormat="1" applyFont="1" applyFill="1" applyBorder="1" applyAlignment="1" applyProtection="1">
      <alignment vertical="center"/>
      <protection locked="0"/>
    </xf>
    <xf numFmtId="0" fontId="7" fillId="0" borderId="2" xfId="0" applyFont="1" applyFill="1" applyBorder="1" applyAlignment="1" applyProtection="1">
      <alignment horizontal="right" vertical="center" shrinkToFit="1"/>
      <protection locked="0"/>
    </xf>
    <xf numFmtId="188" fontId="9" fillId="0" borderId="2" xfId="0" applyNumberFormat="1" applyFont="1" applyFill="1" applyBorder="1" applyAlignment="1">
      <alignment horizontal="right" vertical="center"/>
    </xf>
    <xf numFmtId="188" fontId="9" fillId="0" borderId="0" xfId="0" applyNumberFormat="1" applyFont="1" applyFill="1" applyBorder="1" applyAlignment="1">
      <alignment horizontal="right" vertical="center"/>
    </xf>
    <xf numFmtId="188" fontId="9" fillId="0" borderId="3" xfId="0" applyNumberFormat="1" applyFont="1" applyFill="1" applyBorder="1" applyAlignment="1">
      <alignment horizontal="right" vertical="center"/>
    </xf>
    <xf numFmtId="188" fontId="9" fillId="0" borderId="5" xfId="0" applyNumberFormat="1" applyFont="1" applyFill="1" applyBorder="1" applyAlignment="1">
      <alignment horizontal="right" vertical="center"/>
    </xf>
    <xf numFmtId="0" fontId="10" fillId="0" borderId="0" xfId="0" applyFont="1" applyFill="1" applyBorder="1" applyAlignment="1">
      <alignment horizontal="left" vertical="center" shrinkToFit="1"/>
    </xf>
    <xf numFmtId="0" fontId="10" fillId="0" borderId="4" xfId="0" applyFont="1" applyFill="1" applyBorder="1" applyAlignment="1">
      <alignment horizontal="left" vertical="center" shrinkToFit="1"/>
    </xf>
    <xf numFmtId="0" fontId="10" fillId="0" borderId="6" xfId="0" applyFont="1" applyFill="1" applyBorder="1" applyAlignment="1">
      <alignment horizontal="left" vertical="center" shrinkToFit="1"/>
    </xf>
    <xf numFmtId="0" fontId="10" fillId="0" borderId="8" xfId="0" applyFont="1" applyFill="1" applyBorder="1" applyAlignment="1">
      <alignment horizontal="left" vertical="center" shrinkToFit="1"/>
    </xf>
    <xf numFmtId="0" fontId="7" fillId="0" borderId="11" xfId="0" applyFont="1" applyFill="1" applyBorder="1" applyAlignment="1" applyProtection="1">
      <alignment vertical="center"/>
      <protection locked="0"/>
    </xf>
    <xf numFmtId="0" fontId="30" fillId="0" borderId="0" xfId="0" applyFont="1" applyFill="1" applyBorder="1" applyAlignment="1" applyProtection="1">
      <alignment vertical="center" wrapText="1"/>
    </xf>
    <xf numFmtId="0" fontId="30" fillId="0" borderId="4" xfId="0" applyFont="1" applyFill="1" applyBorder="1" applyAlignment="1" applyProtection="1">
      <alignment vertical="center" wrapText="1"/>
    </xf>
    <xf numFmtId="0" fontId="30" fillId="0" borderId="0" xfId="0" applyFont="1" applyFill="1" applyBorder="1" applyAlignment="1" applyProtection="1">
      <alignment vertical="center"/>
    </xf>
    <xf numFmtId="0" fontId="30" fillId="0" borderId="4" xfId="0" applyFont="1" applyFill="1" applyBorder="1" applyAlignment="1" applyProtection="1">
      <alignment vertical="center"/>
    </xf>
    <xf numFmtId="0" fontId="7" fillId="0" borderId="11" xfId="0" quotePrefix="1" applyNumberFormat="1" applyFont="1" applyFill="1" applyBorder="1" applyAlignment="1" applyProtection="1">
      <alignment vertical="center"/>
      <protection locked="0"/>
    </xf>
    <xf numFmtId="0" fontId="30" fillId="0" borderId="5" xfId="0" applyFont="1" applyFill="1" applyBorder="1" applyAlignment="1" applyProtection="1">
      <alignment vertical="center"/>
    </xf>
    <xf numFmtId="0" fontId="30" fillId="0" borderId="7" xfId="0" applyFont="1" applyFill="1" applyBorder="1" applyAlignment="1" applyProtection="1">
      <alignment vertical="center"/>
    </xf>
    <xf numFmtId="0" fontId="7" fillId="0" borderId="1" xfId="0" applyFont="1" applyFill="1" applyBorder="1" applyAlignment="1" applyProtection="1">
      <alignment horizontal="left" vertical="center"/>
      <protection locked="0"/>
    </xf>
    <xf numFmtId="0" fontId="7" fillId="0" borderId="6" xfId="0" applyFont="1" applyFill="1" applyBorder="1" applyAlignment="1" applyProtection="1">
      <alignment horizontal="left" vertical="center"/>
      <protection locked="0"/>
    </xf>
    <xf numFmtId="0" fontId="7" fillId="0" borderId="8" xfId="0" applyFont="1" applyFill="1" applyBorder="1" applyAlignment="1" applyProtection="1">
      <alignment horizontal="left" vertical="center"/>
      <protection locked="0"/>
    </xf>
    <xf numFmtId="0" fontId="5" fillId="0" borderId="0" xfId="0" applyFont="1" applyFill="1" applyBorder="1" applyAlignment="1" applyProtection="1">
      <alignment horizontal="left" vertical="center"/>
      <protection locked="0"/>
    </xf>
    <xf numFmtId="0" fontId="14" fillId="0" borderId="0" xfId="0" applyFont="1" applyFill="1" applyBorder="1" applyAlignment="1" applyProtection="1">
      <alignment vertical="center"/>
      <protection locked="0"/>
    </xf>
    <xf numFmtId="0" fontId="14" fillId="0" borderId="4" xfId="0" applyFont="1" applyFill="1" applyBorder="1" applyAlignment="1" applyProtection="1">
      <alignment vertical="center"/>
      <protection locked="0"/>
    </xf>
    <xf numFmtId="0" fontId="4" fillId="0" borderId="13" xfId="0" applyFont="1" applyFill="1" applyBorder="1" applyAlignment="1">
      <alignment horizontal="left" vertical="center"/>
    </xf>
    <xf numFmtId="0" fontId="12" fillId="0" borderId="14" xfId="0" applyFont="1" applyFill="1" applyBorder="1" applyAlignment="1" applyProtection="1">
      <alignment horizontal="left" vertical="center" wrapText="1"/>
      <protection locked="0"/>
    </xf>
    <xf numFmtId="0" fontId="12" fillId="0" borderId="10" xfId="0" applyFont="1" applyFill="1" applyBorder="1" applyAlignment="1" applyProtection="1">
      <alignment horizontal="left" vertical="center"/>
      <protection locked="0"/>
    </xf>
    <xf numFmtId="0" fontId="12" fillId="0" borderId="15" xfId="0" applyFont="1" applyFill="1" applyBorder="1" applyAlignment="1" applyProtection="1">
      <alignment horizontal="left" vertical="center"/>
      <protection locked="0"/>
    </xf>
    <xf numFmtId="0" fontId="12" fillId="0" borderId="14" xfId="0" applyFont="1" applyFill="1" applyBorder="1" applyAlignment="1" applyProtection="1">
      <alignment horizontal="left" vertical="center"/>
      <protection locked="0"/>
    </xf>
    <xf numFmtId="0" fontId="14" fillId="0" borderId="0" xfId="0" applyFont="1" applyFill="1" applyBorder="1" applyAlignment="1" applyProtection="1">
      <alignment horizontal="left" vertical="center"/>
      <protection locked="0"/>
    </xf>
    <xf numFmtId="0" fontId="0" fillId="0" borderId="0" xfId="0" applyFont="1" applyFill="1" applyBorder="1" applyAlignment="1" applyProtection="1">
      <alignment horizontal="left" vertical="top" wrapText="1"/>
      <protection locked="0"/>
    </xf>
    <xf numFmtId="0" fontId="0" fillId="0" borderId="4" xfId="0" applyFont="1" applyFill="1" applyBorder="1" applyAlignment="1" applyProtection="1">
      <alignment horizontal="left" vertical="top" wrapText="1"/>
      <protection locked="0"/>
    </xf>
    <xf numFmtId="0" fontId="33" fillId="0" borderId="1" xfId="0" applyFont="1" applyFill="1" applyBorder="1" applyAlignment="1" applyProtection="1">
      <alignment vertical="center" wrapText="1"/>
      <protection locked="0"/>
    </xf>
    <xf numFmtId="0" fontId="33" fillId="0" borderId="6" xfId="0" applyFont="1" applyFill="1" applyBorder="1" applyAlignment="1" applyProtection="1">
      <alignment vertical="center" wrapText="1"/>
      <protection locked="0"/>
    </xf>
    <xf numFmtId="0" fontId="33" fillId="0" borderId="8" xfId="0" applyFont="1" applyFill="1" applyBorder="1" applyAlignment="1" applyProtection="1">
      <alignment vertical="center" wrapText="1"/>
      <protection locked="0"/>
    </xf>
    <xf numFmtId="0" fontId="33" fillId="0" borderId="3" xfId="0" applyFont="1" applyFill="1" applyBorder="1" applyAlignment="1" applyProtection="1">
      <alignment vertical="center" wrapText="1"/>
      <protection locked="0"/>
    </xf>
    <xf numFmtId="0" fontId="33" fillId="0" borderId="5" xfId="0" applyFont="1" applyFill="1" applyBorder="1" applyAlignment="1" applyProtection="1">
      <alignment vertical="center" wrapText="1"/>
      <protection locked="0"/>
    </xf>
    <xf numFmtId="0" fontId="33" fillId="0" borderId="7" xfId="0" applyFont="1" applyFill="1" applyBorder="1" applyAlignment="1" applyProtection="1">
      <alignment vertical="center" wrapText="1"/>
      <protection locked="0"/>
    </xf>
    <xf numFmtId="58" fontId="7" fillId="0" borderId="0" xfId="0" applyNumberFormat="1" applyFont="1" applyFill="1" applyBorder="1" applyAlignment="1" applyProtection="1">
      <alignment vertical="center" shrinkToFit="1"/>
      <protection locked="0"/>
    </xf>
    <xf numFmtId="58" fontId="7" fillId="0" borderId="4" xfId="0" applyNumberFormat="1" applyFont="1" applyFill="1" applyBorder="1" applyAlignment="1" applyProtection="1">
      <alignment vertical="center" shrinkToFit="1"/>
      <protection locked="0"/>
    </xf>
    <xf numFmtId="0" fontId="9" fillId="0" borderId="1" xfId="0" applyFont="1" applyFill="1" applyBorder="1" applyAlignment="1" applyProtection="1">
      <alignment horizontal="center" vertical="center"/>
      <protection locked="0"/>
    </xf>
    <xf numFmtId="0" fontId="9" fillId="0" borderId="6" xfId="0" applyFont="1" applyFill="1" applyBorder="1" applyAlignment="1" applyProtection="1">
      <alignment horizontal="center" vertical="center"/>
      <protection locked="0"/>
    </xf>
    <xf numFmtId="0" fontId="9" fillId="0" borderId="3" xfId="0" applyFont="1" applyFill="1" applyBorder="1" applyAlignment="1" applyProtection="1">
      <alignment horizontal="center" vertical="center"/>
      <protection locked="0"/>
    </xf>
    <xf numFmtId="0" fontId="9" fillId="0" borderId="5" xfId="0" applyFont="1" applyFill="1" applyBorder="1" applyAlignment="1" applyProtection="1">
      <alignment horizontal="center" vertical="center"/>
      <protection locked="0"/>
    </xf>
    <xf numFmtId="0" fontId="30" fillId="0" borderId="0" xfId="0" applyFont="1" applyFill="1" applyBorder="1" applyAlignment="1" applyProtection="1">
      <alignment vertical="center" shrinkToFit="1"/>
      <protection locked="0"/>
    </xf>
    <xf numFmtId="0" fontId="30" fillId="0" borderId="4" xfId="0" applyFont="1" applyFill="1" applyBorder="1" applyAlignment="1" applyProtection="1">
      <alignment vertical="center" shrinkToFit="1"/>
      <protection locked="0"/>
    </xf>
    <xf numFmtId="58" fontId="7" fillId="0" borderId="5" xfId="0" applyNumberFormat="1" applyFont="1" applyFill="1" applyBorder="1" applyAlignment="1" applyProtection="1">
      <alignment vertical="center" shrinkToFit="1"/>
      <protection locked="0"/>
    </xf>
    <xf numFmtId="58" fontId="7" fillId="0" borderId="7" xfId="0" applyNumberFormat="1" applyFont="1" applyFill="1" applyBorder="1" applyAlignment="1" applyProtection="1">
      <alignment vertical="center" shrinkToFit="1"/>
      <protection locked="0"/>
    </xf>
    <xf numFmtId="58" fontId="7" fillId="0" borderId="5" xfId="0" applyNumberFormat="1" applyFont="1" applyFill="1" applyBorder="1" applyAlignment="1" applyProtection="1">
      <alignment vertical="center" wrapText="1"/>
      <protection locked="0"/>
    </xf>
    <xf numFmtId="58" fontId="7" fillId="0" borderId="7" xfId="0" applyNumberFormat="1" applyFont="1" applyFill="1" applyBorder="1" applyAlignment="1" applyProtection="1">
      <alignment vertical="center" wrapText="1"/>
      <protection locked="0"/>
    </xf>
    <xf numFmtId="181" fontId="7" fillId="0" borderId="2" xfId="0" applyNumberFormat="1" applyFont="1" applyFill="1" applyBorder="1" applyAlignment="1" applyProtection="1">
      <alignment horizontal="left" vertical="center" shrinkToFit="1"/>
      <protection locked="0"/>
    </xf>
    <xf numFmtId="0" fontId="7" fillId="0" borderId="2" xfId="0" applyFont="1" applyFill="1" applyBorder="1" applyAlignment="1">
      <alignment horizontal="right" vertical="center"/>
    </xf>
    <xf numFmtId="0" fontId="7" fillId="0" borderId="0" xfId="0" applyFont="1" applyFill="1" applyBorder="1" applyAlignment="1">
      <alignment horizontal="right" vertical="center"/>
    </xf>
    <xf numFmtId="0" fontId="7" fillId="0" borderId="4" xfId="0" applyFont="1" applyFill="1" applyBorder="1" applyAlignment="1">
      <alignment horizontal="right" vertical="center"/>
    </xf>
    <xf numFmtId="0" fontId="0" fillId="0" borderId="5" xfId="0" applyFont="1" applyFill="1" applyBorder="1" applyAlignment="1" applyProtection="1">
      <alignment horizontal="left" vertical="center" shrinkToFit="1"/>
      <protection locked="0"/>
    </xf>
    <xf numFmtId="0" fontId="0" fillId="0" borderId="7" xfId="0" applyFont="1" applyFill="1" applyBorder="1" applyAlignment="1" applyProtection="1">
      <alignment horizontal="left" vertical="center" shrinkToFit="1"/>
      <protection locked="0"/>
    </xf>
    <xf numFmtId="0" fontId="12" fillId="0" borderId="3" xfId="0" applyFont="1" applyFill="1" applyBorder="1" applyAlignment="1" applyProtection="1">
      <alignment vertical="center"/>
      <protection locked="0"/>
    </xf>
    <xf numFmtId="0" fontId="12" fillId="0" borderId="5" xfId="0" applyFont="1" applyFill="1" applyBorder="1" applyAlignment="1" applyProtection="1">
      <alignment vertical="center"/>
      <protection locked="0"/>
    </xf>
    <xf numFmtId="0" fontId="12" fillId="0" borderId="7" xfId="0" applyFont="1" applyFill="1" applyBorder="1" applyAlignment="1" applyProtection="1">
      <alignment vertical="center"/>
      <protection locked="0"/>
    </xf>
    <xf numFmtId="0" fontId="5" fillId="0" borderId="12" xfId="0" applyFont="1" applyFill="1" applyBorder="1" applyAlignment="1" applyProtection="1">
      <alignment horizontal="right" vertical="center"/>
    </xf>
    <xf numFmtId="0" fontId="5" fillId="0" borderId="13" xfId="0" applyFont="1" applyFill="1" applyBorder="1" applyAlignment="1" applyProtection="1">
      <alignment vertical="center" wrapText="1"/>
      <protection locked="0"/>
    </xf>
    <xf numFmtId="57" fontId="34" fillId="0" borderId="0" xfId="0" applyNumberFormat="1" applyFont="1" applyFill="1" applyBorder="1" applyAlignment="1" applyProtection="1">
      <alignment horizontal="left" vertical="center"/>
      <protection locked="0"/>
    </xf>
    <xf numFmtId="0" fontId="35" fillId="0" borderId="0" xfId="0" applyFont="1" applyFill="1" applyBorder="1" applyAlignment="1" applyProtection="1">
      <alignment horizontal="left" vertical="center"/>
      <protection locked="0"/>
    </xf>
    <xf numFmtId="0" fontId="33" fillId="0" borderId="1" xfId="0" applyFont="1" applyFill="1" applyBorder="1" applyAlignment="1" applyProtection="1">
      <alignment vertical="top" wrapText="1"/>
      <protection locked="0"/>
    </xf>
    <xf numFmtId="0" fontId="33" fillId="0" borderId="6" xfId="0" applyFont="1" applyFill="1" applyBorder="1" applyAlignment="1" applyProtection="1">
      <alignment vertical="top" wrapText="1"/>
      <protection locked="0"/>
    </xf>
    <xf numFmtId="0" fontId="33" fillId="0" borderId="8" xfId="0" applyFont="1" applyFill="1" applyBorder="1" applyAlignment="1" applyProtection="1">
      <alignment vertical="top" wrapText="1"/>
      <protection locked="0"/>
    </xf>
    <xf numFmtId="0" fontId="33" fillId="0" borderId="2" xfId="0" applyFont="1" applyFill="1" applyBorder="1" applyAlignment="1" applyProtection="1">
      <alignment vertical="top" wrapText="1"/>
      <protection locked="0"/>
    </xf>
    <xf numFmtId="0" fontId="33" fillId="0" borderId="0" xfId="0" applyFont="1" applyFill="1" applyBorder="1" applyAlignment="1" applyProtection="1">
      <alignment vertical="top" wrapText="1"/>
      <protection locked="0"/>
    </xf>
    <xf numFmtId="0" fontId="33" fillId="0" borderId="4" xfId="0" applyFont="1" applyFill="1" applyBorder="1" applyAlignment="1" applyProtection="1">
      <alignment vertical="top" wrapText="1"/>
      <protection locked="0"/>
    </xf>
    <xf numFmtId="0" fontId="33" fillId="0" borderId="3" xfId="0" applyFont="1" applyFill="1" applyBorder="1" applyAlignment="1" applyProtection="1">
      <alignment vertical="top" wrapText="1"/>
      <protection locked="0"/>
    </xf>
    <xf numFmtId="0" fontId="33" fillId="0" borderId="5" xfId="0" applyFont="1" applyFill="1" applyBorder="1" applyAlignment="1" applyProtection="1">
      <alignment vertical="top" wrapText="1"/>
      <protection locked="0"/>
    </xf>
    <xf numFmtId="0" fontId="33" fillId="0" borderId="7" xfId="0" applyFont="1" applyFill="1" applyBorder="1" applyAlignment="1" applyProtection="1">
      <alignment vertical="top" wrapText="1"/>
      <protection locked="0"/>
    </xf>
    <xf numFmtId="0" fontId="33" fillId="0" borderId="0" xfId="0" applyFont="1" applyFill="1" applyBorder="1" applyAlignment="1">
      <alignment vertical="center"/>
    </xf>
    <xf numFmtId="0" fontId="33" fillId="0" borderId="4" xfId="0" applyFont="1" applyFill="1" applyBorder="1" applyAlignment="1">
      <alignment vertical="center"/>
    </xf>
    <xf numFmtId="0" fontId="33" fillId="0" borderId="0" xfId="0" applyFont="1" applyFill="1" applyAlignment="1">
      <alignment vertical="center"/>
    </xf>
    <xf numFmtId="0" fontId="7" fillId="0" borderId="1" xfId="0" applyFont="1" applyFill="1" applyBorder="1" applyAlignment="1">
      <alignment vertical="center"/>
    </xf>
    <xf numFmtId="0" fontId="9" fillId="0" borderId="13" xfId="0" applyFont="1" applyFill="1" applyBorder="1" applyAlignment="1" applyProtection="1">
      <alignment horizontal="center" vertical="center" textRotation="255"/>
    </xf>
    <xf numFmtId="0" fontId="11" fillId="0" borderId="10" xfId="0" applyFont="1" applyFill="1" applyBorder="1" applyAlignment="1">
      <alignment vertical="center"/>
    </xf>
    <xf numFmtId="0" fontId="33" fillId="0" borderId="6" xfId="0" applyFont="1" applyFill="1" applyBorder="1" applyAlignment="1">
      <alignment vertical="center"/>
    </xf>
    <xf numFmtId="0" fontId="33" fillId="0" borderId="8" xfId="0" applyFont="1" applyFill="1" applyBorder="1" applyAlignment="1">
      <alignment vertical="center"/>
    </xf>
    <xf numFmtId="0" fontId="33" fillId="0" borderId="5" xfId="0" applyFont="1" applyFill="1" applyBorder="1" applyAlignment="1">
      <alignment vertical="center"/>
    </xf>
    <xf numFmtId="0" fontId="33" fillId="0" borderId="7" xfId="0" applyFont="1" applyFill="1" applyBorder="1" applyAlignment="1">
      <alignment vertical="center"/>
    </xf>
    <xf numFmtId="58" fontId="7" fillId="0" borderId="1" xfId="0" applyNumberFormat="1" applyFont="1" applyFill="1" applyBorder="1" applyAlignment="1" applyProtection="1">
      <alignment horizontal="left" vertical="center" shrinkToFit="1"/>
      <protection locked="0"/>
    </xf>
    <xf numFmtId="40" fontId="9" fillId="0" borderId="1" xfId="2" applyNumberFormat="1" applyFont="1" applyFill="1" applyBorder="1" applyAlignment="1" applyProtection="1">
      <alignment vertical="center"/>
      <protection locked="0"/>
    </xf>
    <xf numFmtId="40" fontId="15" fillId="0" borderId="6" xfId="2" applyNumberFormat="1" applyFont="1" applyFill="1" applyBorder="1" applyAlignment="1" applyProtection="1">
      <alignment vertical="center"/>
      <protection locked="0"/>
    </xf>
    <xf numFmtId="40" fontId="15" fillId="0" borderId="3" xfId="2" applyNumberFormat="1" applyFont="1" applyFill="1" applyBorder="1" applyAlignment="1" applyProtection="1">
      <alignment vertical="center"/>
      <protection locked="0"/>
    </xf>
    <xf numFmtId="40" fontId="15" fillId="0" borderId="5" xfId="2" applyNumberFormat="1" applyFont="1" applyFill="1" applyBorder="1" applyAlignment="1" applyProtection="1">
      <alignment vertical="center"/>
      <protection locked="0"/>
    </xf>
    <xf numFmtId="0" fontId="5" fillId="0" borderId="14"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15" xfId="0" applyFont="1" applyFill="1" applyBorder="1" applyAlignment="1">
      <alignment horizontal="center" vertical="center"/>
    </xf>
    <xf numFmtId="0" fontId="11" fillId="0" borderId="0" xfId="1" applyFont="1" applyFill="1" applyAlignment="1" applyProtection="1">
      <alignment vertical="center"/>
      <protection locked="0"/>
    </xf>
    <xf numFmtId="0" fontId="12" fillId="0" borderId="6" xfId="0" applyFont="1" applyFill="1" applyBorder="1" applyAlignment="1" applyProtection="1">
      <alignment vertical="top" wrapText="1"/>
      <protection locked="0"/>
    </xf>
    <xf numFmtId="0" fontId="12" fillId="0" borderId="8" xfId="0" applyFont="1" applyFill="1" applyBorder="1" applyAlignment="1" applyProtection="1">
      <alignment vertical="top" wrapText="1"/>
      <protection locked="0"/>
    </xf>
    <xf numFmtId="0" fontId="12" fillId="0" borderId="4" xfId="0" applyFont="1" applyFill="1" applyBorder="1" applyAlignment="1" applyProtection="1">
      <alignment vertical="top" wrapText="1"/>
      <protection locked="0"/>
    </xf>
    <xf numFmtId="57" fontId="7" fillId="0" borderId="1" xfId="0" applyNumberFormat="1" applyFont="1" applyFill="1" applyBorder="1" applyAlignment="1" applyProtection="1">
      <alignment horizontal="left" vertical="center"/>
      <protection locked="0"/>
    </xf>
    <xf numFmtId="57" fontId="7" fillId="0" borderId="6" xfId="0" applyNumberFormat="1" applyFont="1" applyFill="1" applyBorder="1" applyAlignment="1" applyProtection="1">
      <alignment horizontal="left" vertical="center"/>
      <protection locked="0"/>
    </xf>
    <xf numFmtId="0" fontId="41" fillId="0" borderId="2" xfId="0" applyFont="1" applyFill="1" applyBorder="1" applyAlignment="1" applyProtection="1">
      <alignment horizontal="distributed" vertical="center" wrapText="1"/>
    </xf>
    <xf numFmtId="0" fontId="7" fillId="0" borderId="3" xfId="0" applyFont="1" applyFill="1" applyBorder="1" applyAlignment="1">
      <alignment vertical="center"/>
    </xf>
    <xf numFmtId="0" fontId="12" fillId="0" borderId="6" xfId="0" applyFont="1" applyFill="1" applyBorder="1" applyAlignment="1" applyProtection="1">
      <alignment vertical="center" wrapText="1"/>
      <protection locked="0"/>
    </xf>
    <xf numFmtId="0" fontId="12" fillId="0" borderId="8" xfId="0" applyFont="1" applyFill="1" applyBorder="1" applyAlignment="1" applyProtection="1">
      <alignment vertical="center" wrapText="1"/>
      <protection locked="0"/>
    </xf>
    <xf numFmtId="38" fontId="9" fillId="0" borderId="1" xfId="2" applyFont="1" applyFill="1" applyBorder="1" applyAlignment="1">
      <alignment vertical="center"/>
    </xf>
    <xf numFmtId="38" fontId="9" fillId="0" borderId="6" xfId="2" applyFont="1" applyFill="1" applyBorder="1" applyAlignment="1">
      <alignment vertical="center"/>
    </xf>
    <xf numFmtId="38" fontId="9" fillId="0" borderId="8" xfId="2" applyFont="1" applyFill="1" applyBorder="1" applyAlignment="1">
      <alignment vertical="center"/>
    </xf>
    <xf numFmtId="38" fontId="9" fillId="0" borderId="3" xfId="2" applyFont="1" applyFill="1" applyBorder="1" applyAlignment="1">
      <alignment vertical="center"/>
    </xf>
    <xf numFmtId="38" fontId="9" fillId="0" borderId="5" xfId="2" applyFont="1" applyFill="1" applyBorder="1" applyAlignment="1">
      <alignment vertical="center"/>
    </xf>
    <xf numFmtId="38" fontId="9" fillId="0" borderId="7" xfId="2" applyFont="1" applyFill="1" applyBorder="1" applyAlignment="1">
      <alignment vertical="center"/>
    </xf>
    <xf numFmtId="0" fontId="7" fillId="0" borderId="1" xfId="0" applyFont="1" applyFill="1" applyBorder="1" applyAlignment="1">
      <alignment horizontal="center" vertical="center"/>
    </xf>
    <xf numFmtId="0" fontId="7" fillId="0" borderId="6" xfId="0" applyFont="1" applyFill="1" applyBorder="1" applyAlignment="1">
      <alignment horizontal="center" vertical="center"/>
    </xf>
    <xf numFmtId="0" fontId="7" fillId="0" borderId="8" xfId="0" applyFont="1" applyFill="1" applyBorder="1" applyAlignment="1">
      <alignment horizontal="center" vertical="center"/>
    </xf>
    <xf numFmtId="0" fontId="7" fillId="0" borderId="3"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7" xfId="0" applyFont="1" applyFill="1" applyBorder="1" applyAlignment="1">
      <alignment horizontal="center" vertical="center"/>
    </xf>
    <xf numFmtId="0" fontId="7" fillId="0" borderId="2" xfId="0" applyFont="1" applyFill="1" applyBorder="1" applyAlignment="1" applyProtection="1">
      <alignment vertical="center"/>
      <protection locked="0"/>
    </xf>
    <xf numFmtId="0" fontId="25" fillId="0" borderId="6" xfId="0" applyFont="1" applyFill="1" applyBorder="1" applyAlignment="1" applyProtection="1">
      <alignment vertical="center"/>
    </xf>
    <xf numFmtId="58" fontId="7" fillId="0" borderId="1" xfId="0" applyNumberFormat="1" applyFont="1" applyFill="1" applyBorder="1" applyAlignment="1" applyProtection="1">
      <alignment vertical="center" shrinkToFit="1"/>
      <protection locked="0"/>
    </xf>
    <xf numFmtId="58" fontId="7" fillId="0" borderId="6" xfId="0" applyNumberFormat="1" applyFont="1" applyFill="1" applyBorder="1" applyAlignment="1" applyProtection="1">
      <alignment vertical="center" shrinkToFit="1"/>
      <protection locked="0"/>
    </xf>
    <xf numFmtId="58" fontId="7" fillId="0" borderId="8" xfId="0" applyNumberFormat="1" applyFont="1" applyFill="1" applyBorder="1" applyAlignment="1" applyProtection="1">
      <alignment vertical="center" shrinkToFit="1"/>
      <protection locked="0"/>
    </xf>
    <xf numFmtId="0" fontId="12" fillId="0" borderId="2" xfId="0" applyFont="1" applyFill="1" applyBorder="1" applyAlignment="1" applyProtection="1">
      <alignment vertical="center" shrinkToFit="1"/>
      <protection locked="0"/>
    </xf>
    <xf numFmtId="0" fontId="12" fillId="0" borderId="0" xfId="0" applyFont="1" applyFill="1" applyBorder="1" applyAlignment="1" applyProtection="1">
      <alignment vertical="center" shrinkToFit="1"/>
      <protection locked="0"/>
    </xf>
    <xf numFmtId="0" fontId="12" fillId="0" borderId="4" xfId="0" applyFont="1" applyFill="1" applyBorder="1" applyAlignment="1" applyProtection="1">
      <alignment vertical="center" shrinkToFit="1"/>
      <protection locked="0"/>
    </xf>
    <xf numFmtId="0" fontId="0" fillId="0" borderId="2" xfId="0" applyFont="1" applyFill="1" applyBorder="1" applyAlignment="1" applyProtection="1">
      <alignment vertical="center" shrinkToFit="1"/>
      <protection locked="0"/>
    </xf>
    <xf numFmtId="49" fontId="0" fillId="0" borderId="10" xfId="0" applyNumberFormat="1" applyFont="1" applyFill="1" applyBorder="1" applyAlignment="1">
      <alignment horizontal="left" vertical="center"/>
    </xf>
    <xf numFmtId="0" fontId="7" fillId="0" borderId="6" xfId="0" applyFont="1" applyFill="1" applyBorder="1" applyAlignment="1">
      <alignment horizontal="left" vertical="center"/>
    </xf>
    <xf numFmtId="0" fontId="7" fillId="0" borderId="8" xfId="0" applyFont="1" applyFill="1" applyBorder="1" applyAlignment="1">
      <alignment horizontal="left" vertical="center"/>
    </xf>
    <xf numFmtId="0" fontId="9" fillId="0" borderId="1" xfId="0" applyFont="1" applyFill="1" applyBorder="1" applyAlignment="1">
      <alignment horizontal="right" vertical="center"/>
    </xf>
    <xf numFmtId="0" fontId="9" fillId="0" borderId="6" xfId="0" applyFont="1" applyFill="1" applyBorder="1" applyAlignment="1">
      <alignment horizontal="right" vertical="center"/>
    </xf>
    <xf numFmtId="40" fontId="9" fillId="0" borderId="6" xfId="2" applyNumberFormat="1" applyFont="1" applyFill="1" applyBorder="1" applyAlignment="1">
      <alignment vertical="center"/>
    </xf>
    <xf numFmtId="40" fontId="9" fillId="0" borderId="3" xfId="2" applyNumberFormat="1" applyFont="1" applyFill="1" applyBorder="1" applyAlignment="1">
      <alignment vertical="center"/>
    </xf>
    <xf numFmtId="40" fontId="9" fillId="0" borderId="5" xfId="2" applyNumberFormat="1" applyFont="1" applyFill="1" applyBorder="1" applyAlignment="1">
      <alignment vertical="center"/>
    </xf>
    <xf numFmtId="0" fontId="40" fillId="0" borderId="2" xfId="0" applyFont="1" applyFill="1" applyBorder="1" applyAlignment="1" applyProtection="1">
      <alignment vertical="center"/>
    </xf>
    <xf numFmtId="0" fontId="40" fillId="0" borderId="0" xfId="0" applyFont="1" applyFill="1" applyBorder="1" applyAlignment="1" applyProtection="1">
      <alignment vertical="center"/>
    </xf>
    <xf numFmtId="0" fontId="40" fillId="0" borderId="4" xfId="0" applyFont="1" applyFill="1" applyBorder="1" applyAlignment="1" applyProtection="1">
      <alignment vertical="center"/>
    </xf>
    <xf numFmtId="0" fontId="7" fillId="0" borderId="0" xfId="0" applyFont="1" applyFill="1" applyBorder="1" applyAlignment="1"/>
    <xf numFmtId="0" fontId="7" fillId="0" borderId="4" xfId="0" applyFont="1" applyFill="1" applyBorder="1" applyAlignment="1"/>
    <xf numFmtId="0" fontId="0" fillId="0" borderId="5" xfId="0" applyFont="1" applyFill="1" applyBorder="1" applyAlignment="1">
      <alignment vertical="center" wrapText="1"/>
    </xf>
    <xf numFmtId="0" fontId="0" fillId="0" borderId="7" xfId="0" applyFont="1" applyFill="1" applyBorder="1" applyAlignment="1">
      <alignment vertical="center" wrapText="1"/>
    </xf>
    <xf numFmtId="58" fontId="7" fillId="0" borderId="1" xfId="0" applyNumberFormat="1" applyFont="1" applyFill="1" applyBorder="1" applyAlignment="1" applyProtection="1">
      <alignment vertical="center"/>
      <protection locked="0"/>
    </xf>
    <xf numFmtId="0" fontId="14" fillId="0" borderId="11" xfId="0" applyFont="1" applyFill="1" applyBorder="1" applyAlignment="1" applyProtection="1">
      <alignment horizontal="center" vertical="center"/>
    </xf>
    <xf numFmtId="0" fontId="13" fillId="0" borderId="9" xfId="0" applyFont="1" applyFill="1" applyBorder="1" applyAlignment="1" applyProtection="1">
      <alignment horizontal="center" vertical="center"/>
    </xf>
    <xf numFmtId="0" fontId="0" fillId="0" borderId="9" xfId="0" applyFont="1" applyFill="1" applyBorder="1" applyAlignment="1" applyProtection="1">
      <alignment horizontal="center" vertical="center"/>
    </xf>
    <xf numFmtId="0" fontId="0" fillId="0" borderId="12" xfId="0" applyFont="1" applyFill="1" applyBorder="1" applyAlignment="1" applyProtection="1">
      <alignment horizontal="center" vertical="center"/>
    </xf>
    <xf numFmtId="0" fontId="27" fillId="0" borderId="10" xfId="0" applyFont="1" applyFill="1" applyBorder="1" applyAlignment="1" applyProtection="1">
      <alignment vertical="center"/>
    </xf>
    <xf numFmtId="0" fontId="6" fillId="0" borderId="6" xfId="1" applyFont="1" applyFill="1" applyBorder="1" applyAlignment="1" applyProtection="1">
      <alignment vertical="center"/>
      <protection locked="0"/>
    </xf>
    <xf numFmtId="0" fontId="6" fillId="0" borderId="8" xfId="1" applyFont="1" applyFill="1" applyBorder="1" applyAlignment="1" applyProtection="1">
      <alignment vertical="center"/>
      <protection locked="0"/>
    </xf>
    <xf numFmtId="0" fontId="6" fillId="0" borderId="5" xfId="1" applyFont="1" applyFill="1" applyBorder="1" applyAlignment="1" applyProtection="1">
      <alignment vertical="center"/>
      <protection locked="0"/>
    </xf>
    <xf numFmtId="0" fontId="6" fillId="0" borderId="7" xfId="1" applyFont="1" applyFill="1" applyBorder="1" applyAlignment="1" applyProtection="1">
      <alignment vertical="center"/>
      <protection locked="0"/>
    </xf>
    <xf numFmtId="0" fontId="7" fillId="0" borderId="2" xfId="0" applyFont="1" applyFill="1" applyBorder="1" applyAlignment="1" applyProtection="1">
      <alignment vertical="center" wrapText="1"/>
      <protection locked="0"/>
    </xf>
    <xf numFmtId="0" fontId="0" fillId="0" borderId="11" xfId="0" applyFont="1" applyFill="1" applyBorder="1" applyAlignment="1" applyProtection="1">
      <alignment horizontal="center" vertical="center"/>
    </xf>
    <xf numFmtId="0" fontId="0" fillId="0" borderId="6" xfId="0" applyFont="1" applyFill="1" applyBorder="1" applyAlignment="1" applyProtection="1">
      <alignment vertical="top" wrapText="1"/>
      <protection locked="0"/>
    </xf>
    <xf numFmtId="0" fontId="0" fillId="0" borderId="8" xfId="0" applyFont="1" applyFill="1" applyBorder="1" applyAlignment="1" applyProtection="1">
      <alignment vertical="top" wrapText="1"/>
      <protection locked="0"/>
    </xf>
    <xf numFmtId="0" fontId="43" fillId="0" borderId="2" xfId="0" applyFont="1" applyFill="1" applyBorder="1" applyAlignment="1" applyProtection="1">
      <alignment horizontal="distributed" vertical="center"/>
    </xf>
    <xf numFmtId="0" fontId="43" fillId="0" borderId="0" xfId="0" applyFont="1" applyFill="1" applyBorder="1" applyAlignment="1" applyProtection="1">
      <alignment horizontal="distributed" vertical="center"/>
    </xf>
    <xf numFmtId="0" fontId="43" fillId="0" borderId="4" xfId="0" applyFont="1" applyFill="1" applyBorder="1" applyAlignment="1" applyProtection="1">
      <alignment horizontal="distributed" vertical="center"/>
    </xf>
    <xf numFmtId="0" fontId="43" fillId="0" borderId="3" xfId="0" applyFont="1" applyFill="1" applyBorder="1" applyAlignment="1" applyProtection="1">
      <alignment horizontal="distributed" vertical="center"/>
    </xf>
    <xf numFmtId="0" fontId="43" fillId="0" borderId="5" xfId="0" applyFont="1" applyFill="1" applyBorder="1" applyAlignment="1" applyProtection="1">
      <alignment horizontal="distributed" vertical="center"/>
    </xf>
    <xf numFmtId="0" fontId="43" fillId="0" borderId="7" xfId="0" applyFont="1" applyFill="1" applyBorder="1" applyAlignment="1" applyProtection="1">
      <alignment horizontal="distributed" vertical="center"/>
    </xf>
    <xf numFmtId="49" fontId="7" fillId="0" borderId="12" xfId="0" applyNumberFormat="1" applyFont="1" applyFill="1" applyBorder="1" applyAlignment="1" applyProtection="1">
      <alignment horizontal="left" vertical="center"/>
      <protection locked="0"/>
    </xf>
    <xf numFmtId="0" fontId="10" fillId="0" borderId="0" xfId="0" applyFont="1" applyFill="1" applyBorder="1" applyAlignment="1" applyProtection="1">
      <alignment horizontal="right" vertical="center" shrinkToFit="1"/>
      <protection locked="0"/>
    </xf>
    <xf numFmtId="0" fontId="10" fillId="0" borderId="4" xfId="0" applyFont="1" applyFill="1" applyBorder="1" applyAlignment="1" applyProtection="1">
      <alignment horizontal="right" vertical="center" shrinkToFit="1"/>
      <protection locked="0"/>
    </xf>
    <xf numFmtId="0" fontId="15" fillId="0" borderId="2" xfId="0" applyFont="1" applyFill="1" applyBorder="1" applyAlignment="1" applyProtection="1">
      <alignment horizontal="left" vertical="center" shrinkToFit="1"/>
      <protection locked="0"/>
    </xf>
    <xf numFmtId="0" fontId="15" fillId="0" borderId="0" xfId="0" applyFont="1" applyFill="1" applyBorder="1" applyAlignment="1">
      <alignment horizontal="left" vertical="center" shrinkToFit="1"/>
    </xf>
    <xf numFmtId="0" fontId="15" fillId="0" borderId="4" xfId="0" applyFont="1" applyFill="1" applyBorder="1" applyAlignment="1">
      <alignment horizontal="left" vertical="center" shrinkToFit="1"/>
    </xf>
    <xf numFmtId="0" fontId="7" fillId="0" borderId="0" xfId="0" applyFont="1" applyFill="1" applyBorder="1" applyAlignment="1">
      <alignment horizontal="left" vertical="center" shrinkToFit="1"/>
    </xf>
    <xf numFmtId="0" fontId="7" fillId="0" borderId="4" xfId="0" applyFont="1" applyFill="1" applyBorder="1" applyAlignment="1">
      <alignment horizontal="left" vertical="center" shrinkToFit="1"/>
    </xf>
    <xf numFmtId="0" fontId="10" fillId="0" borderId="0" xfId="0" applyFont="1" applyFill="1" applyBorder="1" applyAlignment="1" applyProtection="1">
      <alignment horizontal="left" vertical="center" shrinkToFit="1"/>
      <protection locked="0"/>
    </xf>
    <xf numFmtId="0" fontId="10" fillId="0" borderId="4" xfId="0" applyFont="1" applyFill="1" applyBorder="1" applyAlignment="1" applyProtection="1">
      <alignment horizontal="left" vertical="center" shrinkToFit="1"/>
      <protection locked="0"/>
    </xf>
    <xf numFmtId="0" fontId="15" fillId="0" borderId="3" xfId="0" applyFont="1" applyFill="1" applyBorder="1" applyAlignment="1" applyProtection="1">
      <alignment horizontal="left" vertical="center" shrinkToFit="1"/>
      <protection locked="0"/>
    </xf>
    <xf numFmtId="0" fontId="15" fillId="0" borderId="5" xfId="0" applyFont="1" applyFill="1" applyBorder="1" applyAlignment="1">
      <alignment horizontal="left" vertical="center" shrinkToFit="1"/>
    </xf>
    <xf numFmtId="0" fontId="15" fillId="0" borderId="7" xfId="0" applyFont="1" applyFill="1" applyBorder="1" applyAlignment="1">
      <alignment horizontal="left" vertical="center" shrinkToFit="1"/>
    </xf>
    <xf numFmtId="0" fontId="10" fillId="0" borderId="6" xfId="0" applyFont="1" applyFill="1" applyBorder="1" applyAlignment="1" applyProtection="1">
      <alignment vertical="center" wrapText="1"/>
      <protection locked="0"/>
    </xf>
    <xf numFmtId="0" fontId="10" fillId="0" borderId="8" xfId="0" applyFont="1" applyFill="1" applyBorder="1" applyAlignment="1" applyProtection="1">
      <alignment vertical="center" wrapText="1"/>
      <protection locked="0"/>
    </xf>
    <xf numFmtId="0" fontId="10" fillId="0" borderId="3" xfId="0" applyFont="1" applyFill="1" applyBorder="1" applyAlignment="1" applyProtection="1">
      <alignment vertical="center" wrapText="1"/>
      <protection locked="0"/>
    </xf>
    <xf numFmtId="0" fontId="10" fillId="0" borderId="5" xfId="0" applyFont="1" applyFill="1" applyBorder="1" applyAlignment="1" applyProtection="1">
      <alignment vertical="center" wrapText="1"/>
      <protection locked="0"/>
    </xf>
    <xf numFmtId="0" fontId="10" fillId="0" borderId="7" xfId="0" applyFont="1" applyFill="1" applyBorder="1" applyAlignment="1" applyProtection="1">
      <alignment vertical="center" wrapText="1"/>
      <protection locked="0"/>
    </xf>
    <xf numFmtId="0" fontId="12" fillId="0" borderId="0" xfId="0" applyFont="1" applyFill="1" applyBorder="1" applyAlignment="1" applyProtection="1">
      <alignment vertical="center" wrapText="1"/>
      <protection locked="0"/>
    </xf>
    <xf numFmtId="0" fontId="0" fillId="0" borderId="0" xfId="0" applyFont="1" applyFill="1" applyBorder="1" applyAlignment="1" applyProtection="1">
      <alignment vertical="center" wrapText="1"/>
      <protection locked="0"/>
    </xf>
    <xf numFmtId="0" fontId="0" fillId="0" borderId="4" xfId="0" applyFont="1" applyFill="1" applyBorder="1" applyAlignment="1" applyProtection="1">
      <alignment vertical="center" wrapText="1"/>
      <protection locked="0"/>
    </xf>
    <xf numFmtId="0" fontId="12" fillId="0" borderId="0" xfId="0" applyFont="1" applyFill="1" applyBorder="1" applyAlignment="1" applyProtection="1">
      <alignment vertical="center"/>
      <protection locked="0"/>
    </xf>
    <xf numFmtId="0" fontId="12" fillId="0" borderId="4" xfId="0" applyFont="1" applyFill="1" applyBorder="1" applyAlignment="1" applyProtection="1">
      <alignment vertical="center"/>
      <protection locked="0"/>
    </xf>
    <xf numFmtId="0" fontId="7" fillId="0" borderId="0" xfId="0" applyFont="1" applyFill="1" applyAlignment="1">
      <alignment vertical="center"/>
    </xf>
    <xf numFmtId="0" fontId="30" fillId="0" borderId="0" xfId="0" applyFont="1" applyFill="1" applyAlignment="1">
      <alignment vertical="center"/>
    </xf>
    <xf numFmtId="0" fontId="7" fillId="0" borderId="5" xfId="0" applyFont="1" applyFill="1" applyBorder="1" applyAlignment="1" applyProtection="1">
      <alignment vertical="center" shrinkToFit="1"/>
      <protection locked="0"/>
    </xf>
    <xf numFmtId="0" fontId="7" fillId="0" borderId="7" xfId="0" applyFont="1" applyFill="1" applyBorder="1" applyAlignment="1" applyProtection="1">
      <alignment vertical="center" shrinkToFit="1"/>
      <protection locked="0"/>
    </xf>
    <xf numFmtId="178" fontId="7" fillId="0" borderId="2" xfId="0" applyNumberFormat="1" applyFont="1" applyFill="1" applyBorder="1" applyAlignment="1" applyProtection="1">
      <alignment vertical="center"/>
      <protection locked="0"/>
    </xf>
    <xf numFmtId="178" fontId="7" fillId="0" borderId="0" xfId="0" applyNumberFormat="1" applyFont="1" applyFill="1" applyBorder="1" applyAlignment="1" applyProtection="1">
      <alignment vertical="center"/>
      <protection locked="0"/>
    </xf>
    <xf numFmtId="178" fontId="7" fillId="0" borderId="4" xfId="0" applyNumberFormat="1" applyFont="1" applyFill="1" applyBorder="1" applyAlignment="1" applyProtection="1">
      <alignment vertical="center"/>
      <protection locked="0"/>
    </xf>
    <xf numFmtId="0" fontId="7" fillId="0" borderId="2" xfId="0" applyNumberFormat="1" applyFont="1" applyFill="1" applyBorder="1" applyAlignment="1" applyProtection="1">
      <alignment vertical="center" shrinkToFit="1"/>
      <protection locked="0"/>
    </xf>
    <xf numFmtId="0" fontId="7" fillId="0" borderId="0" xfId="0" applyNumberFormat="1" applyFont="1" applyFill="1" applyBorder="1" applyAlignment="1" applyProtection="1">
      <alignment vertical="center" shrinkToFit="1"/>
      <protection locked="0"/>
    </xf>
    <xf numFmtId="0" fontId="7" fillId="0" borderId="4" xfId="0" applyNumberFormat="1" applyFont="1" applyFill="1" applyBorder="1" applyAlignment="1" applyProtection="1">
      <alignment vertical="center" shrinkToFit="1"/>
      <protection locked="0"/>
    </xf>
    <xf numFmtId="178" fontId="7" fillId="0" borderId="2" xfId="0" applyNumberFormat="1" applyFont="1" applyFill="1" applyBorder="1" applyAlignment="1">
      <alignment vertical="center"/>
    </xf>
    <xf numFmtId="178" fontId="7" fillId="0" borderId="0" xfId="0" applyNumberFormat="1" applyFont="1" applyFill="1" applyBorder="1" applyAlignment="1">
      <alignment vertical="center"/>
    </xf>
    <xf numFmtId="178" fontId="7" fillId="0" borderId="4" xfId="0" applyNumberFormat="1" applyFont="1" applyFill="1" applyBorder="1" applyAlignment="1">
      <alignment vertical="center"/>
    </xf>
    <xf numFmtId="0" fontId="27" fillId="0" borderId="5" xfId="0" applyFont="1" applyFill="1" applyBorder="1" applyAlignment="1" applyProtection="1"/>
    <xf numFmtId="58" fontId="7" fillId="0" borderId="2" xfId="0" applyNumberFormat="1" applyFont="1" applyFill="1" applyBorder="1" applyAlignment="1" applyProtection="1">
      <alignment vertical="center"/>
      <protection locked="0"/>
    </xf>
    <xf numFmtId="58" fontId="7" fillId="0" borderId="0" xfId="0" applyNumberFormat="1" applyFont="1" applyFill="1" applyBorder="1" applyAlignment="1" applyProtection="1">
      <alignment horizontal="left" vertical="center" wrapText="1"/>
      <protection locked="0"/>
    </xf>
    <xf numFmtId="58" fontId="7" fillId="0" borderId="4" xfId="0" applyNumberFormat="1" applyFont="1" applyFill="1" applyBorder="1" applyAlignment="1" applyProtection="1">
      <alignment horizontal="left" vertical="center" wrapText="1"/>
      <protection locked="0"/>
    </xf>
    <xf numFmtId="0" fontId="11" fillId="0" borderId="5" xfId="0" applyFont="1" applyFill="1" applyBorder="1" applyAlignment="1" applyProtection="1">
      <alignment vertical="center"/>
    </xf>
    <xf numFmtId="58" fontId="12" fillId="0" borderId="5" xfId="0" applyNumberFormat="1" applyFont="1" applyFill="1" applyBorder="1" applyAlignment="1" applyProtection="1">
      <alignment horizontal="center" vertical="center" wrapText="1"/>
      <protection locked="0"/>
    </xf>
    <xf numFmtId="0" fontId="7" fillId="0" borderId="13" xfId="0" applyFont="1" applyFill="1" applyBorder="1" applyAlignment="1" applyProtection="1">
      <alignment vertical="top" wrapText="1"/>
      <protection locked="0"/>
    </xf>
    <xf numFmtId="0" fontId="27" fillId="0" borderId="6" xfId="0" applyFont="1" applyFill="1" applyBorder="1" applyAlignment="1" applyProtection="1">
      <alignment vertical="center"/>
    </xf>
    <xf numFmtId="0" fontId="44" fillId="0" borderId="6" xfId="0" applyFont="1" applyFill="1" applyBorder="1" applyAlignment="1" applyProtection="1">
      <alignment vertical="center"/>
      <protection locked="0"/>
    </xf>
    <xf numFmtId="0" fontId="44" fillId="0" borderId="8" xfId="0" applyFont="1" applyFill="1" applyBorder="1" applyAlignment="1" applyProtection="1">
      <alignment vertical="center"/>
      <protection locked="0"/>
    </xf>
    <xf numFmtId="0" fontId="10" fillId="0" borderId="6" xfId="0" applyFont="1" applyFill="1" applyBorder="1" applyProtection="1">
      <protection locked="0"/>
    </xf>
    <xf numFmtId="0" fontId="10" fillId="0" borderId="8" xfId="0" applyFont="1" applyFill="1" applyBorder="1" applyProtection="1">
      <protection locked="0"/>
    </xf>
    <xf numFmtId="0" fontId="10" fillId="0" borderId="2" xfId="0" applyFont="1" applyFill="1" applyBorder="1" applyProtection="1">
      <protection locked="0"/>
    </xf>
    <xf numFmtId="0" fontId="10" fillId="0" borderId="0" xfId="0" applyFont="1" applyFill="1" applyBorder="1" applyProtection="1">
      <protection locked="0"/>
    </xf>
    <xf numFmtId="0" fontId="10" fillId="0" borderId="4" xfId="0" applyFont="1" applyFill="1" applyBorder="1" applyProtection="1">
      <protection locked="0"/>
    </xf>
    <xf numFmtId="0" fontId="10" fillId="0" borderId="3" xfId="0" applyFont="1" applyFill="1" applyBorder="1" applyProtection="1">
      <protection locked="0"/>
    </xf>
    <xf numFmtId="0" fontId="10" fillId="0" borderId="5" xfId="0" applyFont="1" applyFill="1" applyBorder="1" applyProtection="1">
      <protection locked="0"/>
    </xf>
    <xf numFmtId="0" fontId="10" fillId="0" borderId="7" xfId="0" applyFont="1" applyFill="1" applyBorder="1" applyProtection="1">
      <protection locked="0"/>
    </xf>
    <xf numFmtId="58" fontId="16" fillId="0" borderId="11" xfId="0" applyNumberFormat="1" applyFont="1" applyFill="1" applyBorder="1" applyAlignment="1" applyProtection="1">
      <alignment horizontal="distributed" vertical="center" indent="1"/>
    </xf>
    <xf numFmtId="0" fontId="5" fillId="0" borderId="1" xfId="0" applyFont="1" applyFill="1" applyBorder="1" applyAlignment="1" applyProtection="1">
      <alignment horizontal="distributed" vertical="center" indent="1" shrinkToFit="1"/>
    </xf>
    <xf numFmtId="0" fontId="14" fillId="0" borderId="6" xfId="0" applyFont="1" applyFill="1" applyBorder="1" applyAlignment="1" applyProtection="1">
      <alignment horizontal="distributed" vertical="center" indent="1" shrinkToFit="1"/>
    </xf>
    <xf numFmtId="0" fontId="14" fillId="0" borderId="8" xfId="0" applyFont="1" applyFill="1" applyBorder="1" applyAlignment="1" applyProtection="1">
      <alignment horizontal="distributed" vertical="center" indent="1" shrinkToFit="1"/>
    </xf>
    <xf numFmtId="0" fontId="16" fillId="0" borderId="1" xfId="0" applyFont="1" applyFill="1" applyBorder="1" applyAlignment="1" applyProtection="1">
      <alignment horizontal="distributed" vertical="center" indent="1" shrinkToFit="1"/>
    </xf>
    <xf numFmtId="0" fontId="18" fillId="0" borderId="6" xfId="0" applyFont="1" applyFill="1" applyBorder="1" applyAlignment="1" applyProtection="1">
      <alignment horizontal="distributed" vertical="center" indent="1" shrinkToFit="1"/>
    </xf>
    <xf numFmtId="0" fontId="18" fillId="0" borderId="8" xfId="0" applyFont="1" applyFill="1" applyBorder="1" applyAlignment="1" applyProtection="1">
      <alignment horizontal="distributed" vertical="center" indent="1" shrinkToFit="1"/>
    </xf>
    <xf numFmtId="58" fontId="30" fillId="0" borderId="0" xfId="0" applyNumberFormat="1" applyFont="1" applyFill="1" applyBorder="1" applyAlignment="1" applyProtection="1">
      <alignment vertical="center" shrinkToFit="1"/>
      <protection locked="0"/>
    </xf>
    <xf numFmtId="58" fontId="30" fillId="0" borderId="4" xfId="0" applyNumberFormat="1" applyFont="1" applyFill="1" applyBorder="1" applyAlignment="1" applyProtection="1">
      <alignment vertical="center" shrinkToFit="1"/>
      <protection locked="0"/>
    </xf>
    <xf numFmtId="0" fontId="5" fillId="0" borderId="0" xfId="0" applyFont="1" applyFill="1" applyAlignment="1">
      <alignment vertical="center"/>
    </xf>
    <xf numFmtId="0" fontId="12" fillId="0" borderId="2" xfId="0" applyFont="1" applyFill="1" applyBorder="1" applyAlignment="1" applyProtection="1">
      <alignment horizontal="left" vertical="center"/>
      <protection locked="0"/>
    </xf>
    <xf numFmtId="0" fontId="12" fillId="0" borderId="0" xfId="0" applyFont="1" applyFill="1" applyBorder="1" applyAlignment="1">
      <alignment horizontal="left" vertical="center"/>
    </xf>
    <xf numFmtId="0" fontId="12" fillId="0" borderId="4" xfId="0" applyFont="1" applyFill="1" applyBorder="1" applyAlignment="1">
      <alignment horizontal="left" vertical="center"/>
    </xf>
    <xf numFmtId="0" fontId="0" fillId="0" borderId="0" xfId="0" applyFont="1" applyFill="1" applyAlignment="1" applyProtection="1">
      <alignment horizontal="right" vertical="center" shrinkToFit="1"/>
      <protection locked="0"/>
    </xf>
    <xf numFmtId="0" fontId="12" fillId="0" borderId="3" xfId="0" applyFont="1" applyFill="1" applyBorder="1" applyAlignment="1" applyProtection="1">
      <alignment horizontal="left" vertical="center" shrinkToFit="1"/>
      <protection locked="0"/>
    </xf>
    <xf numFmtId="0" fontId="12" fillId="0" borderId="5" xfId="0" applyFont="1" applyFill="1" applyBorder="1" applyAlignment="1">
      <alignment horizontal="left" vertical="center" shrinkToFit="1"/>
    </xf>
    <xf numFmtId="0" fontId="12" fillId="0" borderId="7" xfId="0" applyFont="1" applyFill="1" applyBorder="1" applyAlignment="1">
      <alignment horizontal="left" vertical="center" shrinkToFit="1"/>
    </xf>
    <xf numFmtId="0" fontId="0" fillId="0" borderId="2" xfId="0" applyFont="1" applyFill="1" applyBorder="1" applyAlignment="1" applyProtection="1">
      <alignment horizontal="left" vertical="center" shrinkToFit="1"/>
      <protection locked="0"/>
    </xf>
    <xf numFmtId="0" fontId="0" fillId="0" borderId="3" xfId="0" applyFont="1" applyFill="1" applyBorder="1" applyAlignment="1" applyProtection="1">
      <alignment horizontal="left" vertical="center" shrinkToFit="1"/>
      <protection locked="0"/>
    </xf>
    <xf numFmtId="0" fontId="0" fillId="0" borderId="5" xfId="0" applyFont="1" applyFill="1" applyBorder="1" applyAlignment="1">
      <alignment horizontal="left" vertical="center" shrinkToFit="1"/>
    </xf>
    <xf numFmtId="0" fontId="0" fillId="0" borderId="7" xfId="0" applyFont="1" applyFill="1" applyBorder="1" applyAlignment="1">
      <alignment horizontal="left" vertical="center" shrinkToFit="1"/>
    </xf>
    <xf numFmtId="0" fontId="33" fillId="0" borderId="0" xfId="0" applyFont="1" applyFill="1" applyBorder="1" applyAlignment="1" applyProtection="1">
      <alignment vertical="center" wrapText="1"/>
      <protection locked="0"/>
    </xf>
    <xf numFmtId="0" fontId="33" fillId="0" borderId="4" xfId="0" applyFont="1" applyFill="1" applyBorder="1" applyAlignment="1" applyProtection="1">
      <alignment vertical="center" wrapText="1"/>
      <protection locked="0"/>
    </xf>
    <xf numFmtId="0" fontId="12" fillId="0" borderId="5" xfId="0" applyFont="1" applyFill="1" applyBorder="1" applyAlignment="1" applyProtection="1">
      <alignment horizontal="left" vertical="center"/>
      <protection locked="0"/>
    </xf>
    <xf numFmtId="0" fontId="33" fillId="0" borderId="1" xfId="0" applyFont="1" applyFill="1" applyBorder="1" applyAlignment="1" applyProtection="1">
      <alignment horizontal="left" vertical="top" wrapText="1"/>
      <protection locked="0"/>
    </xf>
    <xf numFmtId="0" fontId="33" fillId="0" borderId="6" xfId="0" applyFont="1" applyFill="1" applyBorder="1" applyAlignment="1" applyProtection="1">
      <alignment horizontal="left" vertical="top" wrapText="1"/>
      <protection locked="0"/>
    </xf>
    <xf numFmtId="0" fontId="33" fillId="0" borderId="8" xfId="0" applyFont="1" applyFill="1" applyBorder="1" applyAlignment="1" applyProtection="1">
      <alignment horizontal="left" vertical="top" wrapText="1"/>
      <protection locked="0"/>
    </xf>
    <xf numFmtId="0" fontId="33" fillId="0" borderId="2" xfId="0" applyFont="1" applyFill="1" applyBorder="1" applyAlignment="1" applyProtection="1">
      <alignment horizontal="left" vertical="top" wrapText="1"/>
      <protection locked="0"/>
    </xf>
    <xf numFmtId="0" fontId="33" fillId="0" borderId="0" xfId="0" applyFont="1" applyFill="1" applyBorder="1" applyAlignment="1" applyProtection="1">
      <alignment horizontal="left" vertical="top" wrapText="1"/>
      <protection locked="0"/>
    </xf>
    <xf numFmtId="0" fontId="33" fillId="0" borderId="4" xfId="0" applyFont="1" applyFill="1" applyBorder="1" applyAlignment="1" applyProtection="1">
      <alignment horizontal="left" vertical="top" wrapText="1"/>
      <protection locked="0"/>
    </xf>
    <xf numFmtId="0" fontId="33" fillId="0" borderId="3" xfId="0" applyFont="1" applyFill="1" applyBorder="1" applyAlignment="1" applyProtection="1">
      <alignment horizontal="left" vertical="top" wrapText="1"/>
      <protection locked="0"/>
    </xf>
    <xf numFmtId="0" fontId="33" fillId="0" borderId="5" xfId="0" applyFont="1" applyFill="1" applyBorder="1" applyAlignment="1" applyProtection="1">
      <alignment horizontal="left" vertical="top" wrapText="1"/>
      <protection locked="0"/>
    </xf>
    <xf numFmtId="0" fontId="33" fillId="0" borderId="7" xfId="0" applyFont="1" applyFill="1" applyBorder="1" applyAlignment="1" applyProtection="1">
      <alignment horizontal="left" vertical="top" wrapText="1"/>
      <protection locked="0"/>
    </xf>
    <xf numFmtId="58" fontId="7" fillId="0" borderId="6" xfId="0" applyNumberFormat="1" applyFont="1" applyFill="1" applyBorder="1" applyAlignment="1" applyProtection="1">
      <alignment vertical="center"/>
      <protection locked="0"/>
    </xf>
    <xf numFmtId="58" fontId="7" fillId="0" borderId="8" xfId="0" applyNumberFormat="1" applyFont="1" applyFill="1" applyBorder="1" applyAlignment="1" applyProtection="1">
      <alignment vertical="center"/>
      <protection locked="0"/>
    </xf>
    <xf numFmtId="0" fontId="5" fillId="0" borderId="11" xfId="0" applyFont="1" applyFill="1" applyBorder="1" applyAlignment="1" applyProtection="1">
      <alignment horizontal="distributed" vertical="center" indent="1"/>
      <protection locked="0"/>
    </xf>
    <xf numFmtId="0" fontId="14" fillId="0" borderId="11" xfId="0" applyFont="1" applyFill="1" applyBorder="1" applyAlignment="1" applyProtection="1">
      <alignment horizontal="distributed" vertical="center" indent="1"/>
      <protection locked="0"/>
    </xf>
    <xf numFmtId="0" fontId="16" fillId="0" borderId="11" xfId="0" applyFont="1" applyFill="1" applyBorder="1" applyAlignment="1" applyProtection="1">
      <alignment horizontal="distributed" vertical="center" indent="1"/>
      <protection locked="0"/>
    </xf>
    <xf numFmtId="0" fontId="18" fillId="0" borderId="11" xfId="0" applyFont="1" applyFill="1" applyBorder="1" applyAlignment="1" applyProtection="1">
      <alignment horizontal="distributed" vertical="center" indent="1"/>
      <protection locked="0"/>
    </xf>
    <xf numFmtId="58" fontId="5" fillId="0" borderId="11" xfId="0" applyNumberFormat="1" applyFont="1" applyFill="1" applyBorder="1" applyAlignment="1" applyProtection="1">
      <alignment horizontal="center" vertical="center"/>
      <protection locked="0"/>
    </xf>
    <xf numFmtId="0" fontId="14" fillId="0" borderId="11" xfId="0" applyFont="1" applyFill="1" applyBorder="1" applyAlignment="1" applyProtection="1">
      <alignment horizontal="center" vertical="center"/>
      <protection locked="0"/>
    </xf>
    <xf numFmtId="0" fontId="13" fillId="0" borderId="9" xfId="0" applyFont="1" applyFill="1" applyBorder="1" applyAlignment="1" applyProtection="1">
      <alignment horizontal="distributed" vertical="center"/>
      <protection locked="0"/>
    </xf>
    <xf numFmtId="0" fontId="0" fillId="0" borderId="9" xfId="0" applyFont="1" applyFill="1" applyBorder="1" applyAlignment="1" applyProtection="1">
      <alignment horizontal="distributed" vertical="center"/>
      <protection locked="0"/>
    </xf>
    <xf numFmtId="0" fontId="0" fillId="0" borderId="12" xfId="0" applyFont="1" applyFill="1" applyBorder="1" applyAlignment="1" applyProtection="1">
      <alignment horizontal="distributed" vertical="center"/>
      <protection locked="0"/>
    </xf>
    <xf numFmtId="0" fontId="5" fillId="0" borderId="9" xfId="0" applyFont="1" applyFill="1" applyBorder="1" applyAlignment="1" applyProtection="1">
      <alignment horizontal="distributed" vertical="center" indent="1"/>
      <protection locked="0"/>
    </xf>
    <xf numFmtId="0" fontId="14" fillId="0" borderId="9" xfId="0" applyFont="1" applyFill="1" applyBorder="1" applyAlignment="1" applyProtection="1">
      <alignment horizontal="distributed" vertical="center" indent="1"/>
      <protection locked="0"/>
    </xf>
    <xf numFmtId="0" fontId="28" fillId="0" borderId="10" xfId="0" applyFont="1" applyFill="1" applyBorder="1" applyAlignment="1" applyProtection="1">
      <alignment vertical="center"/>
    </xf>
    <xf numFmtId="58" fontId="33" fillId="0" borderId="6" xfId="0" applyNumberFormat="1" applyFont="1" applyFill="1" applyBorder="1" applyAlignment="1" applyProtection="1">
      <alignment vertical="center"/>
      <protection locked="0"/>
    </xf>
    <xf numFmtId="58" fontId="33" fillId="0" borderId="8" xfId="0" applyNumberFormat="1" applyFont="1" applyFill="1" applyBorder="1" applyAlignment="1" applyProtection="1">
      <alignment vertical="center"/>
      <protection locked="0"/>
    </xf>
    <xf numFmtId="58" fontId="30" fillId="0" borderId="5" xfId="0" applyNumberFormat="1" applyFont="1" applyFill="1" applyBorder="1" applyAlignment="1" applyProtection="1">
      <alignment vertical="center"/>
      <protection locked="0"/>
    </xf>
    <xf numFmtId="58" fontId="30" fillId="0" borderId="7" xfId="0" applyNumberFormat="1" applyFont="1" applyFill="1" applyBorder="1" applyAlignment="1" applyProtection="1">
      <alignment vertical="center"/>
      <protection locked="0"/>
    </xf>
    <xf numFmtId="0" fontId="5" fillId="0" borderId="2" xfId="0" applyFont="1" applyFill="1" applyBorder="1" applyAlignment="1">
      <alignment horizontal="left" vertical="center" wrapText="1"/>
    </xf>
    <xf numFmtId="0" fontId="30" fillId="0" borderId="0" xfId="0" applyFont="1" applyFill="1" applyBorder="1" applyAlignment="1" applyProtection="1">
      <alignment vertical="center"/>
      <protection locked="0"/>
    </xf>
    <xf numFmtId="0" fontId="30" fillId="0" borderId="4" xfId="0" applyFont="1" applyFill="1" applyBorder="1" applyAlignment="1" applyProtection="1">
      <alignment vertical="center"/>
      <protection locked="0"/>
    </xf>
    <xf numFmtId="58" fontId="33" fillId="0" borderId="0" xfId="0" applyNumberFormat="1" applyFont="1" applyFill="1" applyBorder="1" applyAlignment="1" applyProtection="1">
      <alignment vertical="center" shrinkToFit="1"/>
      <protection locked="0"/>
    </xf>
    <xf numFmtId="58" fontId="33" fillId="0" borderId="4" xfId="0" applyNumberFormat="1" applyFont="1" applyFill="1" applyBorder="1" applyAlignment="1" applyProtection="1">
      <alignment vertical="center" shrinkToFit="1"/>
      <protection locked="0"/>
    </xf>
    <xf numFmtId="58" fontId="33" fillId="0" borderId="5" xfId="0" applyNumberFormat="1" applyFont="1" applyFill="1" applyBorder="1" applyAlignment="1" applyProtection="1">
      <alignment vertical="center" shrinkToFit="1"/>
      <protection locked="0"/>
    </xf>
    <xf numFmtId="58" fontId="33" fillId="0" borderId="7" xfId="0" applyNumberFormat="1" applyFont="1" applyFill="1" applyBorder="1" applyAlignment="1" applyProtection="1">
      <alignment vertical="center" shrinkToFit="1"/>
      <protection locked="0"/>
    </xf>
    <xf numFmtId="49" fontId="7" fillId="0" borderId="2" xfId="0" applyNumberFormat="1" applyFont="1" applyFill="1" applyBorder="1" applyAlignment="1" applyProtection="1">
      <alignment horizontal="right" vertical="center" shrinkToFit="1"/>
      <protection locked="0"/>
    </xf>
    <xf numFmtId="49" fontId="0" fillId="0" borderId="0" xfId="0" applyNumberFormat="1" applyFont="1" applyFill="1" applyBorder="1" applyAlignment="1" applyProtection="1">
      <alignment horizontal="right" vertical="center" shrinkToFit="1"/>
      <protection locked="0"/>
    </xf>
    <xf numFmtId="49" fontId="0" fillId="0" borderId="4" xfId="0" applyNumberFormat="1" applyFont="1" applyFill="1" applyBorder="1" applyAlignment="1" applyProtection="1">
      <alignment horizontal="right" vertical="center" shrinkToFit="1"/>
      <protection locked="0"/>
    </xf>
    <xf numFmtId="0" fontId="10" fillId="0" borderId="0" xfId="0" applyFont="1" applyFill="1" applyBorder="1" applyAlignment="1">
      <alignment horizontal="left" vertical="center"/>
    </xf>
    <xf numFmtId="0" fontId="10" fillId="0" borderId="4" xfId="0" applyFont="1" applyFill="1" applyBorder="1" applyAlignment="1">
      <alignment horizontal="left" vertical="center"/>
    </xf>
    <xf numFmtId="0" fontId="10" fillId="0" borderId="5" xfId="0" applyFont="1" applyFill="1" applyBorder="1" applyAlignment="1">
      <alignment horizontal="left" vertical="center"/>
    </xf>
    <xf numFmtId="0" fontId="10" fillId="0" borderId="7" xfId="0" applyFont="1" applyFill="1" applyBorder="1" applyAlignment="1">
      <alignment horizontal="left" vertical="center"/>
    </xf>
    <xf numFmtId="57" fontId="7" fillId="0" borderId="11" xfId="0" applyNumberFormat="1" applyFont="1" applyFill="1" applyBorder="1" applyAlignment="1" applyProtection="1">
      <alignment vertical="center"/>
      <protection locked="0"/>
    </xf>
    <xf numFmtId="58" fontId="7" fillId="0" borderId="11" xfId="0" applyNumberFormat="1" applyFont="1" applyFill="1" applyBorder="1" applyAlignment="1" applyProtection="1">
      <alignment vertical="center"/>
      <protection locked="0"/>
    </xf>
    <xf numFmtId="0" fontId="33" fillId="0" borderId="5" xfId="0" applyFont="1" applyFill="1" applyBorder="1" applyAlignment="1" applyProtection="1">
      <alignment vertical="center"/>
      <protection locked="0"/>
    </xf>
    <xf numFmtId="0" fontId="33" fillId="0" borderId="7" xfId="0" applyFont="1" applyFill="1" applyBorder="1" applyAlignment="1" applyProtection="1">
      <alignment vertical="center"/>
      <protection locked="0"/>
    </xf>
    <xf numFmtId="0" fontId="33" fillId="0" borderId="0" xfId="0" applyFont="1" applyFill="1" applyBorder="1" applyAlignment="1" applyProtection="1">
      <alignment vertical="center"/>
      <protection locked="0"/>
    </xf>
    <xf numFmtId="0" fontId="37" fillId="0" borderId="0" xfId="0" applyFont="1" applyFill="1" applyBorder="1" applyAlignment="1" applyProtection="1">
      <alignment vertical="center"/>
      <protection locked="0"/>
    </xf>
    <xf numFmtId="0" fontId="37" fillId="0" borderId="4" xfId="0" applyFont="1" applyFill="1" applyBorder="1" applyAlignment="1" applyProtection="1">
      <alignment vertical="center"/>
      <protection locked="0"/>
    </xf>
    <xf numFmtId="58" fontId="33" fillId="0" borderId="0" xfId="0" applyNumberFormat="1" applyFont="1" applyFill="1" applyBorder="1" applyAlignment="1" applyProtection="1">
      <alignment vertical="center"/>
      <protection locked="0"/>
    </xf>
    <xf numFmtId="58" fontId="33" fillId="0" borderId="4" xfId="0" applyNumberFormat="1" applyFont="1" applyFill="1" applyBorder="1" applyAlignment="1" applyProtection="1">
      <alignment vertical="center"/>
      <protection locked="0"/>
    </xf>
    <xf numFmtId="0" fontId="33" fillId="0" borderId="4" xfId="0" applyFont="1" applyFill="1" applyBorder="1" applyAlignment="1" applyProtection="1">
      <alignment vertical="center"/>
      <protection locked="0"/>
    </xf>
    <xf numFmtId="0" fontId="33" fillId="0" borderId="6" xfId="0" applyFont="1" applyFill="1" applyBorder="1" applyAlignment="1" applyProtection="1">
      <alignment vertical="center"/>
      <protection locked="0"/>
    </xf>
    <xf numFmtId="0" fontId="33" fillId="0" borderId="8" xfId="0" applyFont="1" applyFill="1" applyBorder="1" applyAlignment="1" applyProtection="1">
      <alignment vertical="center"/>
      <protection locked="0"/>
    </xf>
    <xf numFmtId="0" fontId="33" fillId="0" borderId="0" xfId="0" applyFont="1" applyFill="1" applyBorder="1" applyAlignment="1" applyProtection="1">
      <alignment vertical="center" shrinkToFit="1"/>
      <protection locked="0"/>
    </xf>
    <xf numFmtId="0" fontId="33" fillId="0" borderId="4" xfId="0" applyFont="1" applyFill="1" applyBorder="1" applyAlignment="1" applyProtection="1">
      <alignment vertical="center" shrinkToFit="1"/>
      <protection locked="0"/>
    </xf>
    <xf numFmtId="0" fontId="20" fillId="0" borderId="9" xfId="0" applyFont="1" applyFill="1" applyBorder="1" applyAlignment="1" applyProtection="1">
      <alignment horizontal="distributed" vertical="center"/>
    </xf>
    <xf numFmtId="0" fontId="20" fillId="0" borderId="12" xfId="0" applyFont="1" applyFill="1" applyBorder="1" applyAlignment="1" applyProtection="1">
      <alignment horizontal="distributed" vertical="center"/>
    </xf>
    <xf numFmtId="58" fontId="7" fillId="0" borderId="6" xfId="0" applyNumberFormat="1" applyFont="1" applyFill="1" applyBorder="1" applyAlignment="1" applyProtection="1">
      <alignment horizontal="left" vertical="center"/>
      <protection locked="0"/>
    </xf>
    <xf numFmtId="58" fontId="7" fillId="0" borderId="8" xfId="0" applyNumberFormat="1" applyFont="1" applyFill="1" applyBorder="1" applyAlignment="1" applyProtection="1">
      <alignment horizontal="left" vertical="center"/>
      <protection locked="0"/>
    </xf>
    <xf numFmtId="0" fontId="12" fillId="0" borderId="6" xfId="0" applyFont="1" applyFill="1" applyBorder="1" applyAlignment="1" applyProtection="1">
      <alignment horizontal="left" vertical="top"/>
      <protection locked="0"/>
    </xf>
    <xf numFmtId="0" fontId="12" fillId="0" borderId="8" xfId="0" applyFont="1" applyFill="1" applyBorder="1" applyAlignment="1" applyProtection="1">
      <alignment horizontal="left" vertical="top"/>
      <protection locked="0"/>
    </xf>
    <xf numFmtId="0" fontId="12" fillId="0" borderId="2" xfId="0" applyFont="1" applyFill="1" applyBorder="1" applyAlignment="1" applyProtection="1">
      <alignment horizontal="left" vertical="top"/>
      <protection locked="0"/>
    </xf>
    <xf numFmtId="0" fontId="12" fillId="0" borderId="0" xfId="0" applyFont="1" applyFill="1" applyBorder="1" applyAlignment="1" applyProtection="1">
      <alignment horizontal="left" vertical="top"/>
      <protection locked="0"/>
    </xf>
    <xf numFmtId="0" fontId="12" fillId="0" borderId="4" xfId="0" applyFont="1" applyFill="1" applyBorder="1" applyAlignment="1" applyProtection="1">
      <alignment horizontal="left" vertical="top"/>
      <protection locked="0"/>
    </xf>
    <xf numFmtId="0" fontId="12" fillId="0" borderId="3" xfId="0" applyFont="1" applyFill="1" applyBorder="1" applyAlignment="1" applyProtection="1">
      <alignment horizontal="left" vertical="top"/>
      <protection locked="0"/>
    </xf>
    <xf numFmtId="0" fontId="12" fillId="0" borderId="5" xfId="0" applyFont="1" applyFill="1" applyBorder="1" applyAlignment="1" applyProtection="1">
      <alignment horizontal="left" vertical="top"/>
      <protection locked="0"/>
    </xf>
    <xf numFmtId="0" fontId="12" fillId="0" borderId="7" xfId="0" applyFont="1" applyFill="1" applyBorder="1" applyAlignment="1" applyProtection="1">
      <alignment horizontal="left" vertical="top"/>
      <protection locked="0"/>
    </xf>
    <xf numFmtId="0" fontId="7" fillId="0" borderId="2" xfId="0" applyFont="1" applyFill="1" applyBorder="1" applyAlignment="1" applyProtection="1">
      <alignment vertical="center"/>
    </xf>
    <xf numFmtId="58" fontId="7" fillId="0" borderId="2" xfId="0" applyNumberFormat="1" applyFont="1" applyFill="1" applyBorder="1" applyAlignment="1" applyProtection="1">
      <alignment vertical="center"/>
    </xf>
    <xf numFmtId="58" fontId="7" fillId="0" borderId="0" xfId="0" applyNumberFormat="1" applyFont="1" applyFill="1" applyBorder="1" applyAlignment="1" applyProtection="1">
      <alignment vertical="center"/>
    </xf>
    <xf numFmtId="58" fontId="7" fillId="0" borderId="4" xfId="0" applyNumberFormat="1" applyFont="1" applyFill="1" applyBorder="1" applyAlignment="1" applyProtection="1">
      <alignment vertical="center"/>
    </xf>
    <xf numFmtId="0" fontId="7" fillId="0" borderId="0" xfId="0" applyFont="1" applyFill="1" applyBorder="1" applyAlignment="1" applyProtection="1">
      <alignment horizontal="right" vertical="center" shrinkToFit="1"/>
      <protection locked="0"/>
    </xf>
    <xf numFmtId="0" fontId="7" fillId="0" borderId="4" xfId="0" applyFont="1" applyFill="1" applyBorder="1" applyAlignment="1" applyProtection="1">
      <alignment horizontal="right" vertical="center" shrinkToFit="1"/>
      <protection locked="0"/>
    </xf>
    <xf numFmtId="0" fontId="10" fillId="0" borderId="0" xfId="0" applyFont="1" applyFill="1" applyBorder="1" applyAlignment="1">
      <alignment vertical="center"/>
    </xf>
    <xf numFmtId="0" fontId="10" fillId="0" borderId="4" xfId="0" applyFont="1" applyFill="1" applyBorder="1" applyAlignment="1">
      <alignment vertical="center"/>
    </xf>
    <xf numFmtId="0" fontId="5" fillId="0" borderId="6" xfId="0" applyFont="1" applyFill="1" applyBorder="1" applyAlignment="1" applyProtection="1">
      <alignment vertical="center" wrapText="1"/>
      <protection locked="0"/>
    </xf>
    <xf numFmtId="0" fontId="5" fillId="0" borderId="8" xfId="0" applyFont="1" applyFill="1" applyBorder="1" applyAlignment="1" applyProtection="1">
      <alignment vertical="center" wrapText="1"/>
      <protection locked="0"/>
    </xf>
    <xf numFmtId="176" fontId="9" fillId="0" borderId="13" xfId="0" applyNumberFormat="1" applyFont="1" applyFill="1" applyBorder="1" applyAlignment="1" applyProtection="1">
      <alignment horizontal="right" vertical="center"/>
    </xf>
    <xf numFmtId="176" fontId="9" fillId="0" borderId="13" xfId="0" applyNumberFormat="1" applyFont="1" applyFill="1" applyBorder="1" applyAlignment="1">
      <alignment horizontal="right" vertical="center"/>
    </xf>
    <xf numFmtId="58" fontId="7" fillId="0" borderId="1" xfId="0" applyNumberFormat="1" applyFont="1" applyFill="1" applyBorder="1" applyAlignment="1" applyProtection="1">
      <alignment horizontal="left" vertical="center"/>
      <protection locked="0"/>
    </xf>
    <xf numFmtId="0" fontId="10" fillId="0" borderId="6" xfId="0" applyFont="1" applyFill="1" applyBorder="1" applyAlignment="1">
      <alignment horizontal="left" vertical="center"/>
    </xf>
    <xf numFmtId="0" fontId="10" fillId="0" borderId="8" xfId="0" applyFont="1" applyFill="1" applyBorder="1" applyAlignment="1">
      <alignment horizontal="left" vertical="center"/>
    </xf>
    <xf numFmtId="0" fontId="10" fillId="0" borderId="0" xfId="0" applyFont="1" applyFill="1" applyBorder="1" applyAlignment="1"/>
    <xf numFmtId="0" fontId="10" fillId="0" borderId="4" xfId="0" applyFont="1" applyFill="1" applyBorder="1" applyAlignment="1"/>
    <xf numFmtId="0" fontId="12" fillId="0" borderId="2" xfId="0" applyFont="1" applyFill="1" applyBorder="1" applyAlignment="1">
      <alignment vertical="center"/>
    </xf>
    <xf numFmtId="0" fontId="12" fillId="0" borderId="0" xfId="0" applyFont="1" applyFill="1" applyBorder="1" applyAlignment="1">
      <alignment vertical="center"/>
    </xf>
    <xf numFmtId="0" fontId="12" fillId="0" borderId="4" xfId="0" applyFont="1" applyFill="1" applyBorder="1" applyAlignment="1">
      <alignment vertical="center"/>
    </xf>
    <xf numFmtId="186" fontId="9" fillId="0" borderId="1" xfId="0" quotePrefix="1" applyNumberFormat="1" applyFont="1" applyFill="1" applyBorder="1" applyAlignment="1" applyProtection="1">
      <alignment horizontal="right" vertical="center"/>
    </xf>
    <xf numFmtId="0" fontId="7" fillId="0" borderId="2" xfId="0" applyFont="1" applyFill="1" applyBorder="1" applyAlignment="1" applyProtection="1">
      <alignment horizontal="right" vertical="center"/>
      <protection locked="0"/>
    </xf>
    <xf numFmtId="0" fontId="7" fillId="0" borderId="0" xfId="0" applyFont="1" applyFill="1" applyBorder="1" applyAlignment="1" applyProtection="1">
      <alignment horizontal="right" vertical="center"/>
      <protection locked="0"/>
    </xf>
    <xf numFmtId="0" fontId="7" fillId="0" borderId="4" xfId="0" applyFont="1" applyFill="1" applyBorder="1" applyAlignment="1" applyProtection="1">
      <alignment horizontal="right" vertical="center"/>
      <protection locked="0"/>
    </xf>
    <xf numFmtId="0" fontId="26" fillId="0" borderId="1" xfId="0" applyFont="1" applyFill="1" applyBorder="1" applyAlignment="1" applyProtection="1">
      <alignment vertical="center"/>
    </xf>
    <xf numFmtId="0" fontId="26" fillId="0" borderId="6" xfId="0" applyFont="1" applyFill="1" applyBorder="1" applyAlignment="1" applyProtection="1">
      <alignment vertical="center"/>
    </xf>
    <xf numFmtId="0" fontId="26" fillId="0" borderId="8" xfId="0" applyFont="1" applyFill="1" applyBorder="1" applyAlignment="1" applyProtection="1">
      <alignment vertical="center"/>
    </xf>
    <xf numFmtId="0" fontId="7" fillId="0" borderId="14" xfId="0" applyFont="1" applyFill="1" applyBorder="1" applyAlignment="1" applyProtection="1">
      <alignment horizontal="center" vertical="top" wrapText="1"/>
      <protection locked="0"/>
    </xf>
    <xf numFmtId="0" fontId="7" fillId="0" borderId="10" xfId="0" applyFont="1" applyFill="1" applyBorder="1" applyAlignment="1" applyProtection="1">
      <alignment horizontal="center" vertical="top" wrapText="1"/>
      <protection locked="0"/>
    </xf>
    <xf numFmtId="0" fontId="7" fillId="0" borderId="15" xfId="0" applyFont="1" applyFill="1" applyBorder="1" applyAlignment="1" applyProtection="1">
      <alignment horizontal="center" vertical="top" wrapText="1"/>
      <protection locked="0"/>
    </xf>
    <xf numFmtId="58" fontId="30" fillId="0" borderId="6" xfId="0" applyNumberFormat="1" applyFont="1" applyFill="1" applyBorder="1" applyAlignment="1" applyProtection="1">
      <alignment vertical="center" shrinkToFit="1"/>
      <protection locked="0"/>
    </xf>
    <xf numFmtId="58" fontId="30" fillId="0" borderId="8" xfId="0" applyNumberFormat="1" applyFont="1" applyFill="1" applyBorder="1" applyAlignment="1" applyProtection="1">
      <alignment vertical="center" shrinkToFit="1"/>
      <protection locked="0"/>
    </xf>
    <xf numFmtId="0" fontId="7" fillId="0" borderId="2" xfId="0" applyFont="1" applyFill="1" applyBorder="1" applyAlignment="1">
      <alignment horizontal="left" vertical="center"/>
    </xf>
    <xf numFmtId="0" fontId="5" fillId="0" borderId="10" xfId="0" applyFont="1" applyFill="1" applyBorder="1" applyAlignment="1">
      <alignment horizontal="right" vertical="center"/>
    </xf>
    <xf numFmtId="0" fontId="33" fillId="0" borderId="2" xfId="0" applyFont="1" applyFill="1" applyBorder="1" applyAlignment="1" applyProtection="1">
      <alignment horizontal="left" vertical="center" shrinkToFit="1"/>
      <protection locked="0"/>
    </xf>
    <xf numFmtId="0" fontId="35" fillId="0" borderId="0" xfId="0" applyFont="1" applyFill="1" applyBorder="1" applyAlignment="1" applyProtection="1">
      <alignment horizontal="left" vertical="center" shrinkToFit="1"/>
      <protection locked="0"/>
    </xf>
    <xf numFmtId="0" fontId="35" fillId="0" borderId="4" xfId="0" applyFont="1" applyFill="1" applyBorder="1" applyAlignment="1" applyProtection="1">
      <alignment horizontal="left" vertical="center" shrinkToFit="1"/>
      <protection locked="0"/>
    </xf>
    <xf numFmtId="178" fontId="33" fillId="0" borderId="2" xfId="0" applyNumberFormat="1" applyFont="1" applyFill="1" applyBorder="1" applyAlignment="1" applyProtection="1">
      <alignment horizontal="right" vertical="center" shrinkToFit="1"/>
      <protection locked="0"/>
    </xf>
    <xf numFmtId="0" fontId="35" fillId="0" borderId="0" xfId="0" applyFont="1" applyFill="1" applyBorder="1" applyAlignment="1" applyProtection="1">
      <alignment horizontal="right" vertical="center" shrinkToFit="1"/>
      <protection locked="0"/>
    </xf>
    <xf numFmtId="0" fontId="35" fillId="0" borderId="4" xfId="0" applyFont="1" applyFill="1" applyBorder="1" applyAlignment="1" applyProtection="1">
      <alignment horizontal="right" vertical="center" shrinkToFit="1"/>
      <protection locked="0"/>
    </xf>
    <xf numFmtId="0" fontId="38" fillId="0" borderId="1" xfId="0" applyFont="1" applyFill="1" applyBorder="1" applyAlignment="1" applyProtection="1">
      <alignment vertical="top" wrapText="1"/>
      <protection locked="0"/>
    </xf>
    <xf numFmtId="0" fontId="38" fillId="0" borderId="6" xfId="0" applyFont="1" applyFill="1" applyBorder="1" applyAlignment="1" applyProtection="1">
      <alignment vertical="top" wrapText="1"/>
      <protection locked="0"/>
    </xf>
    <xf numFmtId="0" fontId="38" fillId="0" borderId="8" xfId="0" applyFont="1" applyFill="1" applyBorder="1" applyAlignment="1" applyProtection="1">
      <alignment vertical="top" wrapText="1"/>
      <protection locked="0"/>
    </xf>
    <xf numFmtId="0" fontId="38" fillId="0" borderId="2" xfId="0" applyFont="1" applyFill="1" applyBorder="1" applyAlignment="1" applyProtection="1">
      <alignment vertical="top" wrapText="1"/>
      <protection locked="0"/>
    </xf>
    <xf numFmtId="0" fontId="38" fillId="0" borderId="0" xfId="0" applyFont="1" applyFill="1" applyBorder="1" applyAlignment="1" applyProtection="1">
      <alignment vertical="top" wrapText="1"/>
      <protection locked="0"/>
    </xf>
    <xf numFmtId="0" fontId="38" fillId="0" borderId="4" xfId="0" applyFont="1" applyFill="1" applyBorder="1" applyAlignment="1" applyProtection="1">
      <alignment vertical="top" wrapText="1"/>
      <protection locked="0"/>
    </xf>
    <xf numFmtId="0" fontId="0" fillId="0" borderId="0" xfId="0" applyNumberFormat="1" applyFont="1" applyFill="1" applyBorder="1" applyAlignment="1" applyProtection="1">
      <alignment horizontal="left" vertical="center" shrinkToFit="1"/>
      <protection locked="0"/>
    </xf>
    <xf numFmtId="0" fontId="0" fillId="0" borderId="4" xfId="0" applyNumberFormat="1" applyFont="1" applyFill="1" applyBorder="1" applyAlignment="1" applyProtection="1">
      <alignment horizontal="left" vertical="center" shrinkToFit="1"/>
      <protection locked="0"/>
    </xf>
    <xf numFmtId="0" fontId="5" fillId="0" borderId="2" xfId="0" applyFont="1" applyFill="1" applyBorder="1" applyAlignment="1" applyProtection="1">
      <alignment horizontal="distributed" vertical="center" indent="1"/>
    </xf>
    <xf numFmtId="0" fontId="5" fillId="0" borderId="0" xfId="0" applyFont="1" applyFill="1" applyBorder="1" applyAlignment="1" applyProtection="1">
      <alignment horizontal="distributed" vertical="center" indent="1"/>
    </xf>
    <xf numFmtId="0" fontId="5" fillId="0" borderId="4" xfId="0" applyFont="1" applyFill="1" applyBorder="1" applyAlignment="1" applyProtection="1">
      <alignment horizontal="distributed" vertical="center" indent="1"/>
    </xf>
    <xf numFmtId="0" fontId="7" fillId="0" borderId="12" xfId="0" applyFont="1" applyFill="1" applyBorder="1" applyAlignment="1">
      <alignment vertical="center"/>
    </xf>
    <xf numFmtId="58" fontId="5" fillId="0" borderId="5" xfId="0" applyNumberFormat="1" applyFont="1" applyFill="1" applyBorder="1" applyAlignment="1" applyProtection="1">
      <alignment vertical="center" wrapText="1"/>
      <protection locked="0"/>
    </xf>
    <xf numFmtId="58" fontId="5" fillId="0" borderId="7" xfId="0" applyNumberFormat="1" applyFont="1" applyFill="1" applyBorder="1" applyAlignment="1" applyProtection="1">
      <alignment vertical="center" wrapText="1"/>
      <protection locked="0"/>
    </xf>
    <xf numFmtId="0" fontId="0" fillId="0" borderId="6" xfId="0" applyFont="1" applyFill="1" applyBorder="1" applyProtection="1">
      <protection locked="0"/>
    </xf>
    <xf numFmtId="0" fontId="0" fillId="0" borderId="8" xfId="0" applyFont="1" applyFill="1" applyBorder="1" applyProtection="1">
      <protection locked="0"/>
    </xf>
    <xf numFmtId="0" fontId="0" fillId="0" borderId="2" xfId="0" applyFont="1" applyFill="1" applyBorder="1" applyProtection="1">
      <protection locked="0"/>
    </xf>
    <xf numFmtId="0" fontId="0" fillId="0" borderId="3" xfId="0" applyFont="1" applyFill="1" applyBorder="1" applyProtection="1">
      <protection locked="0"/>
    </xf>
    <xf numFmtId="0" fontId="0" fillId="0" borderId="5" xfId="0" applyFont="1" applyFill="1" applyBorder="1" applyProtection="1">
      <protection locked="0"/>
    </xf>
    <xf numFmtId="0" fontId="0" fillId="0" borderId="7" xfId="0" applyFont="1" applyFill="1" applyBorder="1" applyProtection="1">
      <protection locked="0"/>
    </xf>
    <xf numFmtId="0" fontId="23" fillId="0" borderId="1" xfId="0" applyNumberFormat="1" applyFont="1" applyFill="1" applyBorder="1" applyAlignment="1" applyProtection="1">
      <alignment horizontal="distributed" vertical="center" indent="1"/>
    </xf>
    <xf numFmtId="0" fontId="23" fillId="0" borderId="6" xfId="0" applyNumberFormat="1" applyFont="1" applyFill="1" applyBorder="1" applyAlignment="1" applyProtection="1">
      <alignment horizontal="distributed" vertical="center" indent="1"/>
    </xf>
    <xf numFmtId="0" fontId="23" fillId="0" borderId="8" xfId="0" applyNumberFormat="1" applyFont="1" applyFill="1" applyBorder="1" applyAlignment="1" applyProtection="1">
      <alignment horizontal="distributed" vertical="center" indent="1"/>
    </xf>
    <xf numFmtId="57" fontId="5" fillId="0" borderId="3" xfId="0" applyNumberFormat="1" applyFont="1" applyFill="1" applyBorder="1" applyAlignment="1" applyProtection="1">
      <alignment horizontal="center" vertical="center"/>
      <protection locked="0"/>
    </xf>
    <xf numFmtId="57" fontId="5" fillId="0" borderId="5" xfId="0" applyNumberFormat="1" applyFont="1" applyFill="1" applyBorder="1" applyAlignment="1" applyProtection="1">
      <alignment horizontal="center" vertical="center"/>
      <protection locked="0"/>
    </xf>
    <xf numFmtId="57" fontId="5" fillId="0" borderId="7" xfId="0" applyNumberFormat="1" applyFont="1" applyFill="1" applyBorder="1" applyAlignment="1" applyProtection="1">
      <alignment horizontal="center" vertical="center"/>
      <protection locked="0"/>
    </xf>
    <xf numFmtId="0" fontId="9" fillId="0" borderId="8" xfId="0" applyFont="1" applyFill="1" applyBorder="1" applyAlignment="1" applyProtection="1">
      <alignment horizontal="center" vertical="center"/>
      <protection locked="0"/>
    </xf>
    <xf numFmtId="0" fontId="9" fillId="0" borderId="7" xfId="0" applyFont="1" applyFill="1" applyBorder="1" applyAlignment="1" applyProtection="1">
      <alignment horizontal="center" vertical="center"/>
      <protection locked="0"/>
    </xf>
    <xf numFmtId="0" fontId="30" fillId="0" borderId="6" xfId="0" applyFont="1" applyFill="1" applyBorder="1" applyAlignment="1" applyProtection="1">
      <alignment vertical="center"/>
      <protection locked="0"/>
    </xf>
    <xf numFmtId="0" fontId="30" fillId="0" borderId="8" xfId="0" applyFont="1" applyFill="1" applyBorder="1" applyAlignment="1" applyProtection="1">
      <alignment vertical="center"/>
      <protection locked="0"/>
    </xf>
    <xf numFmtId="58" fontId="7" fillId="0" borderId="3" xfId="0" applyNumberFormat="1" applyFont="1" applyFill="1" applyBorder="1" applyAlignment="1" applyProtection="1">
      <alignment horizontal="left" vertical="center" shrinkToFit="1"/>
      <protection locked="0"/>
    </xf>
    <xf numFmtId="0" fontId="12" fillId="0" borderId="1" xfId="0" applyFont="1" applyFill="1" applyBorder="1" applyAlignment="1" applyProtection="1">
      <alignment vertical="center"/>
      <protection locked="0"/>
    </xf>
    <xf numFmtId="0" fontId="0" fillId="0" borderId="6" xfId="0" applyFill="1" applyBorder="1" applyAlignment="1" applyProtection="1">
      <alignment vertical="center"/>
      <protection locked="0"/>
    </xf>
    <xf numFmtId="0" fontId="0" fillId="0" borderId="8" xfId="0" applyFill="1" applyBorder="1" applyAlignment="1" applyProtection="1">
      <alignment vertical="center"/>
      <protection locked="0"/>
    </xf>
    <xf numFmtId="0" fontId="0" fillId="0" borderId="3" xfId="0" applyFill="1" applyBorder="1" applyAlignment="1" applyProtection="1">
      <alignment vertical="center"/>
      <protection locked="0"/>
    </xf>
    <xf numFmtId="0" fontId="0" fillId="0" borderId="5" xfId="0" applyFill="1" applyBorder="1" applyAlignment="1" applyProtection="1">
      <alignment vertical="center"/>
      <protection locked="0"/>
    </xf>
    <xf numFmtId="0" fontId="0" fillId="0" borderId="7" xfId="0" applyFill="1" applyBorder="1" applyAlignment="1" applyProtection="1">
      <alignment vertical="center"/>
      <protection locked="0"/>
    </xf>
    <xf numFmtId="58" fontId="7" fillId="0" borderId="0" xfId="0" applyNumberFormat="1" applyFont="1" applyFill="1" applyAlignment="1" applyProtection="1">
      <alignment vertical="center"/>
      <protection locked="0"/>
    </xf>
    <xf numFmtId="0" fontId="7" fillId="0" borderId="0" xfId="0" applyFont="1" applyFill="1" applyAlignment="1" applyProtection="1">
      <alignment vertical="center"/>
      <protection locked="0"/>
    </xf>
    <xf numFmtId="184" fontId="9" fillId="0" borderId="2" xfId="2" applyNumberFormat="1" applyFont="1" applyFill="1" applyBorder="1" applyAlignment="1">
      <alignment horizontal="right" vertical="center"/>
    </xf>
    <xf numFmtId="184" fontId="9" fillId="0" borderId="0" xfId="2" applyNumberFormat="1" applyFont="1" applyFill="1" applyBorder="1" applyAlignment="1">
      <alignment horizontal="right" vertical="center"/>
    </xf>
    <xf numFmtId="184" fontId="9" fillId="0" borderId="3" xfId="2" applyNumberFormat="1" applyFont="1" applyFill="1" applyBorder="1" applyAlignment="1">
      <alignment horizontal="right" vertical="center"/>
    </xf>
    <xf numFmtId="184" fontId="9" fillId="0" borderId="5" xfId="2" applyNumberFormat="1" applyFont="1" applyFill="1" applyBorder="1" applyAlignment="1">
      <alignment horizontal="right" vertical="center"/>
    </xf>
    <xf numFmtId="0" fontId="12" fillId="0" borderId="7" xfId="0" applyFont="1" applyFill="1" applyBorder="1" applyAlignment="1" applyProtection="1">
      <alignment horizontal="left" vertical="center"/>
      <protection locked="0"/>
    </xf>
    <xf numFmtId="0" fontId="7" fillId="0" borderId="11" xfId="0" applyFont="1" applyFill="1" applyBorder="1" applyAlignment="1">
      <alignment vertical="center"/>
    </xf>
    <xf numFmtId="0" fontId="7" fillId="0" borderId="6" xfId="0" applyFont="1" applyFill="1" applyBorder="1" applyAlignment="1" applyProtection="1">
      <alignment vertical="center" wrapText="1" shrinkToFit="1"/>
      <protection locked="0"/>
    </xf>
    <xf numFmtId="0" fontId="7" fillId="0" borderId="8" xfId="0" applyFont="1" applyFill="1" applyBorder="1" applyAlignment="1" applyProtection="1">
      <alignment vertical="center" wrapText="1" shrinkToFit="1"/>
      <protection locked="0"/>
    </xf>
    <xf numFmtId="58" fontId="12" fillId="0" borderId="0" xfId="0" applyNumberFormat="1" applyFont="1" applyFill="1" applyBorder="1" applyAlignment="1" applyProtection="1">
      <alignment horizontal="center" vertical="center"/>
      <protection locked="0"/>
    </xf>
    <xf numFmtId="58" fontId="12" fillId="0" borderId="4" xfId="0" applyNumberFormat="1" applyFont="1" applyFill="1" applyBorder="1" applyAlignment="1" applyProtection="1">
      <alignment horizontal="center" vertical="center"/>
      <protection locked="0"/>
    </xf>
    <xf numFmtId="0" fontId="7" fillId="0" borderId="6" xfId="0" applyNumberFormat="1" applyFont="1" applyFill="1" applyBorder="1" applyAlignment="1" applyProtection="1">
      <alignment vertical="center"/>
      <protection locked="0"/>
    </xf>
    <xf numFmtId="0" fontId="7" fillId="0" borderId="8" xfId="0" applyNumberFormat="1" applyFont="1" applyFill="1" applyBorder="1" applyAlignment="1" applyProtection="1">
      <alignment vertical="center"/>
      <protection locked="0"/>
    </xf>
    <xf numFmtId="58" fontId="12" fillId="0" borderId="0" xfId="0" applyNumberFormat="1" applyFont="1" applyFill="1" applyBorder="1" applyAlignment="1" applyProtection="1">
      <alignment horizontal="left" vertical="center" shrinkToFit="1"/>
      <protection locked="0"/>
    </xf>
    <xf numFmtId="58" fontId="12" fillId="0" borderId="4" xfId="0" applyNumberFormat="1" applyFont="1" applyFill="1" applyBorder="1" applyAlignment="1" applyProtection="1">
      <alignment horizontal="left" vertical="center" shrinkToFit="1"/>
      <protection locked="0"/>
    </xf>
    <xf numFmtId="0" fontId="7" fillId="0" borderId="1" xfId="0" applyFont="1" applyFill="1" applyBorder="1" applyAlignment="1" applyProtection="1">
      <alignment horizontal="center" vertical="top" wrapText="1"/>
      <protection locked="0"/>
    </xf>
    <xf numFmtId="0" fontId="7" fillId="0" borderId="6" xfId="0" applyFont="1" applyFill="1" applyBorder="1" applyAlignment="1" applyProtection="1">
      <alignment horizontal="center" vertical="top" wrapText="1"/>
      <protection locked="0"/>
    </xf>
    <xf numFmtId="0" fontId="7" fillId="0" borderId="8" xfId="0" applyFont="1" applyFill="1" applyBorder="1" applyAlignment="1" applyProtection="1">
      <alignment horizontal="center" vertical="top" wrapText="1"/>
      <protection locked="0"/>
    </xf>
    <xf numFmtId="0" fontId="7" fillId="0" borderId="2" xfId="0" applyFont="1" applyFill="1" applyBorder="1" applyAlignment="1" applyProtection="1">
      <alignment horizontal="center" vertical="top" wrapText="1"/>
      <protection locked="0"/>
    </xf>
    <xf numFmtId="0" fontId="7" fillId="0" borderId="0" xfId="0" applyFont="1" applyFill="1" applyBorder="1" applyAlignment="1" applyProtection="1">
      <alignment horizontal="center" vertical="top" wrapText="1"/>
      <protection locked="0"/>
    </xf>
    <xf numFmtId="0" fontId="7" fillId="0" borderId="4" xfId="0" applyFont="1" applyFill="1" applyBorder="1" applyAlignment="1" applyProtection="1">
      <alignment horizontal="center" vertical="top" wrapText="1"/>
      <protection locked="0"/>
    </xf>
    <xf numFmtId="0" fontId="7" fillId="0" borderId="3" xfId="0" applyFont="1" applyFill="1" applyBorder="1" applyAlignment="1" applyProtection="1">
      <alignment horizontal="center" vertical="top" wrapText="1"/>
      <protection locked="0"/>
    </xf>
    <xf numFmtId="0" fontId="7" fillId="0" borderId="5" xfId="0" applyFont="1" applyFill="1" applyBorder="1" applyAlignment="1" applyProtection="1">
      <alignment horizontal="center" vertical="top" wrapText="1"/>
      <protection locked="0"/>
    </xf>
    <xf numFmtId="0" fontId="7" fillId="0" borderId="7" xfId="0" applyFont="1" applyFill="1" applyBorder="1" applyAlignment="1" applyProtection="1">
      <alignment horizontal="center" vertical="top" wrapText="1"/>
      <protection locked="0"/>
    </xf>
    <xf numFmtId="0" fontId="12" fillId="0" borderId="0" xfId="0" applyFont="1" applyFill="1" applyBorder="1" applyAlignment="1" applyProtection="1">
      <alignment horizontal="left" vertical="center" shrinkToFit="1"/>
      <protection locked="0"/>
    </xf>
    <xf numFmtId="0" fontId="12" fillId="0" borderId="4" xfId="0" applyFont="1" applyFill="1" applyBorder="1" applyAlignment="1" applyProtection="1">
      <alignment horizontal="left" vertical="center" shrinkToFit="1"/>
      <protection locked="0"/>
    </xf>
    <xf numFmtId="58" fontId="7" fillId="0" borderId="5" xfId="0" applyNumberFormat="1" applyFont="1" applyFill="1" applyBorder="1" applyAlignment="1" applyProtection="1">
      <alignment horizontal="left" vertical="center" shrinkToFit="1"/>
      <protection locked="0"/>
    </xf>
    <xf numFmtId="58" fontId="7" fillId="0" borderId="7" xfId="0" applyNumberFormat="1" applyFont="1" applyFill="1" applyBorder="1" applyAlignment="1" applyProtection="1">
      <alignment horizontal="left" vertical="center" shrinkToFit="1"/>
      <protection locked="0"/>
    </xf>
    <xf numFmtId="0" fontId="32" fillId="0" borderId="0" xfId="0" applyFont="1" applyFill="1" applyBorder="1" applyAlignment="1" applyProtection="1">
      <alignment horizontal="left" vertical="center"/>
    </xf>
    <xf numFmtId="0" fontId="32" fillId="0" borderId="4" xfId="0" applyFont="1" applyFill="1" applyBorder="1" applyAlignment="1" applyProtection="1">
      <alignment horizontal="left" vertical="center"/>
    </xf>
    <xf numFmtId="58" fontId="7" fillId="0" borderId="0" xfId="0" applyNumberFormat="1" applyFont="1" applyFill="1" applyBorder="1" applyAlignment="1" applyProtection="1">
      <alignment horizontal="left" vertical="center"/>
    </xf>
    <xf numFmtId="58" fontId="7" fillId="0" borderId="4" xfId="0" applyNumberFormat="1" applyFont="1" applyFill="1" applyBorder="1" applyAlignment="1" applyProtection="1">
      <alignment horizontal="left" vertical="center"/>
    </xf>
  </cellXfs>
  <cellStyles count="3">
    <cellStyle name="ハイパーリンク" xfId="1" builtinId="8"/>
    <cellStyle name="桁区切り 2" xfId="2"/>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styles" Target="styles.xml"/><Relationship Id="rId8" Type="http://schemas.openxmlformats.org/officeDocument/2006/relationships/worksheet" Target="worksheets/sheet8.xml"/></Relationships>
</file>

<file path=xl/drawings/_rels/drawing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png"/></Relationships>
</file>

<file path=xl/drawings/_rels/drawing10.xml.rels><?xml version="1.0" encoding="UTF-8" standalone="yes"?>
<Relationships xmlns="http://schemas.openxmlformats.org/package/2006/relationships"><Relationship Id="rId1" Type="http://schemas.openxmlformats.org/officeDocument/2006/relationships/image" Target="../media/image11.png"/></Relationships>
</file>

<file path=xl/drawings/_rels/drawing11.xml.rels><?xml version="1.0" encoding="UTF-8" standalone="yes"?>
<Relationships xmlns="http://schemas.openxmlformats.org/package/2006/relationships"><Relationship Id="rId1" Type="http://schemas.openxmlformats.org/officeDocument/2006/relationships/image" Target="../media/image12.png"/></Relationships>
</file>

<file path=xl/drawings/_rels/drawing12.xml.rels><?xml version="1.0" encoding="UTF-8" standalone="yes"?>
<Relationships xmlns="http://schemas.openxmlformats.org/package/2006/relationships"><Relationship Id="rId1" Type="http://schemas.openxmlformats.org/officeDocument/2006/relationships/image" Target="../media/image13.png"/></Relationships>
</file>

<file path=xl/drawings/_rels/drawing13.xml.rels><?xml version="1.0" encoding="UTF-8" standalone="yes"?>
<Relationships xmlns="http://schemas.openxmlformats.org/package/2006/relationships"><Relationship Id="rId1" Type="http://schemas.openxmlformats.org/officeDocument/2006/relationships/image" Target="../media/image14.png"/></Relationships>
</file>

<file path=xl/drawings/_rels/drawing14.xml.rels><?xml version="1.0" encoding="UTF-8" standalone="yes"?>
<Relationships xmlns="http://schemas.openxmlformats.org/package/2006/relationships"><Relationship Id="rId1" Type="http://schemas.openxmlformats.org/officeDocument/2006/relationships/image" Target="../media/image15.png"/></Relationships>
</file>

<file path=xl/drawings/_rels/drawing15.xml.rels><?xml version="1.0" encoding="UTF-8" standalone="yes"?>
<Relationships xmlns="http://schemas.openxmlformats.org/package/2006/relationships"><Relationship Id="rId1" Type="http://schemas.openxmlformats.org/officeDocument/2006/relationships/image" Target="../media/image16.png"/></Relationships>
</file>

<file path=xl/drawings/_rels/drawing16.xml.rels><?xml version="1.0" encoding="UTF-8" standalone="yes"?>
<Relationships xmlns="http://schemas.openxmlformats.org/package/2006/relationships"><Relationship Id="rId1" Type="http://schemas.openxmlformats.org/officeDocument/2006/relationships/image" Target="../media/image17.png"/></Relationships>
</file>

<file path=xl/drawings/_rels/drawing17.xml.rels><?xml version="1.0" encoding="UTF-8" standalone="yes"?>
<Relationships xmlns="http://schemas.openxmlformats.org/package/2006/relationships"><Relationship Id="rId1" Type="http://schemas.openxmlformats.org/officeDocument/2006/relationships/image" Target="../media/image18.png"/></Relationships>
</file>

<file path=xl/drawings/_rels/drawing18.xml.rels><?xml version="1.0" encoding="UTF-8" standalone="yes"?>
<Relationships xmlns="http://schemas.openxmlformats.org/package/2006/relationships"><Relationship Id="rId1" Type="http://schemas.openxmlformats.org/officeDocument/2006/relationships/image" Target="../media/image19.png"/></Relationships>
</file>

<file path=xl/drawings/_rels/drawing19.xml.rels><?xml version="1.0" encoding="UTF-8" standalone="yes"?>
<Relationships xmlns="http://schemas.openxmlformats.org/package/2006/relationships"><Relationship Id="rId1" Type="http://schemas.openxmlformats.org/officeDocument/2006/relationships/image" Target="../media/image20.png"/></Relationships>
</file>

<file path=xl/drawings/_rels/drawing2.xml.rels><?xml version="1.0" encoding="UTF-8" standalone="yes"?>
<Relationships xmlns="http://schemas.openxmlformats.org/package/2006/relationships"><Relationship Id="rId1" Type="http://schemas.openxmlformats.org/officeDocument/2006/relationships/image" Target="../media/image3.png"/></Relationships>
</file>

<file path=xl/drawings/_rels/drawing20.xml.rels><?xml version="1.0" encoding="UTF-8" standalone="yes"?>
<Relationships xmlns="http://schemas.openxmlformats.org/package/2006/relationships"><Relationship Id="rId1" Type="http://schemas.openxmlformats.org/officeDocument/2006/relationships/image" Target="../media/image21.png"/></Relationships>
</file>

<file path=xl/drawings/_rels/drawing21.xml.rels><?xml version="1.0" encoding="UTF-8" standalone="yes"?>
<Relationships xmlns="http://schemas.openxmlformats.org/package/2006/relationships"><Relationship Id="rId1" Type="http://schemas.openxmlformats.org/officeDocument/2006/relationships/image" Target="../media/image22.png"/></Relationships>
</file>

<file path=xl/drawings/_rels/drawing22.xml.rels><?xml version="1.0" encoding="UTF-8" standalone="yes"?>
<Relationships xmlns="http://schemas.openxmlformats.org/package/2006/relationships"><Relationship Id="rId1" Type="http://schemas.openxmlformats.org/officeDocument/2006/relationships/image" Target="../media/image23.png"/></Relationships>
</file>

<file path=xl/drawings/_rels/drawing23.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image" Target="../media/image24.png"/></Relationships>
</file>

<file path=xl/drawings/_rels/drawing24.xml.rels><?xml version="1.0" encoding="UTF-8" standalone="yes"?>
<Relationships xmlns="http://schemas.openxmlformats.org/package/2006/relationships"><Relationship Id="rId1" Type="http://schemas.openxmlformats.org/officeDocument/2006/relationships/image" Target="../media/image26.png"/></Relationships>
</file>

<file path=xl/drawings/_rels/drawing25.xml.rels><?xml version="1.0" encoding="UTF-8" standalone="yes"?>
<Relationships xmlns="http://schemas.openxmlformats.org/package/2006/relationships"><Relationship Id="rId1" Type="http://schemas.openxmlformats.org/officeDocument/2006/relationships/image" Target="../media/image27.png"/></Relationships>
</file>

<file path=xl/drawings/_rels/drawing26.xml.rels><?xml version="1.0" encoding="UTF-8" standalone="yes"?>
<Relationships xmlns="http://schemas.openxmlformats.org/package/2006/relationships"><Relationship Id="rId1" Type="http://schemas.openxmlformats.org/officeDocument/2006/relationships/image" Target="../media/image28.png"/></Relationships>
</file>

<file path=xl/drawings/_rels/drawing27.xml.rels><?xml version="1.0" encoding="UTF-8" standalone="yes"?>
<Relationships xmlns="http://schemas.openxmlformats.org/package/2006/relationships"><Relationship Id="rId1" Type="http://schemas.openxmlformats.org/officeDocument/2006/relationships/image" Target="../media/image29.png"/></Relationships>
</file>

<file path=xl/drawings/_rels/drawing28.xml.rels><?xml version="1.0" encoding="UTF-8" standalone="yes"?>
<Relationships xmlns="http://schemas.openxmlformats.org/package/2006/relationships"><Relationship Id="rId1" Type="http://schemas.openxmlformats.org/officeDocument/2006/relationships/image" Target="../media/image30.png"/></Relationships>
</file>

<file path=xl/drawings/_rels/drawing29.xml.rels><?xml version="1.0" encoding="UTF-8" standalone="yes"?>
<Relationships xmlns="http://schemas.openxmlformats.org/package/2006/relationships"><Relationship Id="rId1" Type="http://schemas.openxmlformats.org/officeDocument/2006/relationships/image" Target="../media/image31.png"/></Relationships>
</file>

<file path=xl/drawings/_rels/drawing3.xml.rels><?xml version="1.0" encoding="UTF-8" standalone="yes"?>
<Relationships xmlns="http://schemas.openxmlformats.org/package/2006/relationships"><Relationship Id="rId1" Type="http://schemas.openxmlformats.org/officeDocument/2006/relationships/image" Target="../media/image4.png"/></Relationships>
</file>

<file path=xl/drawings/_rels/drawing30.xml.rels><?xml version="1.0" encoding="UTF-8" standalone="yes"?>
<Relationships xmlns="http://schemas.openxmlformats.org/package/2006/relationships"><Relationship Id="rId1" Type="http://schemas.openxmlformats.org/officeDocument/2006/relationships/image" Target="../media/image32.png"/></Relationships>
</file>

<file path=xl/drawings/_rels/drawing31.xml.rels><?xml version="1.0" encoding="UTF-8" standalone="yes"?>
<Relationships xmlns="http://schemas.openxmlformats.org/package/2006/relationships"><Relationship Id="rId1" Type="http://schemas.openxmlformats.org/officeDocument/2006/relationships/image" Target="../media/image33.png"/></Relationships>
</file>

<file path=xl/drawings/_rels/drawing32.xml.rels><?xml version="1.0" encoding="UTF-8" standalone="yes"?>
<Relationships xmlns="http://schemas.openxmlformats.org/package/2006/relationships"><Relationship Id="rId1" Type="http://schemas.openxmlformats.org/officeDocument/2006/relationships/image" Target="../media/image34.png"/></Relationships>
</file>

<file path=xl/drawings/_rels/drawing33.xml.rels><?xml version="1.0" encoding="UTF-8" standalone="yes"?>
<Relationships xmlns="http://schemas.openxmlformats.org/package/2006/relationships"><Relationship Id="rId1" Type="http://schemas.openxmlformats.org/officeDocument/2006/relationships/image" Target="../media/image35.png"/></Relationships>
</file>

<file path=xl/drawings/_rels/drawing4.xml.rels><?xml version="1.0" encoding="UTF-8" standalone="yes"?>
<Relationships xmlns="http://schemas.openxmlformats.org/package/2006/relationships"><Relationship Id="rId1" Type="http://schemas.openxmlformats.org/officeDocument/2006/relationships/image" Target="../media/image5.png"/></Relationships>
</file>

<file path=xl/drawings/_rels/drawing5.xml.rels><?xml version="1.0" encoding="UTF-8" standalone="yes"?>
<Relationships xmlns="http://schemas.openxmlformats.org/package/2006/relationships"><Relationship Id="rId1" Type="http://schemas.openxmlformats.org/officeDocument/2006/relationships/image" Target="../media/image6.png"/></Relationships>
</file>

<file path=xl/drawings/_rels/drawing6.xml.rels><?xml version="1.0" encoding="UTF-8" standalone="yes"?>
<Relationships xmlns="http://schemas.openxmlformats.org/package/2006/relationships"><Relationship Id="rId1" Type="http://schemas.openxmlformats.org/officeDocument/2006/relationships/image" Target="../media/image7.png"/></Relationships>
</file>

<file path=xl/drawings/_rels/drawing7.xml.rels><?xml version="1.0" encoding="UTF-8" standalone="yes"?>
<Relationships xmlns="http://schemas.openxmlformats.org/package/2006/relationships"><Relationship Id="rId1" Type="http://schemas.openxmlformats.org/officeDocument/2006/relationships/image" Target="../media/image8.png"/></Relationships>
</file>

<file path=xl/drawings/_rels/drawing8.xml.rels><?xml version="1.0" encoding="UTF-8" standalone="yes"?>
<Relationships xmlns="http://schemas.openxmlformats.org/package/2006/relationships"><Relationship Id="rId1" Type="http://schemas.openxmlformats.org/officeDocument/2006/relationships/image" Target="../media/image9.png"/></Relationships>
</file>

<file path=xl/drawings/_rels/drawing9.xml.rels><?xml version="1.0" encoding="UTF-8" standalone="yes"?>
<Relationships xmlns="http://schemas.openxmlformats.org/package/2006/relationships"><Relationship Id="rId1" Type="http://schemas.openxmlformats.org/officeDocument/2006/relationships/image" Target="../media/image10.png"/></Relationships>
</file>

<file path=xl/drawings/drawing1.xml><?xml version="1.0" encoding="utf-8"?>
<xdr:wsDr xmlns:xdr="http://schemas.openxmlformats.org/drawingml/2006/spreadsheetDrawing" xmlns:a="http://schemas.openxmlformats.org/drawingml/2006/main">
  <xdr:twoCellAnchor>
    <xdr:from>
      <xdr:col>8</xdr:col>
      <xdr:colOff>28575</xdr:colOff>
      <xdr:row>0</xdr:row>
      <xdr:rowOff>171450</xdr:rowOff>
    </xdr:from>
    <xdr:to>
      <xdr:col>12</xdr:col>
      <xdr:colOff>161925</xdr:colOff>
      <xdr:row>3</xdr:row>
      <xdr:rowOff>104775</xdr:rowOff>
    </xdr:to>
    <xdr:pic>
      <xdr:nvPicPr>
        <xdr:cNvPr id="2" name="Picture 3" descr="01)横浜"/>
        <xdr:cNvPicPr preferRelativeResize="0">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69695" y="171450"/>
          <a:ext cx="803910" cy="5734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40</xdr:col>
      <xdr:colOff>0</xdr:colOff>
      <xdr:row>28</xdr:row>
      <xdr:rowOff>171450</xdr:rowOff>
    </xdr:from>
    <xdr:to>
      <xdr:col>45</xdr:col>
      <xdr:colOff>85725</xdr:colOff>
      <xdr:row>32</xdr:row>
      <xdr:rowOff>28575</xdr:rowOff>
    </xdr:to>
    <xdr:pic>
      <xdr:nvPicPr>
        <xdr:cNvPr id="3" name="図 1"/>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6751320" y="6145530"/>
          <a:ext cx="847725" cy="7105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40</xdr:col>
      <xdr:colOff>0</xdr:colOff>
      <xdr:row>28</xdr:row>
      <xdr:rowOff>171450</xdr:rowOff>
    </xdr:from>
    <xdr:to>
      <xdr:col>45</xdr:col>
      <xdr:colOff>85725</xdr:colOff>
      <xdr:row>32</xdr:row>
      <xdr:rowOff>28575</xdr:rowOff>
    </xdr:to>
    <xdr:pic>
      <xdr:nvPicPr>
        <xdr:cNvPr id="4" name="図 1"/>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6751320" y="6145530"/>
          <a:ext cx="847725" cy="7105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0.xml><?xml version="1.0" encoding="utf-8"?>
<xdr:wsDr xmlns:xdr="http://schemas.openxmlformats.org/drawingml/2006/spreadsheetDrawing" xmlns:a="http://schemas.openxmlformats.org/drawingml/2006/main">
  <xdr:twoCellAnchor editAs="oneCell">
    <xdr:from>
      <xdr:col>8</xdr:col>
      <xdr:colOff>57150</xdr:colOff>
      <xdr:row>0</xdr:row>
      <xdr:rowOff>76200</xdr:rowOff>
    </xdr:from>
    <xdr:to>
      <xdr:col>12</xdr:col>
      <xdr:colOff>152400</xdr:colOff>
      <xdr:row>3</xdr:row>
      <xdr:rowOff>171450</xdr:rowOff>
    </xdr:to>
    <xdr:pic>
      <xdr:nvPicPr>
        <xdr:cNvPr id="2" name="Picture 1" descr="10)逗子"/>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76200"/>
          <a:ext cx="857250" cy="752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8</xdr:col>
      <xdr:colOff>66675</xdr:colOff>
      <xdr:row>0</xdr:row>
      <xdr:rowOff>123825</xdr:rowOff>
    </xdr:from>
    <xdr:to>
      <xdr:col>12</xdr:col>
      <xdr:colOff>133350</xdr:colOff>
      <xdr:row>3</xdr:row>
      <xdr:rowOff>142875</xdr:rowOff>
    </xdr:to>
    <xdr:pic>
      <xdr:nvPicPr>
        <xdr:cNvPr id="2" name="Picture 1" descr="11)三浦">
          <a:extLst>
            <a:ext uri="{FF2B5EF4-FFF2-40B4-BE49-F238E27FC236}">
              <a16:creationId xmlns:a16="http://schemas.microsoft.com/office/drawing/2014/main" id="{00000000-0008-0000-0A00-00001C9701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07795" y="123825"/>
          <a:ext cx="737235" cy="6591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8</xdr:col>
      <xdr:colOff>76200</xdr:colOff>
      <xdr:row>0</xdr:row>
      <xdr:rowOff>180975</xdr:rowOff>
    </xdr:from>
    <xdr:to>
      <xdr:col>12</xdr:col>
      <xdr:colOff>133350</xdr:colOff>
      <xdr:row>4</xdr:row>
      <xdr:rowOff>76200</xdr:rowOff>
    </xdr:to>
    <xdr:pic>
      <xdr:nvPicPr>
        <xdr:cNvPr id="2" name="Picture 2" descr="12)秦野"/>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00200" y="180975"/>
          <a:ext cx="819150" cy="771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8</xdr:col>
      <xdr:colOff>71158</xdr:colOff>
      <xdr:row>0</xdr:row>
      <xdr:rowOff>57711</xdr:rowOff>
    </xdr:from>
    <xdr:to>
      <xdr:col>12</xdr:col>
      <xdr:colOff>133351</xdr:colOff>
      <xdr:row>3</xdr:row>
      <xdr:rowOff>175137</xdr:rowOff>
    </xdr:to>
    <xdr:pic>
      <xdr:nvPicPr>
        <xdr:cNvPr id="2" name="Picture 1" descr="13)厚木">
          <a:extLst>
            <a:ext uri="{FF2B5EF4-FFF2-40B4-BE49-F238E27FC236}">
              <a16:creationId xmlns:a16="http://schemas.microsoft.com/office/drawing/2014/main" id="{00000000-0008-0000-0C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12278" y="57711"/>
          <a:ext cx="732753" cy="7575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4.xml><?xml version="1.0" encoding="utf-8"?>
<xdr:wsDr xmlns:xdr="http://schemas.openxmlformats.org/drawingml/2006/spreadsheetDrawing" xmlns:a="http://schemas.openxmlformats.org/drawingml/2006/main">
  <xdr:twoCellAnchor editAs="oneCell">
    <xdr:from>
      <xdr:col>8</xdr:col>
      <xdr:colOff>114300</xdr:colOff>
      <xdr:row>0</xdr:row>
      <xdr:rowOff>66675</xdr:rowOff>
    </xdr:from>
    <xdr:to>
      <xdr:col>12</xdr:col>
      <xdr:colOff>95250</xdr:colOff>
      <xdr:row>3</xdr:row>
      <xdr:rowOff>152400</xdr:rowOff>
    </xdr:to>
    <xdr:pic>
      <xdr:nvPicPr>
        <xdr:cNvPr id="2" name="Picture 1" descr="14)大和"/>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55420" y="66675"/>
          <a:ext cx="651510" cy="7258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5.xml><?xml version="1.0" encoding="utf-8"?>
<xdr:wsDr xmlns:xdr="http://schemas.openxmlformats.org/drawingml/2006/spreadsheetDrawing" xmlns:a="http://schemas.openxmlformats.org/drawingml/2006/main">
  <xdr:twoCellAnchor editAs="oneCell">
    <xdr:from>
      <xdr:col>8</xdr:col>
      <xdr:colOff>104775</xdr:colOff>
      <xdr:row>0</xdr:row>
      <xdr:rowOff>66675</xdr:rowOff>
    </xdr:from>
    <xdr:to>
      <xdr:col>12</xdr:col>
      <xdr:colOff>104775</xdr:colOff>
      <xdr:row>3</xdr:row>
      <xdr:rowOff>171450</xdr:rowOff>
    </xdr:to>
    <xdr:pic>
      <xdr:nvPicPr>
        <xdr:cNvPr id="2" name="Picture 1" descr="15)伊勢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28775" y="66675"/>
          <a:ext cx="762000" cy="76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6.xml><?xml version="1.0" encoding="utf-8"?>
<xdr:wsDr xmlns:xdr="http://schemas.openxmlformats.org/drawingml/2006/spreadsheetDrawing" xmlns:a="http://schemas.openxmlformats.org/drawingml/2006/main">
  <xdr:twoCellAnchor editAs="oneCell">
    <xdr:from>
      <xdr:col>8</xdr:col>
      <xdr:colOff>38100</xdr:colOff>
      <xdr:row>0</xdr:row>
      <xdr:rowOff>95250</xdr:rowOff>
    </xdr:from>
    <xdr:to>
      <xdr:col>12</xdr:col>
      <xdr:colOff>161925</xdr:colOff>
      <xdr:row>3</xdr:row>
      <xdr:rowOff>152400</xdr:rowOff>
    </xdr:to>
    <xdr:pic>
      <xdr:nvPicPr>
        <xdr:cNvPr id="2" name="Picture 1" descr="16)海老名"/>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62100" y="95250"/>
          <a:ext cx="885825" cy="714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7.xml><?xml version="1.0" encoding="utf-8"?>
<xdr:wsDr xmlns:xdr="http://schemas.openxmlformats.org/drawingml/2006/spreadsheetDrawing" xmlns:a="http://schemas.openxmlformats.org/drawingml/2006/main">
  <xdr:twoCellAnchor editAs="oneCell">
    <xdr:from>
      <xdr:col>8</xdr:col>
      <xdr:colOff>57150</xdr:colOff>
      <xdr:row>1</xdr:row>
      <xdr:rowOff>28575</xdr:rowOff>
    </xdr:from>
    <xdr:to>
      <xdr:col>12</xdr:col>
      <xdr:colOff>152400</xdr:colOff>
      <xdr:row>3</xdr:row>
      <xdr:rowOff>38100</xdr:rowOff>
    </xdr:to>
    <xdr:pic>
      <xdr:nvPicPr>
        <xdr:cNvPr id="2" name="Picture 1" descr="17)座間"/>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98270" y="241935"/>
          <a:ext cx="765810" cy="4362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8.xml><?xml version="1.0" encoding="utf-8"?>
<xdr:wsDr xmlns:xdr="http://schemas.openxmlformats.org/drawingml/2006/spreadsheetDrawing" xmlns:a="http://schemas.openxmlformats.org/drawingml/2006/main">
  <xdr:twoCellAnchor editAs="oneCell">
    <xdr:from>
      <xdr:col>8</xdr:col>
      <xdr:colOff>47625</xdr:colOff>
      <xdr:row>0</xdr:row>
      <xdr:rowOff>200025</xdr:rowOff>
    </xdr:from>
    <xdr:to>
      <xdr:col>12</xdr:col>
      <xdr:colOff>152400</xdr:colOff>
      <xdr:row>3</xdr:row>
      <xdr:rowOff>76200</xdr:rowOff>
    </xdr:to>
    <xdr:pic>
      <xdr:nvPicPr>
        <xdr:cNvPr id="2" name="Picture 1" descr="18)南足柄">
          <a:extLst>
            <a:ext uri="{FF2B5EF4-FFF2-40B4-BE49-F238E27FC236}">
              <a16:creationId xmlns:a16="http://schemas.microsoft.com/office/drawing/2014/main" id="{00000000-0008-0000-1100-0000626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88745" y="200025"/>
          <a:ext cx="775335" cy="5162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9.xml><?xml version="1.0" encoding="utf-8"?>
<xdr:wsDr xmlns:xdr="http://schemas.openxmlformats.org/drawingml/2006/spreadsheetDrawing" xmlns:a="http://schemas.openxmlformats.org/drawingml/2006/main">
  <xdr:twoCellAnchor editAs="oneCell">
    <xdr:from>
      <xdr:col>8</xdr:col>
      <xdr:colOff>85725</xdr:colOff>
      <xdr:row>0</xdr:row>
      <xdr:rowOff>114300</xdr:rowOff>
    </xdr:from>
    <xdr:to>
      <xdr:col>12</xdr:col>
      <xdr:colOff>123825</xdr:colOff>
      <xdr:row>3</xdr:row>
      <xdr:rowOff>38100</xdr:rowOff>
    </xdr:to>
    <xdr:pic>
      <xdr:nvPicPr>
        <xdr:cNvPr id="2" name="Picture 1" descr="19)綾瀬">
          <a:extLst>
            <a:ext uri="{FF2B5EF4-FFF2-40B4-BE49-F238E27FC236}">
              <a16:creationId xmlns:a16="http://schemas.microsoft.com/office/drawing/2014/main" id="{00000000-0008-0000-12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26845" y="114300"/>
          <a:ext cx="708660" cy="563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8</xdr:col>
      <xdr:colOff>114300</xdr:colOff>
      <xdr:row>0</xdr:row>
      <xdr:rowOff>114300</xdr:rowOff>
    </xdr:from>
    <xdr:to>
      <xdr:col>12</xdr:col>
      <xdr:colOff>76200</xdr:colOff>
      <xdr:row>3</xdr:row>
      <xdr:rowOff>171450</xdr:rowOff>
    </xdr:to>
    <xdr:pic>
      <xdr:nvPicPr>
        <xdr:cNvPr id="2" name="Picture 2" descr="02)川崎"/>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55420" y="114300"/>
          <a:ext cx="632460" cy="6972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0.xml><?xml version="1.0" encoding="utf-8"?>
<xdr:wsDr xmlns:xdr="http://schemas.openxmlformats.org/drawingml/2006/spreadsheetDrawing" xmlns:a="http://schemas.openxmlformats.org/drawingml/2006/main">
  <xdr:twoCellAnchor editAs="oneCell">
    <xdr:from>
      <xdr:col>8</xdr:col>
      <xdr:colOff>95250</xdr:colOff>
      <xdr:row>0</xdr:row>
      <xdr:rowOff>57150</xdr:rowOff>
    </xdr:from>
    <xdr:to>
      <xdr:col>12</xdr:col>
      <xdr:colOff>114300</xdr:colOff>
      <xdr:row>3</xdr:row>
      <xdr:rowOff>180975</xdr:rowOff>
    </xdr:to>
    <xdr:pic>
      <xdr:nvPicPr>
        <xdr:cNvPr id="2" name="Picture 1" descr="20)葉山">
          <a:extLst>
            <a:ext uri="{FF2B5EF4-FFF2-40B4-BE49-F238E27FC236}">
              <a16:creationId xmlns:a16="http://schemas.microsoft.com/office/drawing/2014/main" id="{00000000-0008-0000-13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36370" y="57150"/>
          <a:ext cx="689610" cy="7639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1.xml><?xml version="1.0" encoding="utf-8"?>
<xdr:wsDr xmlns:xdr="http://schemas.openxmlformats.org/drawingml/2006/spreadsheetDrawing" xmlns:a="http://schemas.openxmlformats.org/drawingml/2006/main">
  <xdr:twoCellAnchor editAs="oneCell">
    <xdr:from>
      <xdr:col>8</xdr:col>
      <xdr:colOff>123825</xdr:colOff>
      <xdr:row>0</xdr:row>
      <xdr:rowOff>76200</xdr:rowOff>
    </xdr:from>
    <xdr:to>
      <xdr:col>12</xdr:col>
      <xdr:colOff>95250</xdr:colOff>
      <xdr:row>3</xdr:row>
      <xdr:rowOff>142875</xdr:rowOff>
    </xdr:to>
    <xdr:pic>
      <xdr:nvPicPr>
        <xdr:cNvPr id="2" name="Picture 1" descr="21)寒川">
          <a:extLst>
            <a:ext uri="{FF2B5EF4-FFF2-40B4-BE49-F238E27FC236}">
              <a16:creationId xmlns:a16="http://schemas.microsoft.com/office/drawing/2014/main" id="{00000000-0008-0000-1400-0000627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64945" y="76200"/>
          <a:ext cx="641985" cy="706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2.xml><?xml version="1.0" encoding="utf-8"?>
<xdr:wsDr xmlns:xdr="http://schemas.openxmlformats.org/drawingml/2006/spreadsheetDrawing" xmlns:a="http://schemas.openxmlformats.org/drawingml/2006/main">
  <xdr:twoCellAnchor editAs="oneCell">
    <xdr:from>
      <xdr:col>8</xdr:col>
      <xdr:colOff>57150</xdr:colOff>
      <xdr:row>0</xdr:row>
      <xdr:rowOff>47625</xdr:rowOff>
    </xdr:from>
    <xdr:to>
      <xdr:col>12</xdr:col>
      <xdr:colOff>161925</xdr:colOff>
      <xdr:row>3</xdr:row>
      <xdr:rowOff>190500</xdr:rowOff>
    </xdr:to>
    <xdr:pic>
      <xdr:nvPicPr>
        <xdr:cNvPr id="2" name="Picture 1" descr="22)大磯">
          <a:extLst>
            <a:ext uri="{FF2B5EF4-FFF2-40B4-BE49-F238E27FC236}">
              <a16:creationId xmlns:a16="http://schemas.microsoft.com/office/drawing/2014/main" id="{00000000-0008-0000-1500-0000627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98270" y="47625"/>
          <a:ext cx="775335" cy="7829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3.xml><?xml version="1.0" encoding="utf-8"?>
<xdr:wsDr xmlns:xdr="http://schemas.openxmlformats.org/drawingml/2006/spreadsheetDrawing" xmlns:a="http://schemas.openxmlformats.org/drawingml/2006/main">
  <xdr:twoCellAnchor editAs="oneCell">
    <xdr:from>
      <xdr:col>8</xdr:col>
      <xdr:colOff>28575</xdr:colOff>
      <xdr:row>0</xdr:row>
      <xdr:rowOff>152400</xdr:rowOff>
    </xdr:from>
    <xdr:to>
      <xdr:col>13</xdr:col>
      <xdr:colOff>3753</xdr:colOff>
      <xdr:row>3</xdr:row>
      <xdr:rowOff>114300</xdr:rowOff>
    </xdr:to>
    <xdr:pic>
      <xdr:nvPicPr>
        <xdr:cNvPr id="2" name="Picture 1" descr="23)二宮">
          <a:extLst>
            <a:ext uri="{FF2B5EF4-FFF2-40B4-BE49-F238E27FC236}">
              <a16:creationId xmlns:a16="http://schemas.microsoft.com/office/drawing/2014/main" id="{00000000-0008-0000-1600-0000E978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69695" y="152400"/>
          <a:ext cx="813378"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9</xdr:col>
      <xdr:colOff>123825</xdr:colOff>
      <xdr:row>12</xdr:row>
      <xdr:rowOff>85725</xdr:rowOff>
    </xdr:from>
    <xdr:to>
      <xdr:col>11</xdr:col>
      <xdr:colOff>9525</xdr:colOff>
      <xdr:row>13</xdr:row>
      <xdr:rowOff>123825</xdr:rowOff>
    </xdr:to>
    <xdr:pic>
      <xdr:nvPicPr>
        <xdr:cNvPr id="3" name="図 6" descr="旧字.png">
          <a:extLst>
            <a:ext uri="{FF2B5EF4-FFF2-40B4-BE49-F238E27FC236}">
              <a16:creationId xmlns:a16="http://schemas.microsoft.com/office/drawing/2014/main" id="{00000000-0008-0000-1600-0000EA7802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632585" y="2646045"/>
          <a:ext cx="220980" cy="25146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4.xml><?xml version="1.0" encoding="utf-8"?>
<xdr:wsDr xmlns:xdr="http://schemas.openxmlformats.org/drawingml/2006/spreadsheetDrawing" xmlns:a="http://schemas.openxmlformats.org/drawingml/2006/main">
  <xdr:twoCellAnchor editAs="oneCell">
    <xdr:from>
      <xdr:col>8</xdr:col>
      <xdr:colOff>38100</xdr:colOff>
      <xdr:row>0</xdr:row>
      <xdr:rowOff>47625</xdr:rowOff>
    </xdr:from>
    <xdr:to>
      <xdr:col>12</xdr:col>
      <xdr:colOff>152400</xdr:colOff>
      <xdr:row>3</xdr:row>
      <xdr:rowOff>180975</xdr:rowOff>
    </xdr:to>
    <xdr:pic>
      <xdr:nvPicPr>
        <xdr:cNvPr id="2" name="Picture 1" descr="24)中井">
          <a:extLst>
            <a:ext uri="{FF2B5EF4-FFF2-40B4-BE49-F238E27FC236}">
              <a16:creationId xmlns:a16="http://schemas.microsoft.com/office/drawing/2014/main" id="{00000000-0008-0000-1700-0000627C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79220" y="47625"/>
          <a:ext cx="784860" cy="7734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5.xml><?xml version="1.0" encoding="utf-8"?>
<xdr:wsDr xmlns:xdr="http://schemas.openxmlformats.org/drawingml/2006/spreadsheetDrawing" xmlns:a="http://schemas.openxmlformats.org/drawingml/2006/main">
  <xdr:twoCellAnchor editAs="oneCell">
    <xdr:from>
      <xdr:col>8</xdr:col>
      <xdr:colOff>123825</xdr:colOff>
      <xdr:row>0</xdr:row>
      <xdr:rowOff>76200</xdr:rowOff>
    </xdr:from>
    <xdr:to>
      <xdr:col>12</xdr:col>
      <xdr:colOff>85725</xdr:colOff>
      <xdr:row>3</xdr:row>
      <xdr:rowOff>200025</xdr:rowOff>
    </xdr:to>
    <xdr:pic>
      <xdr:nvPicPr>
        <xdr:cNvPr id="2" name="Picture 2" descr="25)大井">
          <a:extLst>
            <a:ext uri="{FF2B5EF4-FFF2-40B4-BE49-F238E27FC236}">
              <a16:creationId xmlns:a16="http://schemas.microsoft.com/office/drawing/2014/main" id="{00000000-0008-0000-18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47825" y="76200"/>
          <a:ext cx="723900" cy="781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6.xml><?xml version="1.0" encoding="utf-8"?>
<xdr:wsDr xmlns:xdr="http://schemas.openxmlformats.org/drawingml/2006/spreadsheetDrawing" xmlns:a="http://schemas.openxmlformats.org/drawingml/2006/main">
  <xdr:twoCellAnchor editAs="oneCell">
    <xdr:from>
      <xdr:col>8</xdr:col>
      <xdr:colOff>76200</xdr:colOff>
      <xdr:row>0</xdr:row>
      <xdr:rowOff>38100</xdr:rowOff>
    </xdr:from>
    <xdr:to>
      <xdr:col>12</xdr:col>
      <xdr:colOff>142875</xdr:colOff>
      <xdr:row>3</xdr:row>
      <xdr:rowOff>200025</xdr:rowOff>
    </xdr:to>
    <xdr:pic>
      <xdr:nvPicPr>
        <xdr:cNvPr id="2" name="Picture 1" descr="26)松田">
          <a:extLst>
            <a:ext uri="{FF2B5EF4-FFF2-40B4-BE49-F238E27FC236}">
              <a16:creationId xmlns:a16="http://schemas.microsoft.com/office/drawing/2014/main" id="{00000000-0008-0000-1900-0000628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17320" y="38100"/>
          <a:ext cx="737235" cy="8020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7.xml><?xml version="1.0" encoding="utf-8"?>
<xdr:wsDr xmlns:xdr="http://schemas.openxmlformats.org/drawingml/2006/spreadsheetDrawing" xmlns:a="http://schemas.openxmlformats.org/drawingml/2006/main">
  <xdr:twoCellAnchor editAs="oneCell">
    <xdr:from>
      <xdr:col>8</xdr:col>
      <xdr:colOff>76200</xdr:colOff>
      <xdr:row>0</xdr:row>
      <xdr:rowOff>47625</xdr:rowOff>
    </xdr:from>
    <xdr:to>
      <xdr:col>12</xdr:col>
      <xdr:colOff>142875</xdr:colOff>
      <xdr:row>3</xdr:row>
      <xdr:rowOff>180975</xdr:rowOff>
    </xdr:to>
    <xdr:pic>
      <xdr:nvPicPr>
        <xdr:cNvPr id="2" name="Picture 1" descr="27)山北">
          <a:extLst>
            <a:ext uri="{FF2B5EF4-FFF2-40B4-BE49-F238E27FC236}">
              <a16:creationId xmlns:a16="http://schemas.microsoft.com/office/drawing/2014/main" id="{00000000-0008-0000-1A00-00006288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17320" y="47625"/>
          <a:ext cx="737235" cy="7734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8.xml><?xml version="1.0" encoding="utf-8"?>
<xdr:wsDr xmlns:xdr="http://schemas.openxmlformats.org/drawingml/2006/spreadsheetDrawing" xmlns:a="http://schemas.openxmlformats.org/drawingml/2006/main">
  <xdr:twoCellAnchor editAs="oneCell">
    <xdr:from>
      <xdr:col>8</xdr:col>
      <xdr:colOff>104775</xdr:colOff>
      <xdr:row>0</xdr:row>
      <xdr:rowOff>47625</xdr:rowOff>
    </xdr:from>
    <xdr:to>
      <xdr:col>12</xdr:col>
      <xdr:colOff>104775</xdr:colOff>
      <xdr:row>3</xdr:row>
      <xdr:rowOff>200025</xdr:rowOff>
    </xdr:to>
    <xdr:pic>
      <xdr:nvPicPr>
        <xdr:cNvPr id="2" name="Picture 1" descr="28)開成">
          <a:extLst>
            <a:ext uri="{FF2B5EF4-FFF2-40B4-BE49-F238E27FC236}">
              <a16:creationId xmlns:a16="http://schemas.microsoft.com/office/drawing/2014/main" id="{00000000-0008-0000-1B00-00006C8C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45895" y="47625"/>
          <a:ext cx="670560" cy="792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9.xml><?xml version="1.0" encoding="utf-8"?>
<xdr:wsDr xmlns:xdr="http://schemas.openxmlformats.org/drawingml/2006/spreadsheetDrawing" xmlns:a="http://schemas.openxmlformats.org/drawingml/2006/main">
  <xdr:twoCellAnchor editAs="oneCell">
    <xdr:from>
      <xdr:col>8</xdr:col>
      <xdr:colOff>57150</xdr:colOff>
      <xdr:row>0</xdr:row>
      <xdr:rowOff>38100</xdr:rowOff>
    </xdr:from>
    <xdr:to>
      <xdr:col>12</xdr:col>
      <xdr:colOff>123825</xdr:colOff>
      <xdr:row>3</xdr:row>
      <xdr:rowOff>190500</xdr:rowOff>
    </xdr:to>
    <xdr:pic>
      <xdr:nvPicPr>
        <xdr:cNvPr id="2" name="Picture 1" descr="29)箱根">
          <a:extLst>
            <a:ext uri="{FF2B5EF4-FFF2-40B4-BE49-F238E27FC236}">
              <a16:creationId xmlns:a16="http://schemas.microsoft.com/office/drawing/2014/main" id="{00000000-0008-0000-1C00-0000629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98270" y="38100"/>
          <a:ext cx="737235" cy="792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8</xdr:col>
      <xdr:colOff>57150</xdr:colOff>
      <xdr:row>0</xdr:row>
      <xdr:rowOff>38100</xdr:rowOff>
    </xdr:from>
    <xdr:to>
      <xdr:col>12</xdr:col>
      <xdr:colOff>161925</xdr:colOff>
      <xdr:row>3</xdr:row>
      <xdr:rowOff>200025</xdr:rowOff>
    </xdr:to>
    <xdr:pic>
      <xdr:nvPicPr>
        <xdr:cNvPr id="2" name="Picture 1"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3" name="Picture 1"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4" name="Picture 2"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5" name="Picture 1"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6" name="Picture 2"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0.xml><?xml version="1.0" encoding="utf-8"?>
<xdr:wsDr xmlns:xdr="http://schemas.openxmlformats.org/drawingml/2006/spreadsheetDrawing" xmlns:a="http://schemas.openxmlformats.org/drawingml/2006/main">
  <xdr:twoCellAnchor editAs="oneCell">
    <xdr:from>
      <xdr:col>8</xdr:col>
      <xdr:colOff>133350</xdr:colOff>
      <xdr:row>0</xdr:row>
      <xdr:rowOff>38100</xdr:rowOff>
    </xdr:from>
    <xdr:to>
      <xdr:col>12</xdr:col>
      <xdr:colOff>85725</xdr:colOff>
      <xdr:row>3</xdr:row>
      <xdr:rowOff>200025</xdr:rowOff>
    </xdr:to>
    <xdr:pic>
      <xdr:nvPicPr>
        <xdr:cNvPr id="2" name="Picture 1" descr="30)真鶴">
          <a:extLst>
            <a:ext uri="{FF2B5EF4-FFF2-40B4-BE49-F238E27FC236}">
              <a16:creationId xmlns:a16="http://schemas.microsoft.com/office/drawing/2014/main" id="{00000000-0008-0000-1D00-0000629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74470" y="38100"/>
          <a:ext cx="622935" cy="8020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1.xml><?xml version="1.0" encoding="utf-8"?>
<xdr:wsDr xmlns:xdr="http://schemas.openxmlformats.org/drawingml/2006/spreadsheetDrawing" xmlns:a="http://schemas.openxmlformats.org/drawingml/2006/main">
  <xdr:twoCellAnchor editAs="oneCell">
    <xdr:from>
      <xdr:col>8</xdr:col>
      <xdr:colOff>123825</xdr:colOff>
      <xdr:row>0</xdr:row>
      <xdr:rowOff>38100</xdr:rowOff>
    </xdr:from>
    <xdr:to>
      <xdr:col>12</xdr:col>
      <xdr:colOff>85725</xdr:colOff>
      <xdr:row>4</xdr:row>
      <xdr:rowOff>0</xdr:rowOff>
    </xdr:to>
    <xdr:pic>
      <xdr:nvPicPr>
        <xdr:cNvPr id="2" name="Picture 1" descr="31)湯河原">
          <a:extLst>
            <a:ext uri="{FF2B5EF4-FFF2-40B4-BE49-F238E27FC236}">
              <a16:creationId xmlns:a16="http://schemas.microsoft.com/office/drawing/2014/main" id="{00000000-0008-0000-1E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64945" y="38100"/>
          <a:ext cx="632460" cy="8115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2.xml><?xml version="1.0" encoding="utf-8"?>
<xdr:wsDr xmlns:xdr="http://schemas.openxmlformats.org/drawingml/2006/spreadsheetDrawing" xmlns:a="http://schemas.openxmlformats.org/drawingml/2006/main">
  <xdr:twoCellAnchor editAs="oneCell">
    <xdr:from>
      <xdr:col>8</xdr:col>
      <xdr:colOff>85725</xdr:colOff>
      <xdr:row>0</xdr:row>
      <xdr:rowOff>161925</xdr:rowOff>
    </xdr:from>
    <xdr:to>
      <xdr:col>12</xdr:col>
      <xdr:colOff>133350</xdr:colOff>
      <xdr:row>4</xdr:row>
      <xdr:rowOff>85725</xdr:rowOff>
    </xdr:to>
    <xdr:pic>
      <xdr:nvPicPr>
        <xdr:cNvPr id="2" name="Picture 2" descr="32)愛川（加工）">
          <a:extLst>
            <a:ext uri="{FF2B5EF4-FFF2-40B4-BE49-F238E27FC236}">
              <a16:creationId xmlns:a16="http://schemas.microsoft.com/office/drawing/2014/main" id="{00000000-0008-0000-1F00-0000589C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26845" y="161925"/>
          <a:ext cx="718185" cy="777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3.xml><?xml version="1.0" encoding="utf-8"?>
<xdr:wsDr xmlns:xdr="http://schemas.openxmlformats.org/drawingml/2006/spreadsheetDrawing" xmlns:a="http://schemas.openxmlformats.org/drawingml/2006/main">
  <xdr:oneCellAnchor>
    <xdr:from>
      <xdr:col>8</xdr:col>
      <xdr:colOff>104775</xdr:colOff>
      <xdr:row>0</xdr:row>
      <xdr:rowOff>171450</xdr:rowOff>
    </xdr:from>
    <xdr:ext cx="662668" cy="766082"/>
    <xdr:pic>
      <xdr:nvPicPr>
        <xdr:cNvPr id="2" name="Picture 2" descr="33)清川">
          <a:extLst>
            <a:ext uri="{FF2B5EF4-FFF2-40B4-BE49-F238E27FC236}">
              <a16:creationId xmlns:a16="http://schemas.microsoft.com/office/drawing/2014/main" id="{00000000-0008-0000-2000-000058A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042535" y="163830"/>
          <a:ext cx="662668" cy="7660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oneCellAnchor>
</xdr:wsDr>
</file>

<file path=xl/drawings/drawing4.xml><?xml version="1.0" encoding="utf-8"?>
<xdr:wsDr xmlns:xdr="http://schemas.openxmlformats.org/drawingml/2006/spreadsheetDrawing" xmlns:a="http://schemas.openxmlformats.org/drawingml/2006/main">
  <xdr:twoCellAnchor editAs="oneCell">
    <xdr:from>
      <xdr:col>8</xdr:col>
      <xdr:colOff>123825</xdr:colOff>
      <xdr:row>0</xdr:row>
      <xdr:rowOff>47625</xdr:rowOff>
    </xdr:from>
    <xdr:to>
      <xdr:col>12</xdr:col>
      <xdr:colOff>104775</xdr:colOff>
      <xdr:row>3</xdr:row>
      <xdr:rowOff>190500</xdr:rowOff>
    </xdr:to>
    <xdr:pic>
      <xdr:nvPicPr>
        <xdr:cNvPr id="2" name="Picture 1" descr="04)横須賀">
          <a:extLst>
            <a:ext uri="{FF2B5EF4-FFF2-40B4-BE49-F238E27FC236}">
              <a16:creationId xmlns:a16="http://schemas.microsoft.com/office/drawing/2014/main" id="{00000000-0008-0000-0300-0000623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64945" y="47625"/>
          <a:ext cx="651510" cy="7829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8</xdr:col>
      <xdr:colOff>95250</xdr:colOff>
      <xdr:row>0</xdr:row>
      <xdr:rowOff>47625</xdr:rowOff>
    </xdr:from>
    <xdr:to>
      <xdr:col>12</xdr:col>
      <xdr:colOff>133350</xdr:colOff>
      <xdr:row>3</xdr:row>
      <xdr:rowOff>180975</xdr:rowOff>
    </xdr:to>
    <xdr:pic>
      <xdr:nvPicPr>
        <xdr:cNvPr id="2" name="Picture 1" descr="05)平塚"/>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36370" y="47625"/>
          <a:ext cx="708660" cy="7734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8</xdr:col>
      <xdr:colOff>62593</xdr:colOff>
      <xdr:row>0</xdr:row>
      <xdr:rowOff>62592</xdr:rowOff>
    </xdr:from>
    <xdr:to>
      <xdr:col>12</xdr:col>
      <xdr:colOff>138793</xdr:colOff>
      <xdr:row>3</xdr:row>
      <xdr:rowOff>168546</xdr:rowOff>
    </xdr:to>
    <xdr:pic>
      <xdr:nvPicPr>
        <xdr:cNvPr id="2" name="Picture 2" descr="06)鎌倉">
          <a:extLst>
            <a:ext uri="{FF2B5EF4-FFF2-40B4-BE49-F238E27FC236}">
              <a16:creationId xmlns:a16="http://schemas.microsoft.com/office/drawing/2014/main" id="{00000000-0008-0000-0500-00005838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03713" y="62592"/>
          <a:ext cx="746760" cy="7688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8</xdr:col>
      <xdr:colOff>47625</xdr:colOff>
      <xdr:row>0</xdr:row>
      <xdr:rowOff>171450</xdr:rowOff>
    </xdr:from>
    <xdr:to>
      <xdr:col>12</xdr:col>
      <xdr:colOff>142875</xdr:colOff>
      <xdr:row>3</xdr:row>
      <xdr:rowOff>123825</xdr:rowOff>
    </xdr:to>
    <xdr:pic>
      <xdr:nvPicPr>
        <xdr:cNvPr id="2" name="図 1">
          <a:extLst>
            <a:ext uri="{FF2B5EF4-FFF2-40B4-BE49-F238E27FC236}">
              <a16:creationId xmlns:a16="http://schemas.microsoft.com/office/drawing/2014/main" id="{00000000-0008-0000-0600-0000583C02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88745" y="171450"/>
          <a:ext cx="765810" cy="5924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8</xdr:col>
      <xdr:colOff>66675</xdr:colOff>
      <xdr:row>0</xdr:row>
      <xdr:rowOff>38100</xdr:rowOff>
    </xdr:from>
    <xdr:to>
      <xdr:col>12</xdr:col>
      <xdr:colOff>142875</xdr:colOff>
      <xdr:row>3</xdr:row>
      <xdr:rowOff>200025</xdr:rowOff>
    </xdr:to>
    <xdr:pic>
      <xdr:nvPicPr>
        <xdr:cNvPr id="2" name="Picture 1" descr="08)小田原">
          <a:extLst>
            <a:ext uri="{FF2B5EF4-FFF2-40B4-BE49-F238E27FC236}">
              <a16:creationId xmlns:a16="http://schemas.microsoft.com/office/drawing/2014/main" id="{00000000-0008-0000-0700-0000624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07795" y="38100"/>
          <a:ext cx="746760" cy="8020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8</xdr:col>
      <xdr:colOff>47625</xdr:colOff>
      <xdr:row>0</xdr:row>
      <xdr:rowOff>171450</xdr:rowOff>
    </xdr:from>
    <xdr:to>
      <xdr:col>12</xdr:col>
      <xdr:colOff>161925</xdr:colOff>
      <xdr:row>3</xdr:row>
      <xdr:rowOff>76200</xdr:rowOff>
    </xdr:to>
    <xdr:pic>
      <xdr:nvPicPr>
        <xdr:cNvPr id="2" name="Picture 1" descr="09)茅ヶ崎"/>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88745" y="171450"/>
          <a:ext cx="784860" cy="5448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http://www.city.yokohama.lg.jp/" TargetMode="External"/></Relationships>
</file>

<file path=xl/worksheets/_rels/sheet10.xml.rels><?xml version="1.0" encoding="UTF-8" standalone="yes"?>
<Relationships xmlns="http://schemas.openxmlformats.org/package/2006/relationships"><Relationship Id="rId3" Type="http://schemas.openxmlformats.org/officeDocument/2006/relationships/drawing" Target="../drawings/drawing10.xml"/><Relationship Id="rId2" Type="http://schemas.openxmlformats.org/officeDocument/2006/relationships/printerSettings" Target="../printerSettings/printerSettings10.bin"/><Relationship Id="rId1" Type="http://schemas.openxmlformats.org/officeDocument/2006/relationships/hyperlink" Target="http://www.city.zushi.kanagawa.jp/" TargetMode="External"/></Relationships>
</file>

<file path=xl/worksheets/_rels/sheet11.xml.rels><?xml version="1.0" encoding="UTF-8" standalone="yes"?>
<Relationships xmlns="http://schemas.openxmlformats.org/package/2006/relationships"><Relationship Id="rId3" Type="http://schemas.openxmlformats.org/officeDocument/2006/relationships/drawing" Target="../drawings/drawing11.xml"/><Relationship Id="rId2" Type="http://schemas.openxmlformats.org/officeDocument/2006/relationships/printerSettings" Target="../printerSettings/printerSettings11.bin"/><Relationship Id="rId1" Type="http://schemas.openxmlformats.org/officeDocument/2006/relationships/hyperlink" Target="http://www.city.miura.kanagawa.jp/" TargetMode="External"/></Relationships>
</file>

<file path=xl/worksheets/_rels/sheet12.xml.rels><?xml version="1.0" encoding="UTF-8" standalone="yes"?>
<Relationships xmlns="http://schemas.openxmlformats.org/package/2006/relationships"><Relationship Id="rId3" Type="http://schemas.openxmlformats.org/officeDocument/2006/relationships/drawing" Target="../drawings/drawing12.xml"/><Relationship Id="rId2" Type="http://schemas.openxmlformats.org/officeDocument/2006/relationships/printerSettings" Target="../printerSettings/printerSettings12.bin"/><Relationship Id="rId1" Type="http://schemas.openxmlformats.org/officeDocument/2006/relationships/hyperlink" Target="http://www.city.hadano.kanagawa.jp/" TargetMode="External"/></Relationships>
</file>

<file path=xl/worksheets/_rels/sheet13.xml.rels><?xml version="1.0" encoding="UTF-8" standalone="yes"?>
<Relationships xmlns="http://schemas.openxmlformats.org/package/2006/relationships"><Relationship Id="rId3" Type="http://schemas.openxmlformats.org/officeDocument/2006/relationships/drawing" Target="../drawings/drawing13.xml"/><Relationship Id="rId2" Type="http://schemas.openxmlformats.org/officeDocument/2006/relationships/printerSettings" Target="../printerSettings/printerSettings13.bin"/><Relationship Id="rId1" Type="http://schemas.openxmlformats.org/officeDocument/2006/relationships/hyperlink" Target="http://www.city.atsugi.kanagawa.jp/" TargetMode="External"/></Relationships>
</file>

<file path=xl/worksheets/_rels/sheet14.xml.rels><?xml version="1.0" encoding="UTF-8" standalone="yes"?>
<Relationships xmlns="http://schemas.openxmlformats.org/package/2006/relationships"><Relationship Id="rId3" Type="http://schemas.openxmlformats.org/officeDocument/2006/relationships/drawing" Target="../drawings/drawing14.xml"/><Relationship Id="rId2" Type="http://schemas.openxmlformats.org/officeDocument/2006/relationships/printerSettings" Target="../printerSettings/printerSettings14.bin"/><Relationship Id="rId1" Type="http://schemas.openxmlformats.org/officeDocument/2006/relationships/hyperlink" Target="http://www.city.yamato.lg.jp/" TargetMode="External"/></Relationships>
</file>

<file path=xl/worksheets/_rels/sheet15.xml.rels><?xml version="1.0" encoding="UTF-8" standalone="yes"?>
<Relationships xmlns="http://schemas.openxmlformats.org/package/2006/relationships"><Relationship Id="rId3" Type="http://schemas.openxmlformats.org/officeDocument/2006/relationships/drawing" Target="../drawings/drawing15.xml"/><Relationship Id="rId2" Type="http://schemas.openxmlformats.org/officeDocument/2006/relationships/printerSettings" Target="../printerSettings/printerSettings15.bin"/><Relationship Id="rId1" Type="http://schemas.openxmlformats.org/officeDocument/2006/relationships/hyperlink" Target="http://www.city.isehara.kanagawa.jp/" TargetMode="External"/></Relationships>
</file>

<file path=xl/worksheets/_rels/sheet16.xml.rels><?xml version="1.0" encoding="UTF-8" standalone="yes"?>
<Relationships xmlns="http://schemas.openxmlformats.org/package/2006/relationships"><Relationship Id="rId3" Type="http://schemas.openxmlformats.org/officeDocument/2006/relationships/drawing" Target="../drawings/drawing16.xml"/><Relationship Id="rId2" Type="http://schemas.openxmlformats.org/officeDocument/2006/relationships/printerSettings" Target="../printerSettings/printerSettings16.bin"/><Relationship Id="rId1" Type="http://schemas.openxmlformats.org/officeDocument/2006/relationships/hyperlink" Target="http://www.city.ebina.kanagawa.jp/" TargetMode="External"/></Relationships>
</file>

<file path=xl/worksheets/_rels/sheet17.xml.rels><?xml version="1.0" encoding="UTF-8" standalone="yes"?>
<Relationships xmlns="http://schemas.openxmlformats.org/package/2006/relationships"><Relationship Id="rId3" Type="http://schemas.openxmlformats.org/officeDocument/2006/relationships/drawing" Target="../drawings/drawing17.xml"/><Relationship Id="rId2" Type="http://schemas.openxmlformats.org/officeDocument/2006/relationships/printerSettings" Target="../printerSettings/printerSettings17.bin"/><Relationship Id="rId1" Type="http://schemas.openxmlformats.org/officeDocument/2006/relationships/hyperlink" Target="http://www.city.zama.kanagawa.jp/" TargetMode="External"/></Relationships>
</file>

<file path=xl/worksheets/_rels/sheet18.xml.rels><?xml version="1.0" encoding="UTF-8" standalone="yes"?>
<Relationships xmlns="http://schemas.openxmlformats.org/package/2006/relationships"><Relationship Id="rId3" Type="http://schemas.openxmlformats.org/officeDocument/2006/relationships/drawing" Target="../drawings/drawing18.xml"/><Relationship Id="rId2" Type="http://schemas.openxmlformats.org/officeDocument/2006/relationships/printerSettings" Target="../printerSettings/printerSettings18.bin"/><Relationship Id="rId1" Type="http://schemas.openxmlformats.org/officeDocument/2006/relationships/hyperlink" Target="http://www.city.minamiashigara.kanagawa.jp/" TargetMode="External"/></Relationships>
</file>

<file path=xl/worksheets/_rels/sheet19.xml.rels><?xml version="1.0" encoding="UTF-8" standalone="yes"?>
<Relationships xmlns="http://schemas.openxmlformats.org/package/2006/relationships"><Relationship Id="rId3" Type="http://schemas.openxmlformats.org/officeDocument/2006/relationships/drawing" Target="../drawings/drawing19.xml"/><Relationship Id="rId2" Type="http://schemas.openxmlformats.org/officeDocument/2006/relationships/printerSettings" Target="../printerSettings/printerSettings19.bin"/><Relationship Id="rId1" Type="http://schemas.openxmlformats.org/officeDocument/2006/relationships/hyperlink" Target="http://www.city.ayase.kanagawa.jp/"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3" Type="http://schemas.openxmlformats.org/officeDocument/2006/relationships/drawing" Target="../drawings/drawing20.xml"/><Relationship Id="rId2" Type="http://schemas.openxmlformats.org/officeDocument/2006/relationships/printerSettings" Target="../printerSettings/printerSettings20.bin"/><Relationship Id="rId1" Type="http://schemas.openxmlformats.org/officeDocument/2006/relationships/hyperlink" Target="http://www.town.hayama.lg.jp/" TargetMode="External"/></Relationships>
</file>

<file path=xl/worksheets/_rels/sheet21.xml.rels><?xml version="1.0" encoding="UTF-8" standalone="yes"?>
<Relationships xmlns="http://schemas.openxmlformats.org/package/2006/relationships"><Relationship Id="rId3" Type="http://schemas.openxmlformats.org/officeDocument/2006/relationships/drawing" Target="../drawings/drawing21.xml"/><Relationship Id="rId2" Type="http://schemas.openxmlformats.org/officeDocument/2006/relationships/printerSettings" Target="../printerSettings/printerSettings21.bin"/><Relationship Id="rId1" Type="http://schemas.openxmlformats.org/officeDocument/2006/relationships/hyperlink" Target="http://www.town.samukawa.kanagawa.jp/" TargetMode="External"/></Relationships>
</file>

<file path=xl/worksheets/_rels/sheet22.xml.rels><?xml version="1.0" encoding="UTF-8" standalone="yes"?>
<Relationships xmlns="http://schemas.openxmlformats.org/package/2006/relationships"><Relationship Id="rId3" Type="http://schemas.openxmlformats.org/officeDocument/2006/relationships/drawing" Target="../drawings/drawing22.xml"/><Relationship Id="rId2" Type="http://schemas.openxmlformats.org/officeDocument/2006/relationships/printerSettings" Target="../printerSettings/printerSettings22.bin"/><Relationship Id="rId1" Type="http://schemas.openxmlformats.org/officeDocument/2006/relationships/hyperlink" Target="http://www.town.oiso.kanagawa.jp/" TargetMode="External"/></Relationships>
</file>

<file path=xl/worksheets/_rels/sheet23.xml.rels><?xml version="1.0" encoding="UTF-8" standalone="yes"?>
<Relationships xmlns="http://schemas.openxmlformats.org/package/2006/relationships"><Relationship Id="rId3" Type="http://schemas.openxmlformats.org/officeDocument/2006/relationships/drawing" Target="../drawings/drawing23.xml"/><Relationship Id="rId2" Type="http://schemas.openxmlformats.org/officeDocument/2006/relationships/printerSettings" Target="../printerSettings/printerSettings23.bin"/><Relationship Id="rId1" Type="http://schemas.openxmlformats.org/officeDocument/2006/relationships/hyperlink" Target="http://www.town.ninomiya.kanagawa.jp/" TargetMode="External"/></Relationships>
</file>

<file path=xl/worksheets/_rels/sheet24.xml.rels><?xml version="1.0" encoding="UTF-8" standalone="yes"?>
<Relationships xmlns="http://schemas.openxmlformats.org/package/2006/relationships"><Relationship Id="rId3" Type="http://schemas.openxmlformats.org/officeDocument/2006/relationships/drawing" Target="../drawings/drawing24.xml"/><Relationship Id="rId2" Type="http://schemas.openxmlformats.org/officeDocument/2006/relationships/printerSettings" Target="../printerSettings/printerSettings24.bin"/><Relationship Id="rId1" Type="http://schemas.openxmlformats.org/officeDocument/2006/relationships/hyperlink" Target="http://www.town.nakai.kanagawa.jp/" TargetMode="External"/></Relationships>
</file>

<file path=xl/worksheets/_rels/sheet25.xml.rels><?xml version="1.0" encoding="UTF-8" standalone="yes"?>
<Relationships xmlns="http://schemas.openxmlformats.org/package/2006/relationships"><Relationship Id="rId3" Type="http://schemas.openxmlformats.org/officeDocument/2006/relationships/drawing" Target="../drawings/drawing25.xml"/><Relationship Id="rId2" Type="http://schemas.openxmlformats.org/officeDocument/2006/relationships/printerSettings" Target="../printerSettings/printerSettings25.bin"/><Relationship Id="rId1" Type="http://schemas.openxmlformats.org/officeDocument/2006/relationships/hyperlink" Target="http://www.town.oi.kanagawa.jp/" TargetMode="External"/></Relationships>
</file>

<file path=xl/worksheets/_rels/sheet26.xml.rels><?xml version="1.0" encoding="UTF-8" standalone="yes"?>
<Relationships xmlns="http://schemas.openxmlformats.org/package/2006/relationships"><Relationship Id="rId3" Type="http://schemas.openxmlformats.org/officeDocument/2006/relationships/drawing" Target="../drawings/drawing26.xml"/><Relationship Id="rId2" Type="http://schemas.openxmlformats.org/officeDocument/2006/relationships/printerSettings" Target="../printerSettings/printerSettings26.bin"/><Relationship Id="rId1" Type="http://schemas.openxmlformats.org/officeDocument/2006/relationships/hyperlink" Target="http://town.matsuda.kanagawa.jp/" TargetMode="External"/></Relationships>
</file>

<file path=xl/worksheets/_rels/sheet27.xml.rels><?xml version="1.0" encoding="UTF-8" standalone="yes"?>
<Relationships xmlns="http://schemas.openxmlformats.org/package/2006/relationships"><Relationship Id="rId3" Type="http://schemas.openxmlformats.org/officeDocument/2006/relationships/drawing" Target="../drawings/drawing27.xml"/><Relationship Id="rId2" Type="http://schemas.openxmlformats.org/officeDocument/2006/relationships/printerSettings" Target="../printerSettings/printerSettings27.bin"/><Relationship Id="rId1" Type="http://schemas.openxmlformats.org/officeDocument/2006/relationships/hyperlink" Target="http://www.town.yamakita.kanagawa.jp/" TargetMode="External"/></Relationships>
</file>

<file path=xl/worksheets/_rels/sheet28.xml.rels><?xml version="1.0" encoding="UTF-8" standalone="yes"?>
<Relationships xmlns="http://schemas.openxmlformats.org/package/2006/relationships"><Relationship Id="rId3" Type="http://schemas.openxmlformats.org/officeDocument/2006/relationships/drawing" Target="../drawings/drawing28.xml"/><Relationship Id="rId2" Type="http://schemas.openxmlformats.org/officeDocument/2006/relationships/printerSettings" Target="../printerSettings/printerSettings28.bin"/><Relationship Id="rId1" Type="http://schemas.openxmlformats.org/officeDocument/2006/relationships/hyperlink" Target="http://www.town.kaisei.kanagawa.jp/" TargetMode="External"/></Relationships>
</file>

<file path=xl/worksheets/_rels/sheet29.xml.rels><?xml version="1.0" encoding="UTF-8" standalone="yes"?>
<Relationships xmlns="http://schemas.openxmlformats.org/package/2006/relationships"><Relationship Id="rId3" Type="http://schemas.openxmlformats.org/officeDocument/2006/relationships/drawing" Target="../drawings/drawing29.xml"/><Relationship Id="rId2" Type="http://schemas.openxmlformats.org/officeDocument/2006/relationships/printerSettings" Target="../printerSettings/printerSettings29.bin"/><Relationship Id="rId1" Type="http://schemas.openxmlformats.org/officeDocument/2006/relationships/hyperlink" Target="http://www.town.hakone.kanagawa.jp/" TargetMode="External"/></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printerSettings" Target="../printerSettings/printerSettings3.bin"/><Relationship Id="rId1" Type="http://schemas.openxmlformats.org/officeDocument/2006/relationships/hyperlink" Target="http://www.city.sagamihara.kanagawa.jp/" TargetMode="External"/></Relationships>
</file>

<file path=xl/worksheets/_rels/sheet30.xml.rels><?xml version="1.0" encoding="UTF-8" standalone="yes"?>
<Relationships xmlns="http://schemas.openxmlformats.org/package/2006/relationships"><Relationship Id="rId3" Type="http://schemas.openxmlformats.org/officeDocument/2006/relationships/drawing" Target="../drawings/drawing30.xml"/><Relationship Id="rId2" Type="http://schemas.openxmlformats.org/officeDocument/2006/relationships/printerSettings" Target="../printerSettings/printerSettings30.bin"/><Relationship Id="rId1" Type="http://schemas.openxmlformats.org/officeDocument/2006/relationships/hyperlink" Target="http://www.town-manazuru.jp/" TargetMode="External"/></Relationships>
</file>

<file path=xl/worksheets/_rels/sheet31.xml.rels><?xml version="1.0" encoding="UTF-8" standalone="yes"?>
<Relationships xmlns="http://schemas.openxmlformats.org/package/2006/relationships"><Relationship Id="rId3" Type="http://schemas.openxmlformats.org/officeDocument/2006/relationships/drawing" Target="../drawings/drawing31.xml"/><Relationship Id="rId2" Type="http://schemas.openxmlformats.org/officeDocument/2006/relationships/printerSettings" Target="../printerSettings/printerSettings31.bin"/><Relationship Id="rId1" Type="http://schemas.openxmlformats.org/officeDocument/2006/relationships/hyperlink" Target="http://www.town.yugawara.kanagawa.jp/" TargetMode="External"/></Relationships>
</file>

<file path=xl/worksheets/_rels/sheet32.xml.rels><?xml version="1.0" encoding="UTF-8" standalone="yes"?>
<Relationships xmlns="http://schemas.openxmlformats.org/package/2006/relationships"><Relationship Id="rId3" Type="http://schemas.openxmlformats.org/officeDocument/2006/relationships/drawing" Target="../drawings/drawing32.xml"/><Relationship Id="rId2" Type="http://schemas.openxmlformats.org/officeDocument/2006/relationships/printerSettings" Target="../printerSettings/printerSettings32.bin"/><Relationship Id="rId1" Type="http://schemas.openxmlformats.org/officeDocument/2006/relationships/hyperlink" Target="http://www.town.aikawa.kanagawa.jp/" TargetMode="External"/></Relationships>
</file>

<file path=xl/worksheets/_rels/sheet33.xml.rels><?xml version="1.0" encoding="UTF-8" standalone="yes"?>
<Relationships xmlns="http://schemas.openxmlformats.org/package/2006/relationships"><Relationship Id="rId3" Type="http://schemas.openxmlformats.org/officeDocument/2006/relationships/drawing" Target="../drawings/drawing33.xml"/><Relationship Id="rId2" Type="http://schemas.openxmlformats.org/officeDocument/2006/relationships/printerSettings" Target="../printerSettings/printerSettings33.bin"/><Relationship Id="rId1" Type="http://schemas.openxmlformats.org/officeDocument/2006/relationships/hyperlink" Target="http://www.town.kiyokawa.kanagawa.jp/" TargetMode="External"/></Relationships>
</file>

<file path=xl/worksheets/_rels/sheet4.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4.bin"/><Relationship Id="rId1" Type="http://schemas.openxmlformats.org/officeDocument/2006/relationships/hyperlink" Target="http://www.city.yokosuka.kanagawa.jp/" TargetMode="External"/></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5.bin"/><Relationship Id="rId1" Type="http://schemas.openxmlformats.org/officeDocument/2006/relationships/hyperlink" Target="http://www.city.hiratsuka.kanagawa.jp/" TargetMode="External"/></Relationships>
</file>

<file path=xl/worksheets/_rels/sheet6.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6.bin"/><Relationship Id="rId1" Type="http://schemas.openxmlformats.org/officeDocument/2006/relationships/hyperlink" Target="http://www.city.kamakura.kanagawa.jp/" TargetMode="External"/></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7.bin"/><Relationship Id="rId1" Type="http://schemas.openxmlformats.org/officeDocument/2006/relationships/hyperlink" Target="http://www.city.fujisawa.kanagawa.jp/" TargetMode="External"/></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8.bin"/><Relationship Id="rId1" Type="http://schemas.openxmlformats.org/officeDocument/2006/relationships/hyperlink" Target="http://www.city.odawara.kanagawa.jp/" TargetMode="External"/></Relationships>
</file>

<file path=xl/worksheets/_rels/sheet9.xml.rels><?xml version="1.0" encoding="UTF-8" standalone="yes"?>
<Relationships xmlns="http://schemas.openxmlformats.org/package/2006/relationships"><Relationship Id="rId3" Type="http://schemas.openxmlformats.org/officeDocument/2006/relationships/printerSettings" Target="../printerSettings/printerSettings9.bin"/><Relationship Id="rId2" Type="http://schemas.openxmlformats.org/officeDocument/2006/relationships/hyperlink" Target="http://www.city.chigasaki.kanagawa.jp/" TargetMode="External"/><Relationship Id="rId1" Type="http://schemas.openxmlformats.org/officeDocument/2006/relationships/hyperlink" Target="http://www.city.chigasaki.kanagawa.jp/" TargetMode="External"/><Relationship Id="rId4"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27"/>
  <sheetViews>
    <sheetView showZeros="0" tabSelected="1" view="pageBreakPreview" zoomScale="70" zoomScaleNormal="376" zoomScaleSheetLayoutView="70" workbookViewId="0">
      <selection activeCell="F16" sqref="F16:M16"/>
    </sheetView>
  </sheetViews>
  <sheetFormatPr defaultColWidth="9" defaultRowHeight="12" x14ac:dyDescent="0.15"/>
  <cols>
    <col min="1" max="38" width="2.5" style="1" customWidth="1"/>
    <col min="39" max="39" width="3.375" style="1" customWidth="1"/>
    <col min="40" max="91" width="2.25" style="1" customWidth="1"/>
    <col min="92" max="94" width="2.5" style="1" customWidth="1"/>
    <col min="95" max="97" width="9" style="1"/>
    <col min="98" max="98" width="9" style="1" customWidth="1"/>
    <col min="99" max="16384" width="9" style="1"/>
  </cols>
  <sheetData>
    <row r="1" spans="1:100" ht="17.25" customHeight="1" x14ac:dyDescent="0.15">
      <c r="A1" s="449" t="s" ph="1">
        <v>234</v>
      </c>
      <c r="B1" s="449" ph="1"/>
      <c r="C1" s="449" ph="1"/>
      <c r="D1" s="449" ph="1"/>
      <c r="E1" s="449" ph="1"/>
      <c r="F1" s="449" ph="1"/>
      <c r="G1" s="449" ph="1"/>
      <c r="H1" s="449" ph="1"/>
      <c r="I1" s="450"/>
      <c r="J1" s="243"/>
      <c r="K1" s="243"/>
      <c r="L1" s="243"/>
      <c r="M1" s="244"/>
      <c r="N1" s="454" t="s">
        <v>216</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15"/>
      <c r="AN1" s="457" t="s">
        <v>235</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1" ph="1"/>
    </row>
    <row r="2" spans="1:100" ht="17.25" customHeight="1" x14ac:dyDescent="0.15">
      <c r="A2" s="449" ph="1"/>
      <c r="B2" s="449" ph="1"/>
      <c r="C2" s="449" ph="1"/>
      <c r="D2" s="449" ph="1"/>
      <c r="E2" s="449" ph="1"/>
      <c r="F2" s="449" ph="1"/>
      <c r="G2" s="449" ph="1"/>
      <c r="H2" s="449" ph="1"/>
      <c r="I2" s="451"/>
      <c r="J2" s="452"/>
      <c r="K2" s="452"/>
      <c r="L2" s="452"/>
      <c r="M2" s="453"/>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15"/>
      <c r="AN2" s="302" t="s">
        <v>1246</v>
      </c>
      <c r="AO2" s="303"/>
      <c r="AP2" s="303"/>
      <c r="AQ2" s="303"/>
      <c r="AR2" s="303"/>
      <c r="AS2" s="303"/>
      <c r="AT2" s="303"/>
      <c r="AU2" s="303"/>
      <c r="AV2" s="303"/>
      <c r="AW2" s="303"/>
      <c r="AX2" s="303"/>
      <c r="AY2" s="303"/>
      <c r="AZ2" s="303"/>
      <c r="BA2" s="303"/>
      <c r="BB2" s="303"/>
      <c r="BC2" s="303"/>
      <c r="BD2" s="303"/>
      <c r="BE2" s="303"/>
      <c r="BF2" s="303"/>
      <c r="BG2" s="303"/>
      <c r="BH2" s="303"/>
      <c r="BI2" s="303"/>
      <c r="BJ2" s="303"/>
      <c r="BK2" s="303"/>
      <c r="BL2" s="303"/>
      <c r="BM2" s="303"/>
      <c r="BN2" s="303"/>
      <c r="BO2" s="303"/>
      <c r="BP2" s="303"/>
      <c r="BQ2" s="303"/>
      <c r="BR2" s="303"/>
      <c r="BS2" s="303"/>
      <c r="BT2" s="303"/>
      <c r="BU2" s="303"/>
      <c r="BV2" s="303"/>
      <c r="BW2" s="303"/>
      <c r="BX2" s="303"/>
      <c r="BY2" s="303"/>
      <c r="BZ2" s="303"/>
      <c r="CA2" s="303"/>
      <c r="CB2" s="303"/>
      <c r="CC2" s="303"/>
      <c r="CD2" s="303"/>
      <c r="CE2" s="303"/>
      <c r="CF2" s="303"/>
      <c r="CG2" s="303"/>
      <c r="CH2" s="303"/>
      <c r="CI2" s="303"/>
      <c r="CJ2" s="303"/>
      <c r="CK2" s="303"/>
      <c r="CL2" s="303"/>
      <c r="CM2" s="304"/>
      <c r="CQ2" s="1" ph="1"/>
    </row>
    <row r="3" spans="1:100" ht="17.25" customHeight="1" x14ac:dyDescent="0.15">
      <c r="A3" s="449" ph="1"/>
      <c r="B3" s="449" ph="1"/>
      <c r="C3" s="449" ph="1"/>
      <c r="D3" s="449" ph="1"/>
      <c r="E3" s="449" ph="1"/>
      <c r="F3" s="449" ph="1"/>
      <c r="G3" s="449" ph="1"/>
      <c r="H3" s="449" ph="1"/>
      <c r="I3" s="451"/>
      <c r="J3" s="452"/>
      <c r="K3" s="452"/>
      <c r="L3" s="452"/>
      <c r="M3" s="453"/>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15"/>
      <c r="AN3" s="305"/>
      <c r="AO3" s="306"/>
      <c r="AP3" s="306"/>
      <c r="AQ3" s="306"/>
      <c r="AR3" s="306"/>
      <c r="AS3" s="306"/>
      <c r="AT3" s="306"/>
      <c r="AU3" s="306"/>
      <c r="AV3" s="306"/>
      <c r="AW3" s="306"/>
      <c r="AX3" s="306"/>
      <c r="AY3" s="306"/>
      <c r="AZ3" s="306"/>
      <c r="BA3" s="306"/>
      <c r="BB3" s="306"/>
      <c r="BC3" s="306"/>
      <c r="BD3" s="306"/>
      <c r="BE3" s="306"/>
      <c r="BF3" s="306"/>
      <c r="BG3" s="306"/>
      <c r="BH3" s="306"/>
      <c r="BI3" s="306"/>
      <c r="BJ3" s="306"/>
      <c r="BK3" s="306"/>
      <c r="BL3" s="306"/>
      <c r="BM3" s="306"/>
      <c r="BN3" s="306"/>
      <c r="BO3" s="306"/>
      <c r="BP3" s="306"/>
      <c r="BQ3" s="306"/>
      <c r="BR3" s="306"/>
      <c r="BS3" s="306"/>
      <c r="BT3" s="306"/>
      <c r="BU3" s="306"/>
      <c r="BV3" s="306"/>
      <c r="BW3" s="306"/>
      <c r="BX3" s="306"/>
      <c r="BY3" s="306"/>
      <c r="BZ3" s="306"/>
      <c r="CA3" s="306"/>
      <c r="CB3" s="306"/>
      <c r="CC3" s="306"/>
      <c r="CD3" s="306"/>
      <c r="CE3" s="306"/>
      <c r="CF3" s="306"/>
      <c r="CG3" s="306"/>
      <c r="CH3" s="306"/>
      <c r="CI3" s="306"/>
      <c r="CJ3" s="306"/>
      <c r="CK3" s="306"/>
      <c r="CL3" s="306"/>
      <c r="CM3" s="307"/>
      <c r="CQ3" s="1" ph="1"/>
    </row>
    <row r="4" spans="1:100" ht="17.25" customHeight="1" x14ac:dyDescent="0.15">
      <c r="A4" s="430" t="s">
        <v>236</v>
      </c>
      <c r="B4" s="430"/>
      <c r="C4" s="430"/>
      <c r="D4" s="430"/>
      <c r="E4" s="458">
        <v>141003</v>
      </c>
      <c r="F4" s="458"/>
      <c r="G4" s="458"/>
      <c r="H4" s="458"/>
      <c r="I4" s="245"/>
      <c r="J4" s="246"/>
      <c r="K4" s="246"/>
      <c r="L4" s="246"/>
      <c r="M4" s="247"/>
      <c r="N4" s="459" t="s">
        <v>217</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15"/>
      <c r="AN4" s="305"/>
      <c r="AO4" s="306"/>
      <c r="AP4" s="306"/>
      <c r="AQ4" s="306"/>
      <c r="AR4" s="306"/>
      <c r="AS4" s="306"/>
      <c r="AT4" s="306"/>
      <c r="AU4" s="306"/>
      <c r="AV4" s="306"/>
      <c r="AW4" s="306"/>
      <c r="AX4" s="306"/>
      <c r="AY4" s="306"/>
      <c r="AZ4" s="306"/>
      <c r="BA4" s="306"/>
      <c r="BB4" s="306"/>
      <c r="BC4" s="306"/>
      <c r="BD4" s="306"/>
      <c r="BE4" s="306"/>
      <c r="BF4" s="306"/>
      <c r="BG4" s="306"/>
      <c r="BH4" s="306"/>
      <c r="BI4" s="306"/>
      <c r="BJ4" s="306"/>
      <c r="BK4" s="306"/>
      <c r="BL4" s="306"/>
      <c r="BM4" s="306"/>
      <c r="BN4" s="306"/>
      <c r="BO4" s="306"/>
      <c r="BP4" s="306"/>
      <c r="BQ4" s="306"/>
      <c r="BR4" s="306"/>
      <c r="BS4" s="306"/>
      <c r="BT4" s="306"/>
      <c r="BU4" s="306"/>
      <c r="BV4" s="306"/>
      <c r="BW4" s="306"/>
      <c r="BX4" s="306"/>
      <c r="BY4" s="306"/>
      <c r="BZ4" s="306"/>
      <c r="CA4" s="306"/>
      <c r="CB4" s="306"/>
      <c r="CC4" s="306"/>
      <c r="CD4" s="306"/>
      <c r="CE4" s="306"/>
      <c r="CF4" s="306"/>
      <c r="CG4" s="306"/>
      <c r="CH4" s="306"/>
      <c r="CI4" s="306"/>
      <c r="CJ4" s="306"/>
      <c r="CK4" s="306"/>
      <c r="CL4" s="306"/>
      <c r="CM4" s="307"/>
    </row>
    <row r="5" spans="1:100" ht="17.25" customHeight="1" x14ac:dyDescent="0.15">
      <c r="A5" s="428" t="s">
        <v>237</v>
      </c>
      <c r="B5" s="428"/>
      <c r="C5" s="428"/>
      <c r="D5" s="428"/>
      <c r="E5" s="428"/>
      <c r="F5" s="428"/>
      <c r="G5" s="428"/>
      <c r="H5" s="428"/>
      <c r="I5" s="460" t="s">
        <v>1143</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15"/>
      <c r="AN5" s="305"/>
      <c r="AO5" s="306"/>
      <c r="AP5" s="306"/>
      <c r="AQ5" s="306"/>
      <c r="AR5" s="306"/>
      <c r="AS5" s="306"/>
      <c r="AT5" s="306"/>
      <c r="AU5" s="306"/>
      <c r="AV5" s="306"/>
      <c r="AW5" s="306"/>
      <c r="AX5" s="306"/>
      <c r="AY5" s="306"/>
      <c r="AZ5" s="306"/>
      <c r="BA5" s="306"/>
      <c r="BB5" s="306"/>
      <c r="BC5" s="306"/>
      <c r="BD5" s="306"/>
      <c r="BE5" s="306"/>
      <c r="BF5" s="306"/>
      <c r="BG5" s="306"/>
      <c r="BH5" s="306"/>
      <c r="BI5" s="306"/>
      <c r="BJ5" s="306"/>
      <c r="BK5" s="306"/>
      <c r="BL5" s="306"/>
      <c r="BM5" s="306"/>
      <c r="BN5" s="306"/>
      <c r="BO5" s="306"/>
      <c r="BP5" s="306"/>
      <c r="BQ5" s="306"/>
      <c r="BR5" s="306"/>
      <c r="BS5" s="306"/>
      <c r="BT5" s="306"/>
      <c r="BU5" s="306"/>
      <c r="BV5" s="306"/>
      <c r="BW5" s="306"/>
      <c r="BX5" s="306"/>
      <c r="BY5" s="306"/>
      <c r="BZ5" s="306"/>
      <c r="CA5" s="306"/>
      <c r="CB5" s="306"/>
      <c r="CC5" s="306"/>
      <c r="CD5" s="306"/>
      <c r="CE5" s="306"/>
      <c r="CF5" s="306"/>
      <c r="CG5" s="306"/>
      <c r="CH5" s="306"/>
      <c r="CI5" s="306"/>
      <c r="CJ5" s="306"/>
      <c r="CK5" s="306"/>
      <c r="CL5" s="306"/>
      <c r="CM5" s="307"/>
    </row>
    <row r="6" spans="1:100" ht="17.25" customHeight="1" x14ac:dyDescent="0.15">
      <c r="A6" s="428"/>
      <c r="B6" s="428"/>
      <c r="C6" s="428"/>
      <c r="D6" s="428"/>
      <c r="E6" s="428"/>
      <c r="F6" s="428"/>
      <c r="G6" s="428"/>
      <c r="H6" s="428"/>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15"/>
      <c r="AN6" s="308"/>
      <c r="AO6" s="309"/>
      <c r="AP6" s="309"/>
      <c r="AQ6" s="309"/>
      <c r="AR6" s="309"/>
      <c r="AS6" s="309"/>
      <c r="AT6" s="309"/>
      <c r="AU6" s="309"/>
      <c r="AV6" s="309"/>
      <c r="AW6" s="309"/>
      <c r="AX6" s="309"/>
      <c r="AY6" s="309"/>
      <c r="AZ6" s="309"/>
      <c r="BA6" s="309"/>
      <c r="BB6" s="309"/>
      <c r="BC6" s="309"/>
      <c r="BD6" s="309"/>
      <c r="BE6" s="309"/>
      <c r="BF6" s="309"/>
      <c r="BG6" s="309"/>
      <c r="BH6" s="309"/>
      <c r="BI6" s="309"/>
      <c r="BJ6" s="309"/>
      <c r="BK6" s="309"/>
      <c r="BL6" s="309"/>
      <c r="BM6" s="309"/>
      <c r="BN6" s="309"/>
      <c r="BO6" s="309"/>
      <c r="BP6" s="309"/>
      <c r="BQ6" s="309"/>
      <c r="BR6" s="309"/>
      <c r="BS6" s="309"/>
      <c r="BT6" s="309"/>
      <c r="BU6" s="309"/>
      <c r="BV6" s="309"/>
      <c r="BW6" s="309"/>
      <c r="BX6" s="309"/>
      <c r="BY6" s="309"/>
      <c r="BZ6" s="309"/>
      <c r="CA6" s="309"/>
      <c r="CB6" s="309"/>
      <c r="CC6" s="309"/>
      <c r="CD6" s="309"/>
      <c r="CE6" s="309"/>
      <c r="CF6" s="309"/>
      <c r="CG6" s="309"/>
      <c r="CH6" s="309"/>
      <c r="CI6" s="309"/>
      <c r="CJ6" s="309"/>
      <c r="CK6" s="309"/>
      <c r="CL6" s="309"/>
      <c r="CM6" s="310"/>
    </row>
    <row r="7" spans="1:100" ht="17.25" customHeight="1" x14ac:dyDescent="0.15">
      <c r="A7" s="405" t="s">
        <v>238</v>
      </c>
      <c r="B7" s="406"/>
      <c r="C7" s="406"/>
      <c r="D7" s="407"/>
      <c r="E7" s="65" t="s">
        <v>0</v>
      </c>
      <c r="F7" s="132" t="s">
        <v>785</v>
      </c>
      <c r="G7" s="132"/>
      <c r="H7" s="132"/>
      <c r="I7" s="132"/>
      <c r="J7" s="132"/>
      <c r="K7" s="132"/>
      <c r="L7" s="132"/>
      <c r="M7" s="132"/>
      <c r="N7" s="132"/>
      <c r="O7" s="132"/>
      <c r="P7" s="132"/>
      <c r="Q7" s="132"/>
      <c r="R7" s="132"/>
      <c r="S7" s="132"/>
      <c r="T7" s="132"/>
      <c r="U7" s="132"/>
      <c r="V7" s="132"/>
      <c r="W7" s="132"/>
      <c r="X7" s="132"/>
      <c r="Y7" s="133"/>
      <c r="Z7" s="332" t="s">
        <v>239</v>
      </c>
      <c r="AA7" s="332"/>
      <c r="AB7" s="332"/>
      <c r="AC7" s="431" t="s">
        <v>218</v>
      </c>
      <c r="AD7" s="431"/>
      <c r="AE7" s="431"/>
      <c r="AF7" s="431"/>
      <c r="AG7" s="431"/>
      <c r="AH7" s="431"/>
      <c r="AI7" s="431"/>
      <c r="AJ7" s="431"/>
      <c r="AK7" s="431"/>
      <c r="AL7" s="431"/>
      <c r="AM7" s="15"/>
      <c r="AN7" s="315" t="s">
        <v>245</v>
      </c>
      <c r="AO7" s="315"/>
      <c r="AP7" s="315"/>
      <c r="AQ7" s="315"/>
      <c r="AR7" s="315"/>
      <c r="AS7" s="315"/>
      <c r="AT7" s="315"/>
      <c r="AU7" s="315"/>
      <c r="AV7" s="315"/>
      <c r="AW7" s="315"/>
      <c r="AX7" s="315"/>
      <c r="AY7" s="315"/>
      <c r="AZ7" s="315"/>
      <c r="BA7" s="315"/>
      <c r="BB7" s="315"/>
      <c r="BC7" s="315"/>
      <c r="BD7" s="315"/>
      <c r="BE7" s="315"/>
      <c r="BF7" s="315"/>
      <c r="BG7" s="315"/>
      <c r="BH7" s="315"/>
      <c r="BI7" s="315"/>
      <c r="BJ7" s="315"/>
      <c r="BK7" s="315"/>
      <c r="BL7" s="315"/>
      <c r="BM7" s="315"/>
      <c r="BN7" s="315"/>
      <c r="BO7" s="315"/>
      <c r="BP7" s="315"/>
      <c r="BQ7" s="315"/>
      <c r="BR7" s="315"/>
      <c r="BS7" s="315"/>
      <c r="BT7" s="315"/>
      <c r="BU7" s="315"/>
      <c r="BV7" s="315"/>
      <c r="BW7" s="315"/>
      <c r="BX7" s="315"/>
      <c r="BY7" s="315"/>
      <c r="BZ7" s="315"/>
      <c r="CA7" s="315"/>
      <c r="CB7" s="315"/>
      <c r="CC7" s="315"/>
      <c r="CD7" s="315"/>
      <c r="CE7" s="315"/>
      <c r="CF7" s="315"/>
      <c r="CG7" s="315"/>
      <c r="CH7" s="315"/>
      <c r="CI7" s="315"/>
      <c r="CJ7" s="315"/>
      <c r="CK7" s="315"/>
      <c r="CL7" s="315"/>
      <c r="CM7" s="315"/>
    </row>
    <row r="8" spans="1:100" ht="17.25" customHeight="1" x14ac:dyDescent="0.15">
      <c r="A8" s="405"/>
      <c r="B8" s="406"/>
      <c r="C8" s="406"/>
      <c r="D8" s="407"/>
      <c r="E8" s="433" t="s">
        <v>707</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28"/>
      <c r="AN8" s="292" t="s">
        <v>219</v>
      </c>
      <c r="AO8" s="293"/>
      <c r="AP8" s="293"/>
      <c r="AQ8" s="293"/>
      <c r="AR8" s="293"/>
      <c r="AS8" s="294"/>
      <c r="AT8" s="439" t="s">
        <v>1351</v>
      </c>
      <c r="AU8" s="440"/>
      <c r="AV8" s="440"/>
      <c r="AW8" s="440"/>
      <c r="AX8" s="440"/>
      <c r="AY8" s="440"/>
      <c r="AZ8" s="440"/>
      <c r="BA8" s="440"/>
      <c r="BB8" s="440"/>
      <c r="BC8" s="440"/>
      <c r="BD8" s="440"/>
      <c r="BE8" s="440"/>
      <c r="BF8" s="440"/>
      <c r="BG8" s="440"/>
      <c r="BH8" s="440"/>
      <c r="BI8" s="440"/>
      <c r="BJ8" s="440"/>
      <c r="BK8" s="440"/>
      <c r="BL8" s="440"/>
      <c r="BM8" s="440"/>
      <c r="BN8" s="440"/>
      <c r="BO8" s="440"/>
      <c r="BP8" s="440"/>
      <c r="BQ8" s="440"/>
      <c r="BR8" s="440"/>
      <c r="BS8" s="440"/>
      <c r="BT8" s="440"/>
      <c r="BU8" s="440"/>
      <c r="BV8" s="440"/>
      <c r="BW8" s="440"/>
      <c r="BX8" s="440"/>
      <c r="BY8" s="440"/>
      <c r="BZ8" s="440"/>
      <c r="CA8" s="440"/>
      <c r="CB8" s="440"/>
      <c r="CC8" s="440"/>
      <c r="CD8" s="440"/>
      <c r="CE8" s="440"/>
      <c r="CF8" s="440"/>
      <c r="CG8" s="440"/>
      <c r="CH8" s="440"/>
      <c r="CI8" s="440"/>
      <c r="CJ8" s="440"/>
      <c r="CK8" s="440"/>
      <c r="CL8" s="440"/>
      <c r="CM8" s="441"/>
    </row>
    <row r="9" spans="1:100" ht="17.25" customHeight="1" x14ac:dyDescent="0.15">
      <c r="A9" s="405" t="s">
        <v>240</v>
      </c>
      <c r="B9" s="406"/>
      <c r="C9" s="406"/>
      <c r="D9" s="407"/>
      <c r="E9" s="445" t="s">
        <v>776</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28"/>
      <c r="AN9" s="436"/>
      <c r="AO9" s="437"/>
      <c r="AP9" s="437"/>
      <c r="AQ9" s="437"/>
      <c r="AR9" s="437"/>
      <c r="AS9" s="438"/>
      <c r="AT9" s="442"/>
      <c r="AU9" s="443"/>
      <c r="AV9" s="443"/>
      <c r="AW9" s="443"/>
      <c r="AX9" s="443"/>
      <c r="AY9" s="443"/>
      <c r="AZ9" s="443"/>
      <c r="BA9" s="443"/>
      <c r="BB9" s="443"/>
      <c r="BC9" s="443"/>
      <c r="BD9" s="443"/>
      <c r="BE9" s="443"/>
      <c r="BF9" s="443"/>
      <c r="BG9" s="443"/>
      <c r="BH9" s="443"/>
      <c r="BI9" s="443"/>
      <c r="BJ9" s="443"/>
      <c r="BK9" s="443"/>
      <c r="BL9" s="443"/>
      <c r="BM9" s="443"/>
      <c r="BN9" s="443"/>
      <c r="BO9" s="443"/>
      <c r="BP9" s="443"/>
      <c r="BQ9" s="443"/>
      <c r="BR9" s="443"/>
      <c r="BS9" s="443"/>
      <c r="BT9" s="443"/>
      <c r="BU9" s="443"/>
      <c r="BV9" s="443"/>
      <c r="BW9" s="443"/>
      <c r="BX9" s="443"/>
      <c r="BY9" s="443"/>
      <c r="BZ9" s="443"/>
      <c r="CA9" s="443"/>
      <c r="CB9" s="443"/>
      <c r="CC9" s="443"/>
      <c r="CD9" s="443"/>
      <c r="CE9" s="443"/>
      <c r="CF9" s="443"/>
      <c r="CG9" s="443"/>
      <c r="CH9" s="443"/>
      <c r="CI9" s="443"/>
      <c r="CJ9" s="443"/>
      <c r="CK9" s="443"/>
      <c r="CL9" s="443"/>
      <c r="CM9" s="444"/>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28"/>
      <c r="AN10" s="292" t="s">
        <v>220</v>
      </c>
      <c r="AO10" s="293"/>
      <c r="AP10" s="293"/>
      <c r="AQ10" s="293"/>
      <c r="AR10" s="293"/>
      <c r="AS10" s="294"/>
      <c r="AT10" s="392" t="s">
        <v>1247</v>
      </c>
      <c r="AU10" s="393"/>
      <c r="AV10" s="393"/>
      <c r="AW10" s="393"/>
      <c r="AX10" s="393"/>
      <c r="AY10" s="393"/>
      <c r="AZ10" s="393"/>
      <c r="BA10" s="393"/>
      <c r="BB10" s="393"/>
      <c r="BC10" s="393"/>
      <c r="BD10" s="393"/>
      <c r="BE10" s="393"/>
      <c r="BF10" s="393"/>
      <c r="BG10" s="393"/>
      <c r="BH10" s="393"/>
      <c r="BI10" s="393"/>
      <c r="BJ10" s="393"/>
      <c r="BK10" s="393"/>
      <c r="BL10" s="393"/>
      <c r="BM10" s="393"/>
      <c r="BN10" s="393"/>
      <c r="BO10" s="393"/>
      <c r="BP10" s="393"/>
      <c r="BQ10" s="393"/>
      <c r="BR10" s="393"/>
      <c r="BS10" s="393"/>
      <c r="BT10" s="393"/>
      <c r="BU10" s="393"/>
      <c r="BV10" s="393"/>
      <c r="BW10" s="393"/>
      <c r="BX10" s="393"/>
      <c r="BY10" s="393"/>
      <c r="BZ10" s="393"/>
      <c r="CA10" s="393"/>
      <c r="CB10" s="393"/>
      <c r="CC10" s="393"/>
      <c r="CD10" s="393"/>
      <c r="CE10" s="393"/>
      <c r="CF10" s="393"/>
      <c r="CG10" s="393"/>
      <c r="CH10" s="393"/>
      <c r="CI10" s="393"/>
      <c r="CJ10" s="393"/>
      <c r="CK10" s="393"/>
      <c r="CL10" s="393"/>
      <c r="CM10" s="394"/>
    </row>
    <row r="11" spans="1:100" ht="17.25" customHeight="1" x14ac:dyDescent="0.15">
      <c r="A11" s="405" t="s">
        <v>37</v>
      </c>
      <c r="B11" s="406"/>
      <c r="C11" s="406"/>
      <c r="D11" s="407"/>
      <c r="E11" s="408" t="s">
        <v>786</v>
      </c>
      <c r="F11" s="409"/>
      <c r="G11" s="409"/>
      <c r="H11" s="409"/>
      <c r="I11" s="409"/>
      <c r="J11" s="409"/>
      <c r="K11" s="409"/>
      <c r="L11" s="409"/>
      <c r="M11" s="409"/>
      <c r="N11" s="409"/>
      <c r="O11" s="409"/>
      <c r="P11" s="409"/>
      <c r="Q11" s="409"/>
      <c r="R11" s="409"/>
      <c r="S11" s="409"/>
      <c r="T11" s="409"/>
      <c r="U11" s="409"/>
      <c r="V11" s="409"/>
      <c r="W11" s="409"/>
      <c r="X11" s="409"/>
      <c r="Y11" s="409"/>
      <c r="Z11" s="409"/>
      <c r="AA11" s="409"/>
      <c r="AB11" s="409"/>
      <c r="AC11" s="409"/>
      <c r="AD11" s="409"/>
      <c r="AE11" s="409"/>
      <c r="AF11" s="409"/>
      <c r="AG11" s="409"/>
      <c r="AH11" s="409"/>
      <c r="AI11" s="409"/>
      <c r="AJ11" s="409"/>
      <c r="AK11" s="409"/>
      <c r="AL11" s="410"/>
      <c r="AM11" s="28"/>
      <c r="AN11" s="295"/>
      <c r="AO11" s="296"/>
      <c r="AP11" s="296"/>
      <c r="AQ11" s="296"/>
      <c r="AR11" s="296"/>
      <c r="AS11" s="297"/>
      <c r="AT11" s="402"/>
      <c r="AU11" s="403"/>
      <c r="AV11" s="403"/>
      <c r="AW11" s="403"/>
      <c r="AX11" s="403"/>
      <c r="AY11" s="403"/>
      <c r="AZ11" s="403"/>
      <c r="BA11" s="403"/>
      <c r="BB11" s="403"/>
      <c r="BC11" s="403"/>
      <c r="BD11" s="403"/>
      <c r="BE11" s="403"/>
      <c r="BF11" s="403"/>
      <c r="BG11" s="403"/>
      <c r="BH11" s="403"/>
      <c r="BI11" s="403"/>
      <c r="BJ11" s="403"/>
      <c r="BK11" s="403"/>
      <c r="BL11" s="403"/>
      <c r="BM11" s="403"/>
      <c r="BN11" s="403"/>
      <c r="BO11" s="403"/>
      <c r="BP11" s="403"/>
      <c r="BQ11" s="403"/>
      <c r="BR11" s="403"/>
      <c r="BS11" s="403"/>
      <c r="BT11" s="403"/>
      <c r="BU11" s="403"/>
      <c r="BV11" s="403"/>
      <c r="BW11" s="403"/>
      <c r="BX11" s="403"/>
      <c r="BY11" s="403"/>
      <c r="BZ11" s="403"/>
      <c r="CA11" s="403"/>
      <c r="CB11" s="403"/>
      <c r="CC11" s="403"/>
      <c r="CD11" s="403"/>
      <c r="CE11" s="403"/>
      <c r="CF11" s="403"/>
      <c r="CG11" s="403"/>
      <c r="CH11" s="403"/>
      <c r="CI11" s="403"/>
      <c r="CJ11" s="403"/>
      <c r="CK11" s="403"/>
      <c r="CL11" s="403"/>
      <c r="CM11" s="404"/>
    </row>
    <row r="12" spans="1:100" ht="17.25" customHeight="1" x14ac:dyDescent="0.15">
      <c r="A12" s="332" t="s">
        <v>241</v>
      </c>
      <c r="B12" s="332"/>
      <c r="C12" s="332"/>
      <c r="D12" s="332"/>
      <c r="E12" s="332"/>
      <c r="F12" s="411" t="s">
        <v>1061</v>
      </c>
      <c r="G12" s="412"/>
      <c r="H12" s="412"/>
      <c r="I12" s="412"/>
      <c r="J12" s="412"/>
      <c r="K12" s="412"/>
      <c r="L12" s="412"/>
      <c r="M12" s="413"/>
      <c r="N12" s="414"/>
      <c r="O12" s="416" t="s">
        <v>242</v>
      </c>
      <c r="P12" s="417"/>
      <c r="Q12" s="422" t="s">
        <v>787</v>
      </c>
      <c r="R12" s="423"/>
      <c r="S12" s="423"/>
      <c r="T12" s="423"/>
      <c r="U12" s="424" t="s">
        <v>243</v>
      </c>
      <c r="V12" s="423"/>
      <c r="W12" s="423"/>
      <c r="X12" s="423"/>
      <c r="Y12" s="424"/>
      <c r="Z12" s="423"/>
      <c r="AA12" s="423"/>
      <c r="AB12" s="423"/>
      <c r="AC12" s="423"/>
      <c r="AD12" s="423"/>
      <c r="AE12" s="423"/>
      <c r="AF12" s="423"/>
      <c r="AG12" s="423"/>
      <c r="AH12" s="423"/>
      <c r="AI12" s="423"/>
      <c r="AJ12" s="423"/>
      <c r="AK12" s="423"/>
      <c r="AL12" s="425"/>
      <c r="AM12" s="15"/>
      <c r="AN12" s="292" t="s">
        <v>221</v>
      </c>
      <c r="AO12" s="293"/>
      <c r="AP12" s="293"/>
      <c r="AQ12" s="293"/>
      <c r="AR12" s="293"/>
      <c r="AS12" s="294"/>
      <c r="AT12" s="392" t="s">
        <v>708</v>
      </c>
      <c r="AU12" s="393"/>
      <c r="AV12" s="393"/>
      <c r="AW12" s="393"/>
      <c r="AX12" s="393"/>
      <c r="AY12" s="393"/>
      <c r="AZ12" s="393"/>
      <c r="BA12" s="393"/>
      <c r="BB12" s="393"/>
      <c r="BC12" s="393"/>
      <c r="BD12" s="393"/>
      <c r="BE12" s="393"/>
      <c r="BF12" s="393"/>
      <c r="BG12" s="393"/>
      <c r="BH12" s="393"/>
      <c r="BI12" s="393"/>
      <c r="BJ12" s="393"/>
      <c r="BK12" s="393"/>
      <c r="BL12" s="393"/>
      <c r="BM12" s="393"/>
      <c r="BN12" s="393"/>
      <c r="BO12" s="393"/>
      <c r="BP12" s="393"/>
      <c r="BQ12" s="393"/>
      <c r="BR12" s="393"/>
      <c r="BS12" s="393"/>
      <c r="BT12" s="393"/>
      <c r="BU12" s="393"/>
      <c r="BV12" s="393"/>
      <c r="BW12" s="393"/>
      <c r="BX12" s="393"/>
      <c r="BY12" s="393"/>
      <c r="BZ12" s="393"/>
      <c r="CA12" s="393"/>
      <c r="CB12" s="393"/>
      <c r="CC12" s="393"/>
      <c r="CD12" s="393"/>
      <c r="CE12" s="393"/>
      <c r="CF12" s="393"/>
      <c r="CG12" s="393"/>
      <c r="CH12" s="393"/>
      <c r="CI12" s="393"/>
      <c r="CJ12" s="393"/>
      <c r="CK12" s="393"/>
      <c r="CL12" s="393"/>
      <c r="CM12" s="394"/>
      <c r="CN12" s="15"/>
      <c r="CQ12" s="1" ph="1"/>
      <c r="CR12" s="1" ph="1"/>
      <c r="CS12" s="1" ph="1"/>
      <c r="CT12" s="1" ph="1"/>
      <c r="CU12" s="1" ph="1"/>
      <c r="CV12" s="1" ph="1"/>
    </row>
    <row r="13" spans="1:100" ht="17.25" customHeight="1" x14ac:dyDescent="0.15">
      <c r="A13" s="328"/>
      <c r="B13" s="328"/>
      <c r="C13" s="328"/>
      <c r="D13" s="328"/>
      <c r="E13" s="328"/>
      <c r="F13" s="398" t="s">
        <v>1060</v>
      </c>
      <c r="G13" s="369"/>
      <c r="H13" s="369"/>
      <c r="I13" s="369"/>
      <c r="J13" s="369"/>
      <c r="K13" s="369"/>
      <c r="L13" s="369"/>
      <c r="M13" s="369"/>
      <c r="N13" s="415"/>
      <c r="O13" s="418"/>
      <c r="P13" s="419"/>
      <c r="Q13" s="377">
        <v>10136</v>
      </c>
      <c r="R13" s="220"/>
      <c r="S13" s="220"/>
      <c r="T13" s="220"/>
      <c r="U13" s="371" t="s">
        <v>244</v>
      </c>
      <c r="V13" s="220"/>
      <c r="W13" s="220"/>
      <c r="X13" s="220"/>
      <c r="Y13" s="399" t="s">
        <v>391</v>
      </c>
      <c r="Z13" s="400"/>
      <c r="AA13" s="400"/>
      <c r="AB13" s="400"/>
      <c r="AC13" s="400"/>
      <c r="AD13" s="400"/>
      <c r="AE13" s="400"/>
      <c r="AF13" s="400"/>
      <c r="AG13" s="400"/>
      <c r="AH13" s="400"/>
      <c r="AI13" s="400"/>
      <c r="AJ13" s="400"/>
      <c r="AK13" s="400"/>
      <c r="AL13" s="401"/>
      <c r="AM13" s="15"/>
      <c r="AN13" s="295"/>
      <c r="AO13" s="296"/>
      <c r="AP13" s="296"/>
      <c r="AQ13" s="296"/>
      <c r="AR13" s="296"/>
      <c r="AS13" s="297"/>
      <c r="AT13" s="395"/>
      <c r="AU13" s="396"/>
      <c r="AV13" s="396"/>
      <c r="AW13" s="396"/>
      <c r="AX13" s="396"/>
      <c r="AY13" s="396"/>
      <c r="AZ13" s="396"/>
      <c r="BA13" s="396"/>
      <c r="BB13" s="396"/>
      <c r="BC13" s="396"/>
      <c r="BD13" s="396"/>
      <c r="BE13" s="396"/>
      <c r="BF13" s="396"/>
      <c r="BG13" s="396"/>
      <c r="BH13" s="396"/>
      <c r="BI13" s="396"/>
      <c r="BJ13" s="396"/>
      <c r="BK13" s="396"/>
      <c r="BL13" s="396"/>
      <c r="BM13" s="396"/>
      <c r="BN13" s="396"/>
      <c r="BO13" s="396"/>
      <c r="BP13" s="396"/>
      <c r="BQ13" s="396"/>
      <c r="BR13" s="396"/>
      <c r="BS13" s="396"/>
      <c r="BT13" s="396"/>
      <c r="BU13" s="396"/>
      <c r="BV13" s="396"/>
      <c r="BW13" s="396"/>
      <c r="BX13" s="396"/>
      <c r="BY13" s="396"/>
      <c r="BZ13" s="396"/>
      <c r="CA13" s="396"/>
      <c r="CB13" s="396"/>
      <c r="CC13" s="396"/>
      <c r="CD13" s="396"/>
      <c r="CE13" s="396"/>
      <c r="CF13" s="396"/>
      <c r="CG13" s="396"/>
      <c r="CH13" s="396"/>
      <c r="CI13" s="396"/>
      <c r="CJ13" s="396"/>
      <c r="CK13" s="396"/>
      <c r="CL13" s="396"/>
      <c r="CM13" s="397"/>
      <c r="CQ13" s="1" ph="1"/>
      <c r="CR13" s="1" ph="1"/>
      <c r="CS13" s="1" ph="1"/>
      <c r="CT13" s="1" ph="1"/>
      <c r="CU13" s="1" ph="1"/>
      <c r="CV13" s="1" ph="1"/>
    </row>
    <row r="14" spans="1:100" ht="17.25" customHeight="1" x14ac:dyDescent="0.15">
      <c r="A14" s="426">
        <v>2</v>
      </c>
      <c r="B14" s="427"/>
      <c r="C14" s="427"/>
      <c r="D14" s="427"/>
      <c r="E14" s="427"/>
      <c r="F14" s="370"/>
      <c r="G14" s="370"/>
      <c r="H14" s="370"/>
      <c r="I14" s="370"/>
      <c r="J14" s="370"/>
      <c r="K14" s="370"/>
      <c r="L14" s="370"/>
      <c r="M14" s="370"/>
      <c r="N14" s="415"/>
      <c r="O14" s="418"/>
      <c r="P14" s="419"/>
      <c r="Q14" s="377"/>
      <c r="R14" s="220"/>
      <c r="S14" s="220"/>
      <c r="T14" s="220"/>
      <c r="U14" s="371"/>
      <c r="V14" s="220"/>
      <c r="W14" s="220"/>
      <c r="X14" s="220"/>
      <c r="Y14" s="400"/>
      <c r="Z14" s="400"/>
      <c r="AA14" s="400"/>
      <c r="AB14" s="400"/>
      <c r="AC14" s="400"/>
      <c r="AD14" s="400"/>
      <c r="AE14" s="400"/>
      <c r="AF14" s="400"/>
      <c r="AG14" s="400"/>
      <c r="AH14" s="400"/>
      <c r="AI14" s="400"/>
      <c r="AJ14" s="400"/>
      <c r="AK14" s="400"/>
      <c r="AL14" s="401"/>
      <c r="AM14" s="15"/>
      <c r="AN14" s="292" t="s">
        <v>222</v>
      </c>
      <c r="AO14" s="293"/>
      <c r="AP14" s="293"/>
      <c r="AQ14" s="293"/>
      <c r="AR14" s="293"/>
      <c r="AS14" s="294"/>
      <c r="AT14" s="392" t="s">
        <v>1312</v>
      </c>
      <c r="AU14" s="393"/>
      <c r="AV14" s="393"/>
      <c r="AW14" s="393"/>
      <c r="AX14" s="393"/>
      <c r="AY14" s="393"/>
      <c r="AZ14" s="393"/>
      <c r="BA14" s="393"/>
      <c r="BB14" s="393"/>
      <c r="BC14" s="393"/>
      <c r="BD14" s="393"/>
      <c r="BE14" s="393"/>
      <c r="BF14" s="393"/>
      <c r="BG14" s="393"/>
      <c r="BH14" s="393"/>
      <c r="BI14" s="393"/>
      <c r="BJ14" s="393"/>
      <c r="BK14" s="393"/>
      <c r="BL14" s="393"/>
      <c r="BM14" s="393"/>
      <c r="BN14" s="393"/>
      <c r="BO14" s="393"/>
      <c r="BP14" s="393"/>
      <c r="BQ14" s="393"/>
      <c r="BR14" s="393"/>
      <c r="BS14" s="393"/>
      <c r="BT14" s="393"/>
      <c r="BU14" s="393"/>
      <c r="BV14" s="393"/>
      <c r="BW14" s="393"/>
      <c r="BX14" s="393"/>
      <c r="BY14" s="393"/>
      <c r="BZ14" s="393"/>
      <c r="CA14" s="393"/>
      <c r="CB14" s="393"/>
      <c r="CC14" s="393"/>
      <c r="CD14" s="393"/>
      <c r="CE14" s="393"/>
      <c r="CF14" s="393"/>
      <c r="CG14" s="393"/>
      <c r="CH14" s="393"/>
      <c r="CI14" s="393"/>
      <c r="CJ14" s="393"/>
      <c r="CK14" s="393"/>
      <c r="CL14" s="393"/>
      <c r="CM14" s="394"/>
      <c r="CQ14" s="1" ph="1"/>
      <c r="CR14" s="1" ph="1"/>
      <c r="CS14" s="1" ph="1"/>
      <c r="CT14" s="1" ph="1"/>
      <c r="CU14" s="1" ph="1"/>
      <c r="CV14" s="1" ph="1"/>
    </row>
    <row r="15" spans="1:100" ht="17.25" customHeight="1" x14ac:dyDescent="0.15">
      <c r="A15" s="428" t="s">
        <v>246</v>
      </c>
      <c r="B15" s="428"/>
      <c r="C15" s="428"/>
      <c r="D15" s="428"/>
      <c r="E15" s="428"/>
      <c r="F15" s="429">
        <v>47359</v>
      </c>
      <c r="G15" s="430"/>
      <c r="H15" s="430"/>
      <c r="I15" s="430"/>
      <c r="J15" s="430"/>
      <c r="K15" s="430"/>
      <c r="L15" s="430"/>
      <c r="M15" s="430"/>
      <c r="N15" s="415"/>
      <c r="O15" s="418"/>
      <c r="P15" s="419"/>
      <c r="Q15" s="377">
        <v>14336</v>
      </c>
      <c r="R15" s="220"/>
      <c r="S15" s="220"/>
      <c r="T15" s="220"/>
      <c r="U15" s="371" t="s">
        <v>247</v>
      </c>
      <c r="V15" s="220"/>
      <c r="W15" s="220"/>
      <c r="X15" s="220"/>
      <c r="Y15" s="371" t="s">
        <v>248</v>
      </c>
      <c r="Z15" s="220"/>
      <c r="AA15" s="220"/>
      <c r="AB15" s="220"/>
      <c r="AC15" s="220"/>
      <c r="AD15" s="220"/>
      <c r="AE15" s="220"/>
      <c r="AF15" s="220"/>
      <c r="AG15" s="220"/>
      <c r="AH15" s="220"/>
      <c r="AI15" s="220"/>
      <c r="AJ15" s="220"/>
      <c r="AK15" s="220"/>
      <c r="AL15" s="372"/>
      <c r="AM15" s="15"/>
      <c r="AN15" s="295"/>
      <c r="AO15" s="296"/>
      <c r="AP15" s="296"/>
      <c r="AQ15" s="296"/>
      <c r="AR15" s="296"/>
      <c r="AS15" s="297"/>
      <c r="AT15" s="395"/>
      <c r="AU15" s="396"/>
      <c r="AV15" s="396"/>
      <c r="AW15" s="396"/>
      <c r="AX15" s="396"/>
      <c r="AY15" s="396"/>
      <c r="AZ15" s="396"/>
      <c r="BA15" s="396"/>
      <c r="BB15" s="396"/>
      <c r="BC15" s="396"/>
      <c r="BD15" s="396"/>
      <c r="BE15" s="396"/>
      <c r="BF15" s="396"/>
      <c r="BG15" s="396"/>
      <c r="BH15" s="396"/>
      <c r="BI15" s="396"/>
      <c r="BJ15" s="396"/>
      <c r="BK15" s="396"/>
      <c r="BL15" s="396"/>
      <c r="BM15" s="396"/>
      <c r="BN15" s="396"/>
      <c r="BO15" s="396"/>
      <c r="BP15" s="396"/>
      <c r="BQ15" s="396"/>
      <c r="BR15" s="396"/>
      <c r="BS15" s="396"/>
      <c r="BT15" s="396"/>
      <c r="BU15" s="396"/>
      <c r="BV15" s="396"/>
      <c r="BW15" s="396"/>
      <c r="BX15" s="396"/>
      <c r="BY15" s="396"/>
      <c r="BZ15" s="396"/>
      <c r="CA15" s="396"/>
      <c r="CB15" s="396"/>
      <c r="CC15" s="396"/>
      <c r="CD15" s="396"/>
      <c r="CE15" s="396"/>
      <c r="CF15" s="396"/>
      <c r="CG15" s="396"/>
      <c r="CH15" s="396"/>
      <c r="CI15" s="396"/>
      <c r="CJ15" s="396"/>
      <c r="CK15" s="396"/>
      <c r="CL15" s="396"/>
      <c r="CM15" s="397"/>
    </row>
    <row r="16" spans="1:100" ht="17.25" customHeight="1" x14ac:dyDescent="0.15">
      <c r="A16" s="382" t="s">
        <v>249</v>
      </c>
      <c r="B16" s="383"/>
      <c r="C16" s="383"/>
      <c r="D16" s="383"/>
      <c r="E16" s="384"/>
      <c r="F16" s="380" t="s">
        <v>458</v>
      </c>
      <c r="G16" s="381"/>
      <c r="H16" s="381"/>
      <c r="I16" s="381"/>
      <c r="J16" s="381"/>
      <c r="K16" s="381"/>
      <c r="L16" s="381"/>
      <c r="M16" s="381"/>
      <c r="N16" s="415"/>
      <c r="O16" s="418"/>
      <c r="P16" s="419"/>
      <c r="Q16" s="377">
        <v>16041</v>
      </c>
      <c r="R16" s="220"/>
      <c r="S16" s="220"/>
      <c r="T16" s="220"/>
      <c r="U16" s="371" t="s">
        <v>247</v>
      </c>
      <c r="V16" s="220"/>
      <c r="W16" s="220"/>
      <c r="X16" s="220"/>
      <c r="Y16" s="371" t="s">
        <v>250</v>
      </c>
      <c r="Z16" s="220"/>
      <c r="AA16" s="220"/>
      <c r="AB16" s="220"/>
      <c r="AC16" s="220"/>
      <c r="AD16" s="220"/>
      <c r="AE16" s="220"/>
      <c r="AF16" s="220"/>
      <c r="AG16" s="220"/>
      <c r="AH16" s="220"/>
      <c r="AI16" s="220"/>
      <c r="AJ16" s="220"/>
      <c r="AK16" s="220"/>
      <c r="AL16" s="372"/>
      <c r="AM16" s="15"/>
      <c r="AN16" s="388" t="s">
        <v>257</v>
      </c>
      <c r="AO16" s="388"/>
      <c r="AP16" s="389"/>
      <c r="AQ16" s="389"/>
      <c r="AR16" s="389"/>
      <c r="AS16" s="389"/>
      <c r="AT16" s="389"/>
      <c r="AU16" s="389"/>
      <c r="AV16" s="389"/>
      <c r="AW16" s="389"/>
      <c r="AX16" s="389"/>
      <c r="AY16" s="389"/>
      <c r="AZ16" s="389"/>
      <c r="BA16" s="389"/>
      <c r="BB16" s="389"/>
      <c r="BC16" s="389"/>
      <c r="BD16" s="389"/>
      <c r="BE16" s="389"/>
      <c r="BF16" s="389"/>
      <c r="BG16" s="389"/>
      <c r="BH16" s="389"/>
      <c r="BI16" s="389"/>
      <c r="BJ16" s="389"/>
      <c r="BK16" s="389"/>
      <c r="BL16" s="389"/>
      <c r="BM16" s="389"/>
      <c r="BN16" s="389"/>
      <c r="BO16" s="389"/>
      <c r="BP16" s="389"/>
      <c r="BQ16" s="389"/>
      <c r="BR16" s="389"/>
      <c r="BS16" s="389"/>
      <c r="BT16" s="389"/>
      <c r="BU16" s="389"/>
      <c r="BV16" s="389"/>
      <c r="BW16" s="389"/>
      <c r="BX16" s="389"/>
      <c r="BY16" s="389"/>
      <c r="BZ16" s="389"/>
      <c r="CA16" s="389"/>
      <c r="CB16" s="389"/>
      <c r="CC16" s="389"/>
      <c r="CD16" s="389"/>
      <c r="CE16" s="389"/>
      <c r="CF16" s="389"/>
      <c r="CG16" s="389"/>
      <c r="CH16" s="389"/>
      <c r="CI16" s="389"/>
      <c r="CJ16" s="389"/>
      <c r="CK16" s="389"/>
      <c r="CL16" s="389"/>
      <c r="CM16" s="389"/>
      <c r="CQ16" s="1" ph="1"/>
      <c r="CR16" s="1" ph="1"/>
      <c r="CS16" s="1" ph="1"/>
      <c r="CT16" s="1" ph="1"/>
      <c r="CU16" s="1" ph="1"/>
      <c r="CV16" s="1" ph="1"/>
    </row>
    <row r="17" spans="1:100" ht="17.25" customHeight="1" x14ac:dyDescent="0.15">
      <c r="A17" s="385"/>
      <c r="B17" s="386"/>
      <c r="C17" s="386"/>
      <c r="D17" s="386"/>
      <c r="E17" s="387"/>
      <c r="F17" s="336" t="s">
        <v>449</v>
      </c>
      <c r="G17" s="337"/>
      <c r="H17" s="337"/>
      <c r="I17" s="337"/>
      <c r="J17" s="337"/>
      <c r="K17" s="337"/>
      <c r="L17" s="337"/>
      <c r="M17" s="338"/>
      <c r="N17" s="415"/>
      <c r="O17" s="418"/>
      <c r="P17" s="419"/>
      <c r="Q17" s="377">
        <v>16163</v>
      </c>
      <c r="R17" s="220"/>
      <c r="S17" s="220"/>
      <c r="T17" s="220"/>
      <c r="U17" s="371" t="s">
        <v>247</v>
      </c>
      <c r="V17" s="220"/>
      <c r="W17" s="220"/>
      <c r="X17" s="220"/>
      <c r="Y17" s="371" t="s">
        <v>251</v>
      </c>
      <c r="Z17" s="220"/>
      <c r="AA17" s="220"/>
      <c r="AB17" s="220"/>
      <c r="AC17" s="220"/>
      <c r="AD17" s="220"/>
      <c r="AE17" s="220"/>
      <c r="AF17" s="220"/>
      <c r="AG17" s="220"/>
      <c r="AH17" s="220"/>
      <c r="AI17" s="220"/>
      <c r="AJ17" s="220"/>
      <c r="AK17" s="220"/>
      <c r="AL17" s="372"/>
      <c r="AM17" s="15"/>
      <c r="AN17" s="302" t="s">
        <v>1265</v>
      </c>
      <c r="AO17" s="303"/>
      <c r="AP17" s="303"/>
      <c r="AQ17" s="303"/>
      <c r="AR17" s="303"/>
      <c r="AS17" s="303"/>
      <c r="AT17" s="303"/>
      <c r="AU17" s="303"/>
      <c r="AV17" s="303"/>
      <c r="AW17" s="303"/>
      <c r="AX17" s="303"/>
      <c r="AY17" s="303"/>
      <c r="AZ17" s="303"/>
      <c r="BA17" s="303"/>
      <c r="BB17" s="303"/>
      <c r="BC17" s="303"/>
      <c r="BD17" s="303"/>
      <c r="BE17" s="303"/>
      <c r="BF17" s="303"/>
      <c r="BG17" s="303"/>
      <c r="BH17" s="303"/>
      <c r="BI17" s="303"/>
      <c r="BJ17" s="303"/>
      <c r="BK17" s="303"/>
      <c r="BL17" s="303"/>
      <c r="BM17" s="303"/>
      <c r="BN17" s="303"/>
      <c r="BO17" s="303"/>
      <c r="BP17" s="303"/>
      <c r="BQ17" s="303"/>
      <c r="BR17" s="303"/>
      <c r="BS17" s="303"/>
      <c r="BT17" s="303"/>
      <c r="BU17" s="303"/>
      <c r="BV17" s="303"/>
      <c r="BW17" s="303"/>
      <c r="BX17" s="303"/>
      <c r="BY17" s="303"/>
      <c r="BZ17" s="303"/>
      <c r="CA17" s="303"/>
      <c r="CB17" s="303"/>
      <c r="CC17" s="303"/>
      <c r="CD17" s="303"/>
      <c r="CE17" s="303"/>
      <c r="CF17" s="303"/>
      <c r="CG17" s="303"/>
      <c r="CH17" s="303"/>
      <c r="CI17" s="303"/>
      <c r="CJ17" s="303"/>
      <c r="CK17" s="303"/>
      <c r="CL17" s="303"/>
      <c r="CM17" s="304"/>
      <c r="CQ17" s="1" ph="1"/>
      <c r="CR17" s="1" ph="1"/>
      <c r="CS17" s="1" ph="1"/>
      <c r="CT17" s="1" ph="1"/>
      <c r="CU17" s="1" ph="1"/>
      <c r="CV17" s="1" ph="1"/>
    </row>
    <row r="18" spans="1:100" ht="17.25" customHeight="1" x14ac:dyDescent="0.15">
      <c r="A18" s="385"/>
      <c r="B18" s="386"/>
      <c r="C18" s="386"/>
      <c r="D18" s="386"/>
      <c r="E18" s="387"/>
      <c r="F18" s="336"/>
      <c r="G18" s="337"/>
      <c r="H18" s="337"/>
      <c r="I18" s="337"/>
      <c r="J18" s="337"/>
      <c r="K18" s="337"/>
      <c r="L18" s="337"/>
      <c r="M18" s="338"/>
      <c r="N18" s="415"/>
      <c r="O18" s="418"/>
      <c r="P18" s="419"/>
      <c r="Q18" s="377">
        <v>17668</v>
      </c>
      <c r="R18" s="220"/>
      <c r="S18" s="220"/>
      <c r="T18" s="220"/>
      <c r="U18" s="371" t="s">
        <v>247</v>
      </c>
      <c r="V18" s="220"/>
      <c r="W18" s="220"/>
      <c r="X18" s="220"/>
      <c r="Y18" s="371" t="s">
        <v>252</v>
      </c>
      <c r="Z18" s="220"/>
      <c r="AA18" s="220"/>
      <c r="AB18" s="220"/>
      <c r="AC18" s="220"/>
      <c r="AD18" s="220"/>
      <c r="AE18" s="220"/>
      <c r="AF18" s="220"/>
      <c r="AG18" s="220"/>
      <c r="AH18" s="220"/>
      <c r="AI18" s="220"/>
      <c r="AJ18" s="220"/>
      <c r="AK18" s="220"/>
      <c r="AL18" s="372"/>
      <c r="AM18" s="15"/>
      <c r="AN18" s="305" t="s">
        <v>1144</v>
      </c>
      <c r="AO18" s="306"/>
      <c r="AP18" s="306"/>
      <c r="AQ18" s="306"/>
      <c r="AR18" s="306"/>
      <c r="AS18" s="306" t="s">
        <v>1145</v>
      </c>
      <c r="AT18" s="306"/>
      <c r="AU18" s="306"/>
      <c r="AV18" s="306"/>
      <c r="AW18" s="306"/>
      <c r="AX18" s="306"/>
      <c r="AY18" s="306"/>
      <c r="AZ18" s="306"/>
      <c r="BA18" s="306"/>
      <c r="BB18" s="306"/>
      <c r="BC18" s="306"/>
      <c r="BD18" s="306"/>
      <c r="BE18" s="306"/>
      <c r="BF18" s="306"/>
      <c r="BG18" s="306"/>
      <c r="BH18" s="306"/>
      <c r="BI18" s="306"/>
      <c r="BJ18" s="306"/>
      <c r="BK18" s="306"/>
      <c r="BL18" s="306"/>
      <c r="BM18" s="306"/>
      <c r="BN18" s="306"/>
      <c r="BO18" s="306"/>
      <c r="BP18" s="306"/>
      <c r="BQ18" s="306"/>
      <c r="BR18" s="306"/>
      <c r="BS18" s="306"/>
      <c r="BT18" s="306"/>
      <c r="BU18" s="306"/>
      <c r="BV18" s="306"/>
      <c r="BW18" s="306"/>
      <c r="BX18" s="306"/>
      <c r="BY18" s="306"/>
      <c r="BZ18" s="306"/>
      <c r="CA18" s="306"/>
      <c r="CB18" s="306"/>
      <c r="CC18" s="306"/>
      <c r="CD18" s="306"/>
      <c r="CE18" s="306"/>
      <c r="CF18" s="306"/>
      <c r="CG18" s="306"/>
      <c r="CH18" s="306"/>
      <c r="CI18" s="306"/>
      <c r="CJ18" s="306"/>
      <c r="CK18" s="306"/>
      <c r="CL18" s="306"/>
      <c r="CM18" s="307"/>
      <c r="CQ18" s="1" ph="1"/>
      <c r="CR18" s="1" ph="1"/>
      <c r="CS18" s="1" ph="1"/>
      <c r="CT18" s="1" ph="1"/>
      <c r="CU18" s="1" ph="1"/>
      <c r="CV18" s="1" ph="1"/>
    </row>
    <row r="19" spans="1:100" ht="17.25" customHeight="1" x14ac:dyDescent="0.15">
      <c r="A19" s="385"/>
      <c r="B19" s="386"/>
      <c r="C19" s="386"/>
      <c r="D19" s="386"/>
      <c r="E19" s="387"/>
      <c r="F19" s="380" t="s">
        <v>1062</v>
      </c>
      <c r="G19" s="381"/>
      <c r="H19" s="381"/>
      <c r="I19" s="381"/>
      <c r="J19" s="381"/>
      <c r="K19" s="381"/>
      <c r="L19" s="381"/>
      <c r="M19" s="381"/>
      <c r="N19" s="415"/>
      <c r="O19" s="418"/>
      <c r="P19" s="419"/>
      <c r="Q19" s="377">
        <v>20699</v>
      </c>
      <c r="R19" s="220"/>
      <c r="S19" s="220"/>
      <c r="T19" s="220"/>
      <c r="U19" s="371" t="s">
        <v>253</v>
      </c>
      <c r="V19" s="390"/>
      <c r="W19" s="390"/>
      <c r="X19" s="390"/>
      <c r="Y19" s="390"/>
      <c r="Z19" s="390"/>
      <c r="AA19" s="390"/>
      <c r="AB19" s="390"/>
      <c r="AC19" s="390"/>
      <c r="AD19" s="390"/>
      <c r="AE19" s="390"/>
      <c r="AF19" s="390"/>
      <c r="AG19" s="390"/>
      <c r="AH19" s="390"/>
      <c r="AI19" s="390"/>
      <c r="AJ19" s="390"/>
      <c r="AK19" s="390"/>
      <c r="AL19" s="391"/>
      <c r="AM19" s="15"/>
      <c r="AN19" s="61"/>
      <c r="AO19" s="62"/>
      <c r="AP19" s="62"/>
      <c r="AQ19" s="62"/>
      <c r="AR19" s="62"/>
      <c r="AS19" s="306" t="s">
        <v>1146</v>
      </c>
      <c r="AT19" s="306"/>
      <c r="AU19" s="306"/>
      <c r="AV19" s="306"/>
      <c r="AW19" s="306"/>
      <c r="AX19" s="306"/>
      <c r="AY19" s="306"/>
      <c r="AZ19" s="306"/>
      <c r="BA19" s="306"/>
      <c r="BB19" s="306"/>
      <c r="BC19" s="306"/>
      <c r="BD19" s="306"/>
      <c r="BE19" s="306"/>
      <c r="BF19" s="306"/>
      <c r="BG19" s="306"/>
      <c r="BH19" s="306"/>
      <c r="BI19" s="306"/>
      <c r="BJ19" s="306"/>
      <c r="BK19" s="306"/>
      <c r="BL19" s="306"/>
      <c r="BM19" s="306"/>
      <c r="BN19" s="306"/>
      <c r="BO19" s="306"/>
      <c r="BP19" s="306"/>
      <c r="BQ19" s="306"/>
      <c r="BR19" s="306"/>
      <c r="BS19" s="306"/>
      <c r="BT19" s="306"/>
      <c r="BU19" s="306"/>
      <c r="BV19" s="306"/>
      <c r="BW19" s="306"/>
      <c r="BX19" s="306"/>
      <c r="BY19" s="306"/>
      <c r="BZ19" s="306"/>
      <c r="CA19" s="306"/>
      <c r="CB19" s="306"/>
      <c r="CC19" s="306"/>
      <c r="CD19" s="306"/>
      <c r="CE19" s="306"/>
      <c r="CF19" s="306"/>
      <c r="CG19" s="306"/>
      <c r="CH19" s="306"/>
      <c r="CI19" s="306"/>
      <c r="CJ19" s="306"/>
      <c r="CK19" s="306"/>
      <c r="CL19" s="306"/>
      <c r="CM19" s="307"/>
      <c r="CQ19" s="1" ph="1"/>
      <c r="CR19" s="1" ph="1"/>
      <c r="CS19" s="1" ph="1"/>
      <c r="CT19" s="1" ph="1"/>
      <c r="CU19" s="1" ph="1"/>
      <c r="CV19" s="1" ph="1"/>
    </row>
    <row r="20" spans="1:100" ht="17.25" customHeight="1" x14ac:dyDescent="0.15">
      <c r="A20" s="385"/>
      <c r="B20" s="386"/>
      <c r="C20" s="386"/>
      <c r="D20" s="386"/>
      <c r="E20" s="387"/>
      <c r="F20" s="373" t="s">
        <v>1274</v>
      </c>
      <c r="G20" s="374"/>
      <c r="H20" s="374"/>
      <c r="I20" s="374"/>
      <c r="J20" s="374"/>
      <c r="K20" s="374"/>
      <c r="L20" s="374"/>
      <c r="M20" s="374"/>
      <c r="N20" s="415"/>
      <c r="O20" s="418"/>
      <c r="P20" s="419"/>
      <c r="Q20" s="377">
        <v>25477</v>
      </c>
      <c r="R20" s="220"/>
      <c r="S20" s="220"/>
      <c r="T20" s="220"/>
      <c r="U20" s="371" t="s">
        <v>247</v>
      </c>
      <c r="V20" s="220"/>
      <c r="W20" s="220"/>
      <c r="X20" s="220"/>
      <c r="Y20" s="371" t="s">
        <v>254</v>
      </c>
      <c r="Z20" s="220"/>
      <c r="AA20" s="220"/>
      <c r="AB20" s="220"/>
      <c r="AC20" s="220"/>
      <c r="AD20" s="220"/>
      <c r="AE20" s="220"/>
      <c r="AF20" s="220"/>
      <c r="AG20" s="220"/>
      <c r="AH20" s="220"/>
      <c r="AI20" s="220"/>
      <c r="AJ20" s="220"/>
      <c r="AK20" s="220"/>
      <c r="AL20" s="372"/>
      <c r="AM20" s="15"/>
      <c r="AN20" s="305" t="s">
        <v>1147</v>
      </c>
      <c r="AO20" s="306"/>
      <c r="AP20" s="306"/>
      <c r="AQ20" s="306"/>
      <c r="AR20" s="306"/>
      <c r="AS20" s="306" t="s">
        <v>1151</v>
      </c>
      <c r="AT20" s="306"/>
      <c r="AU20" s="306"/>
      <c r="AV20" s="306"/>
      <c r="AW20" s="306"/>
      <c r="AX20" s="306"/>
      <c r="AY20" s="306"/>
      <c r="AZ20" s="306"/>
      <c r="BA20" s="306"/>
      <c r="BB20" s="306"/>
      <c r="BC20" s="306"/>
      <c r="BD20" s="306"/>
      <c r="BE20" s="306"/>
      <c r="BF20" s="306"/>
      <c r="BG20" s="306"/>
      <c r="BH20" s="306"/>
      <c r="BI20" s="306"/>
      <c r="BJ20" s="306"/>
      <c r="BK20" s="306"/>
      <c r="BL20" s="306"/>
      <c r="BM20" s="306"/>
      <c r="BN20" s="306"/>
      <c r="BO20" s="306"/>
      <c r="BP20" s="306"/>
      <c r="BQ20" s="306"/>
      <c r="BR20" s="306"/>
      <c r="BS20" s="306"/>
      <c r="BT20" s="306"/>
      <c r="BU20" s="306"/>
      <c r="BV20" s="306"/>
      <c r="BW20" s="306"/>
      <c r="BX20" s="306"/>
      <c r="BY20" s="306"/>
      <c r="BZ20" s="306"/>
      <c r="CA20" s="306"/>
      <c r="CB20" s="306"/>
      <c r="CC20" s="306"/>
      <c r="CD20" s="306"/>
      <c r="CE20" s="306"/>
      <c r="CF20" s="306"/>
      <c r="CG20" s="306"/>
      <c r="CH20" s="306"/>
      <c r="CI20" s="306"/>
      <c r="CJ20" s="306"/>
      <c r="CK20" s="306"/>
      <c r="CL20" s="306"/>
      <c r="CM20" s="307"/>
      <c r="CQ20" s="1" ph="1"/>
      <c r="CR20" s="1" ph="1"/>
      <c r="CS20" s="1" ph="1"/>
      <c r="CT20" s="1" ph="1"/>
      <c r="CU20" s="1" ph="1"/>
      <c r="CV20" s="1" ph="1"/>
    </row>
    <row r="21" spans="1:100" ht="17.25" customHeight="1" x14ac:dyDescent="0.15">
      <c r="A21" s="385"/>
      <c r="B21" s="386"/>
      <c r="C21" s="386"/>
      <c r="D21" s="386"/>
      <c r="E21" s="387"/>
      <c r="F21" s="375"/>
      <c r="G21" s="375"/>
      <c r="H21" s="375"/>
      <c r="I21" s="375"/>
      <c r="J21" s="375"/>
      <c r="K21" s="375"/>
      <c r="L21" s="375"/>
      <c r="M21" s="375"/>
      <c r="N21" s="415"/>
      <c r="O21" s="418"/>
      <c r="P21" s="419"/>
      <c r="Q21" s="376">
        <v>31719</v>
      </c>
      <c r="R21" s="377"/>
      <c r="S21" s="377"/>
      <c r="T21" s="377"/>
      <c r="U21" s="50" t="s">
        <v>247</v>
      </c>
      <c r="V21" s="49"/>
      <c r="W21" s="49"/>
      <c r="X21" s="49"/>
      <c r="Y21" s="50" t="s">
        <v>255</v>
      </c>
      <c r="Z21" s="49"/>
      <c r="AA21" s="49"/>
      <c r="AB21" s="49"/>
      <c r="AC21" s="49"/>
      <c r="AD21" s="49"/>
      <c r="AE21" s="49"/>
      <c r="AF21" s="49"/>
      <c r="AG21" s="49"/>
      <c r="AH21" s="49"/>
      <c r="AI21" s="49"/>
      <c r="AJ21" s="49"/>
      <c r="AK21" s="49"/>
      <c r="AL21" s="51"/>
      <c r="AM21" s="15"/>
      <c r="AN21" s="61"/>
      <c r="AO21" s="62"/>
      <c r="AP21" s="62"/>
      <c r="AQ21" s="62"/>
      <c r="AR21" s="62"/>
      <c r="AS21" s="306" t="s">
        <v>1152</v>
      </c>
      <c r="AT21" s="306"/>
      <c r="AU21" s="306"/>
      <c r="AV21" s="306"/>
      <c r="AW21" s="306"/>
      <c r="AX21" s="306"/>
      <c r="AY21" s="306"/>
      <c r="AZ21" s="306"/>
      <c r="BA21" s="306"/>
      <c r="BB21" s="306"/>
      <c r="BC21" s="306"/>
      <c r="BD21" s="306"/>
      <c r="BE21" s="306"/>
      <c r="BF21" s="306"/>
      <c r="BG21" s="306"/>
      <c r="BH21" s="306"/>
      <c r="BI21" s="306"/>
      <c r="BJ21" s="306"/>
      <c r="BK21" s="306"/>
      <c r="BL21" s="306"/>
      <c r="BM21" s="306"/>
      <c r="BN21" s="306"/>
      <c r="BO21" s="306"/>
      <c r="BP21" s="306"/>
      <c r="BQ21" s="306"/>
      <c r="BR21" s="306"/>
      <c r="BS21" s="306"/>
      <c r="BT21" s="306"/>
      <c r="BU21" s="306"/>
      <c r="BV21" s="306"/>
      <c r="BW21" s="306"/>
      <c r="BX21" s="306"/>
      <c r="BY21" s="306"/>
      <c r="BZ21" s="306"/>
      <c r="CA21" s="306"/>
      <c r="CB21" s="306"/>
      <c r="CC21" s="306"/>
      <c r="CD21" s="306"/>
      <c r="CE21" s="306"/>
      <c r="CF21" s="306"/>
      <c r="CG21" s="306"/>
      <c r="CH21" s="306"/>
      <c r="CI21" s="306"/>
      <c r="CJ21" s="306"/>
      <c r="CK21" s="306"/>
      <c r="CL21" s="306"/>
      <c r="CM21" s="307"/>
      <c r="CQ21" s="1" ph="1"/>
      <c r="CR21" s="1" ph="1"/>
      <c r="CS21" s="1" ph="1"/>
      <c r="CT21" s="1" ph="1"/>
      <c r="CU21" s="1" ph="1"/>
      <c r="CV21" s="1" ph="1"/>
    </row>
    <row r="22" spans="1:100" ht="17.25" customHeight="1" x14ac:dyDescent="0.15">
      <c r="A22" s="385"/>
      <c r="B22" s="386"/>
      <c r="C22" s="386"/>
      <c r="D22" s="386"/>
      <c r="E22" s="387"/>
      <c r="F22" s="380" t="s">
        <v>1063</v>
      </c>
      <c r="G22" s="381"/>
      <c r="H22" s="381"/>
      <c r="I22" s="381"/>
      <c r="J22" s="381"/>
      <c r="K22" s="381"/>
      <c r="L22" s="381"/>
      <c r="M22" s="381"/>
      <c r="N22" s="415"/>
      <c r="O22" s="418"/>
      <c r="P22" s="419"/>
      <c r="Q22" s="376">
        <v>34644</v>
      </c>
      <c r="R22" s="377"/>
      <c r="S22" s="377"/>
      <c r="T22" s="377"/>
      <c r="U22" s="50" t="s">
        <v>247</v>
      </c>
      <c r="V22" s="49"/>
      <c r="W22" s="49"/>
      <c r="X22" s="49"/>
      <c r="Y22" s="50" t="s">
        <v>256</v>
      </c>
      <c r="Z22" s="49"/>
      <c r="AA22" s="49"/>
      <c r="AB22" s="49"/>
      <c r="AC22" s="49"/>
      <c r="AD22" s="49"/>
      <c r="AE22" s="49"/>
      <c r="AF22" s="49"/>
      <c r="AG22" s="49"/>
      <c r="AH22" s="49"/>
      <c r="AI22" s="49"/>
      <c r="AJ22" s="49"/>
      <c r="AK22" s="49"/>
      <c r="AL22" s="51"/>
      <c r="AM22" s="15"/>
      <c r="AN22" s="305" t="s">
        <v>1148</v>
      </c>
      <c r="AO22" s="306"/>
      <c r="AP22" s="306"/>
      <c r="AQ22" s="306"/>
      <c r="AR22" s="306"/>
      <c r="AS22" s="306" t="s">
        <v>1153</v>
      </c>
      <c r="AT22" s="306"/>
      <c r="AU22" s="306"/>
      <c r="AV22" s="306"/>
      <c r="AW22" s="306"/>
      <c r="AX22" s="306"/>
      <c r="AY22" s="306"/>
      <c r="AZ22" s="306"/>
      <c r="BA22" s="306"/>
      <c r="BB22" s="306"/>
      <c r="BC22" s="306"/>
      <c r="BD22" s="306"/>
      <c r="BE22" s="306"/>
      <c r="BF22" s="306"/>
      <c r="BG22" s="306"/>
      <c r="BH22" s="306"/>
      <c r="BI22" s="306"/>
      <c r="BJ22" s="306"/>
      <c r="BK22" s="306"/>
      <c r="BL22" s="306"/>
      <c r="BM22" s="306"/>
      <c r="BN22" s="306"/>
      <c r="BO22" s="306"/>
      <c r="BP22" s="306"/>
      <c r="BQ22" s="306"/>
      <c r="BR22" s="306"/>
      <c r="BS22" s="306"/>
      <c r="BT22" s="306"/>
      <c r="BU22" s="306"/>
      <c r="BV22" s="306"/>
      <c r="BW22" s="306"/>
      <c r="BX22" s="306"/>
      <c r="BY22" s="306"/>
      <c r="BZ22" s="306"/>
      <c r="CA22" s="306"/>
      <c r="CB22" s="306"/>
      <c r="CC22" s="306"/>
      <c r="CD22" s="306"/>
      <c r="CE22" s="306"/>
      <c r="CF22" s="306"/>
      <c r="CG22" s="306"/>
      <c r="CH22" s="306"/>
      <c r="CI22" s="306"/>
      <c r="CJ22" s="306"/>
      <c r="CK22" s="306"/>
      <c r="CL22" s="306"/>
      <c r="CM22" s="307"/>
      <c r="CQ22" s="1" ph="1"/>
      <c r="CR22" s="1" ph="1"/>
      <c r="CS22" s="1" ph="1"/>
      <c r="CT22" s="1" ph="1"/>
      <c r="CU22" s="1" ph="1"/>
      <c r="CV22" s="1" ph="1"/>
    </row>
    <row r="23" spans="1:100" ht="17.25" customHeight="1" x14ac:dyDescent="0.15">
      <c r="A23" s="385"/>
      <c r="B23" s="386"/>
      <c r="C23" s="386"/>
      <c r="D23" s="386"/>
      <c r="E23" s="387"/>
      <c r="F23" s="373" t="s">
        <v>1275</v>
      </c>
      <c r="G23" s="374"/>
      <c r="H23" s="374"/>
      <c r="I23" s="374"/>
      <c r="J23" s="374"/>
      <c r="K23" s="374"/>
      <c r="L23" s="374"/>
      <c r="M23" s="374"/>
      <c r="N23" s="415"/>
      <c r="O23" s="418"/>
      <c r="P23" s="419"/>
      <c r="Q23" s="376" t="s">
        <v>435</v>
      </c>
      <c r="R23" s="377"/>
      <c r="S23" s="377"/>
      <c r="T23" s="377"/>
      <c r="U23" s="50"/>
      <c r="V23" s="49"/>
      <c r="W23" s="49"/>
      <c r="X23" s="49"/>
      <c r="Y23" s="50"/>
      <c r="Z23" s="49"/>
      <c r="AA23" s="49"/>
      <c r="AB23" s="49"/>
      <c r="AC23" s="49"/>
      <c r="AD23" s="49"/>
      <c r="AE23" s="49"/>
      <c r="AF23" s="49"/>
      <c r="AG23" s="49"/>
      <c r="AH23" s="49"/>
      <c r="AI23" s="49"/>
      <c r="AJ23" s="49"/>
      <c r="AK23" s="49"/>
      <c r="AL23" s="51"/>
      <c r="AM23" s="15"/>
      <c r="AN23" s="61"/>
      <c r="AO23" s="62"/>
      <c r="AP23" s="62"/>
      <c r="AQ23" s="62"/>
      <c r="AR23" s="62"/>
      <c r="AS23" s="306" t="s">
        <v>1154</v>
      </c>
      <c r="AT23" s="306"/>
      <c r="AU23" s="306"/>
      <c r="AV23" s="306"/>
      <c r="AW23" s="306"/>
      <c r="AX23" s="306"/>
      <c r="AY23" s="306"/>
      <c r="AZ23" s="306"/>
      <c r="BA23" s="306"/>
      <c r="BB23" s="306"/>
      <c r="BC23" s="306"/>
      <c r="BD23" s="306"/>
      <c r="BE23" s="306"/>
      <c r="BF23" s="306"/>
      <c r="BG23" s="306"/>
      <c r="BH23" s="306"/>
      <c r="BI23" s="306"/>
      <c r="BJ23" s="306"/>
      <c r="BK23" s="306"/>
      <c r="BL23" s="306"/>
      <c r="BM23" s="306"/>
      <c r="BN23" s="306"/>
      <c r="BO23" s="306"/>
      <c r="BP23" s="306"/>
      <c r="BQ23" s="306"/>
      <c r="BR23" s="306"/>
      <c r="BS23" s="306"/>
      <c r="BT23" s="306"/>
      <c r="BU23" s="306"/>
      <c r="BV23" s="306"/>
      <c r="BW23" s="306"/>
      <c r="BX23" s="306"/>
      <c r="BY23" s="306"/>
      <c r="BZ23" s="306"/>
      <c r="CA23" s="306"/>
      <c r="CB23" s="306"/>
      <c r="CC23" s="306"/>
      <c r="CD23" s="306"/>
      <c r="CE23" s="306"/>
      <c r="CF23" s="306"/>
      <c r="CG23" s="306"/>
      <c r="CH23" s="306"/>
      <c r="CI23" s="306"/>
      <c r="CJ23" s="306"/>
      <c r="CK23" s="306"/>
      <c r="CL23" s="306"/>
      <c r="CM23" s="307"/>
      <c r="CQ23" s="1" ph="1"/>
      <c r="CR23" s="1" ph="1"/>
      <c r="CS23" s="1" ph="1"/>
      <c r="CT23" s="1" ph="1"/>
      <c r="CU23" s="1" ph="1"/>
      <c r="CV23" s="1" ph="1"/>
    </row>
    <row r="24" spans="1:100" ht="17.25" customHeight="1" x14ac:dyDescent="0.15">
      <c r="A24" s="385"/>
      <c r="B24" s="386"/>
      <c r="C24" s="386"/>
      <c r="D24" s="386"/>
      <c r="E24" s="387"/>
      <c r="F24" s="375"/>
      <c r="G24" s="375"/>
      <c r="H24" s="375"/>
      <c r="I24" s="375"/>
      <c r="J24" s="375"/>
      <c r="K24" s="375"/>
      <c r="L24" s="375"/>
      <c r="M24" s="375"/>
      <c r="N24" s="415"/>
      <c r="O24" s="420"/>
      <c r="P24" s="421"/>
      <c r="Q24" s="378" t="s">
        <v>223</v>
      </c>
      <c r="R24" s="378"/>
      <c r="S24" s="378"/>
      <c r="T24" s="378"/>
      <c r="U24" s="378"/>
      <c r="V24" s="378"/>
      <c r="W24" s="378"/>
      <c r="X24" s="378"/>
      <c r="Y24" s="378"/>
      <c r="Z24" s="378"/>
      <c r="AA24" s="378"/>
      <c r="AB24" s="378"/>
      <c r="AC24" s="378"/>
      <c r="AD24" s="378"/>
      <c r="AE24" s="378"/>
      <c r="AF24" s="378"/>
      <c r="AG24" s="378"/>
      <c r="AH24" s="378"/>
      <c r="AI24" s="378"/>
      <c r="AJ24" s="378"/>
      <c r="AK24" s="378"/>
      <c r="AL24" s="379"/>
      <c r="AM24" s="15"/>
      <c r="AN24" s="305" t="s">
        <v>1149</v>
      </c>
      <c r="AO24" s="306"/>
      <c r="AP24" s="306"/>
      <c r="AQ24" s="306"/>
      <c r="AR24" s="306"/>
      <c r="AS24" s="306" t="s">
        <v>1156</v>
      </c>
      <c r="AT24" s="306"/>
      <c r="AU24" s="306"/>
      <c r="AV24" s="306"/>
      <c r="AW24" s="306"/>
      <c r="AX24" s="306"/>
      <c r="AY24" s="306"/>
      <c r="AZ24" s="306"/>
      <c r="BA24" s="306"/>
      <c r="BB24" s="306"/>
      <c r="BC24" s="306"/>
      <c r="BD24" s="306"/>
      <c r="BE24" s="306"/>
      <c r="BF24" s="306"/>
      <c r="BG24" s="306"/>
      <c r="BH24" s="306"/>
      <c r="BI24" s="306"/>
      <c r="BJ24" s="306"/>
      <c r="BK24" s="306"/>
      <c r="BL24" s="306"/>
      <c r="BM24" s="306"/>
      <c r="BN24" s="306"/>
      <c r="BO24" s="306"/>
      <c r="BP24" s="306"/>
      <c r="BQ24" s="306"/>
      <c r="BR24" s="306"/>
      <c r="BS24" s="306"/>
      <c r="BT24" s="306"/>
      <c r="BU24" s="306"/>
      <c r="BV24" s="306"/>
      <c r="BW24" s="306"/>
      <c r="BX24" s="306"/>
      <c r="BY24" s="306"/>
      <c r="BZ24" s="306"/>
      <c r="CA24" s="306"/>
      <c r="CB24" s="306"/>
      <c r="CC24" s="306"/>
      <c r="CD24" s="306"/>
      <c r="CE24" s="306"/>
      <c r="CF24" s="306"/>
      <c r="CG24" s="306"/>
      <c r="CH24" s="306"/>
      <c r="CI24" s="306"/>
      <c r="CJ24" s="306"/>
      <c r="CK24" s="306"/>
      <c r="CL24" s="306"/>
      <c r="CM24" s="307"/>
      <c r="CQ24" s="1" ph="1"/>
      <c r="CR24" s="1" ph="1"/>
      <c r="CS24" s="1" ph="1"/>
      <c r="CT24" s="1" ph="1"/>
      <c r="CU24" s="1" ph="1"/>
      <c r="CV24" s="1" ph="1"/>
    </row>
    <row r="25" spans="1:100" ht="17.25" customHeight="1" x14ac:dyDescent="0.15">
      <c r="A25" s="361"/>
      <c r="B25" s="362"/>
      <c r="C25" s="362"/>
      <c r="D25" s="362"/>
      <c r="E25" s="363"/>
      <c r="F25" s="367" t="s">
        <v>1277</v>
      </c>
      <c r="G25" s="346"/>
      <c r="H25" s="346"/>
      <c r="I25" s="346"/>
      <c r="J25" s="346"/>
      <c r="K25" s="346"/>
      <c r="L25" s="346"/>
      <c r="M25" s="346"/>
      <c r="N25" s="415"/>
      <c r="O25" s="332" t="s">
        <v>258</v>
      </c>
      <c r="P25" s="332"/>
      <c r="Q25" s="347" t="s">
        <v>224</v>
      </c>
      <c r="R25" s="347"/>
      <c r="S25" s="347"/>
      <c r="T25" s="347"/>
      <c r="U25" s="347"/>
      <c r="V25" s="347"/>
      <c r="W25" s="347"/>
      <c r="X25" s="347"/>
      <c r="Y25" s="347"/>
      <c r="Z25" s="347"/>
      <c r="AA25" s="347"/>
      <c r="AB25" s="347"/>
      <c r="AC25" s="347"/>
      <c r="AD25" s="347"/>
      <c r="AE25" s="347"/>
      <c r="AF25" s="347"/>
      <c r="AG25" s="347"/>
      <c r="AH25" s="347"/>
      <c r="AI25" s="347"/>
      <c r="AJ25" s="347"/>
      <c r="AK25" s="347"/>
      <c r="AL25" s="347"/>
      <c r="AM25" s="15"/>
      <c r="AN25" s="61"/>
      <c r="AO25" s="62"/>
      <c r="AP25" s="62"/>
      <c r="AQ25" s="62"/>
      <c r="AR25" s="62"/>
      <c r="AS25" s="306" t="s">
        <v>1155</v>
      </c>
      <c r="AT25" s="306"/>
      <c r="AU25" s="306"/>
      <c r="AV25" s="306"/>
      <c r="AW25" s="306"/>
      <c r="AX25" s="306"/>
      <c r="AY25" s="306"/>
      <c r="AZ25" s="306"/>
      <c r="BA25" s="306"/>
      <c r="BB25" s="306"/>
      <c r="BC25" s="306"/>
      <c r="BD25" s="306"/>
      <c r="BE25" s="306"/>
      <c r="BF25" s="306"/>
      <c r="BG25" s="306"/>
      <c r="BH25" s="306"/>
      <c r="BI25" s="306"/>
      <c r="BJ25" s="306"/>
      <c r="BK25" s="306"/>
      <c r="BL25" s="306"/>
      <c r="BM25" s="306"/>
      <c r="BN25" s="306"/>
      <c r="BO25" s="306"/>
      <c r="BP25" s="306"/>
      <c r="BQ25" s="306"/>
      <c r="BR25" s="306"/>
      <c r="BS25" s="306"/>
      <c r="BT25" s="306"/>
      <c r="BU25" s="306"/>
      <c r="BV25" s="306"/>
      <c r="BW25" s="306"/>
      <c r="BX25" s="306"/>
      <c r="BY25" s="306"/>
      <c r="BZ25" s="306"/>
      <c r="CA25" s="306"/>
      <c r="CB25" s="306"/>
      <c r="CC25" s="306"/>
      <c r="CD25" s="306"/>
      <c r="CE25" s="306"/>
      <c r="CF25" s="306"/>
      <c r="CG25" s="306"/>
      <c r="CH25" s="306"/>
      <c r="CI25" s="306"/>
      <c r="CJ25" s="306"/>
      <c r="CK25" s="306"/>
      <c r="CL25" s="306"/>
      <c r="CM25" s="307"/>
      <c r="CQ25" s="1" ph="1"/>
      <c r="CR25" s="1" ph="1"/>
      <c r="CS25" s="1" ph="1"/>
      <c r="CT25" s="1" ph="1"/>
      <c r="CU25" s="1" ph="1"/>
      <c r="CV25" s="1" ph="1"/>
    </row>
    <row r="26" spans="1:100" ht="17.25" customHeight="1" x14ac:dyDescent="0.15">
      <c r="A26" s="361"/>
      <c r="B26" s="362"/>
      <c r="C26" s="362"/>
      <c r="D26" s="362"/>
      <c r="E26" s="363"/>
      <c r="F26" s="368" t="s">
        <v>1276</v>
      </c>
      <c r="G26" s="369"/>
      <c r="H26" s="369"/>
      <c r="I26" s="369"/>
      <c r="J26" s="369"/>
      <c r="K26" s="369"/>
      <c r="L26" s="369"/>
      <c r="M26" s="369"/>
      <c r="N26" s="415"/>
      <c r="O26" s="328"/>
      <c r="P26" s="328"/>
      <c r="Q26" s="348"/>
      <c r="R26" s="348"/>
      <c r="S26" s="348"/>
      <c r="T26" s="348"/>
      <c r="U26" s="348"/>
      <c r="V26" s="348"/>
      <c r="W26" s="348"/>
      <c r="X26" s="348"/>
      <c r="Y26" s="348"/>
      <c r="Z26" s="348"/>
      <c r="AA26" s="348"/>
      <c r="AB26" s="348"/>
      <c r="AC26" s="348"/>
      <c r="AD26" s="348"/>
      <c r="AE26" s="348"/>
      <c r="AF26" s="348"/>
      <c r="AG26" s="348"/>
      <c r="AH26" s="348"/>
      <c r="AI26" s="348"/>
      <c r="AJ26" s="348"/>
      <c r="AK26" s="348"/>
      <c r="AL26" s="348"/>
      <c r="AM26" s="15"/>
      <c r="AN26" s="305" t="s">
        <v>1150</v>
      </c>
      <c r="AO26" s="306"/>
      <c r="AP26" s="306"/>
      <c r="AQ26" s="306"/>
      <c r="AR26" s="306"/>
      <c r="AS26" s="306" t="s">
        <v>1157</v>
      </c>
      <c r="AT26" s="306"/>
      <c r="AU26" s="306"/>
      <c r="AV26" s="306"/>
      <c r="AW26" s="306"/>
      <c r="AX26" s="306"/>
      <c r="AY26" s="306"/>
      <c r="AZ26" s="306"/>
      <c r="BA26" s="306"/>
      <c r="BB26" s="306"/>
      <c r="BC26" s="306"/>
      <c r="BD26" s="306"/>
      <c r="BE26" s="306"/>
      <c r="BF26" s="306"/>
      <c r="BG26" s="306"/>
      <c r="BH26" s="306"/>
      <c r="BI26" s="306"/>
      <c r="BJ26" s="306"/>
      <c r="BK26" s="306"/>
      <c r="BL26" s="306"/>
      <c r="BM26" s="306"/>
      <c r="BN26" s="306"/>
      <c r="BO26" s="306"/>
      <c r="BP26" s="306"/>
      <c r="BQ26" s="306"/>
      <c r="BR26" s="306"/>
      <c r="BS26" s="306"/>
      <c r="BT26" s="306"/>
      <c r="BU26" s="306"/>
      <c r="BV26" s="306"/>
      <c r="BW26" s="306"/>
      <c r="BX26" s="306"/>
      <c r="BY26" s="306"/>
      <c r="BZ26" s="306"/>
      <c r="CA26" s="306"/>
      <c r="CB26" s="306"/>
      <c r="CC26" s="306"/>
      <c r="CD26" s="306"/>
      <c r="CE26" s="306"/>
      <c r="CF26" s="306"/>
      <c r="CG26" s="306"/>
      <c r="CH26" s="306"/>
      <c r="CI26" s="306"/>
      <c r="CJ26" s="306"/>
      <c r="CK26" s="306"/>
      <c r="CL26" s="306"/>
      <c r="CM26" s="307"/>
      <c r="CN26" s="15"/>
      <c r="CQ26" s="1" ph="1"/>
      <c r="CR26" s="1" ph="1"/>
      <c r="CS26" s="1" ph="1"/>
      <c r="CT26" s="1" ph="1"/>
      <c r="CU26" s="1" ph="1"/>
      <c r="CV26" s="1" ph="1"/>
    </row>
    <row r="27" spans="1:100" ht="17.25" customHeight="1" x14ac:dyDescent="0.15">
      <c r="A27" s="364"/>
      <c r="B27" s="365"/>
      <c r="C27" s="365"/>
      <c r="D27" s="365"/>
      <c r="E27" s="366"/>
      <c r="F27" s="370"/>
      <c r="G27" s="370"/>
      <c r="H27" s="370"/>
      <c r="I27" s="370"/>
      <c r="J27" s="370"/>
      <c r="K27" s="370"/>
      <c r="L27" s="370"/>
      <c r="M27" s="370"/>
      <c r="N27" s="415"/>
      <c r="O27" s="329"/>
      <c r="P27" s="329"/>
      <c r="Q27" s="355" t="s">
        <v>225</v>
      </c>
      <c r="R27" s="355"/>
      <c r="S27" s="355"/>
      <c r="T27" s="355"/>
      <c r="U27" s="355"/>
      <c r="V27" s="355"/>
      <c r="W27" s="355"/>
      <c r="X27" s="355"/>
      <c r="Y27" s="355"/>
      <c r="Z27" s="355"/>
      <c r="AA27" s="355"/>
      <c r="AB27" s="355"/>
      <c r="AC27" s="355"/>
      <c r="AD27" s="355"/>
      <c r="AE27" s="355"/>
      <c r="AF27" s="355"/>
      <c r="AG27" s="355"/>
      <c r="AH27" s="355"/>
      <c r="AI27" s="355"/>
      <c r="AJ27" s="355"/>
      <c r="AK27" s="355"/>
      <c r="AL27" s="355"/>
      <c r="AM27" s="15"/>
      <c r="AN27" s="63"/>
      <c r="AO27" s="64"/>
      <c r="AP27" s="64"/>
      <c r="AQ27" s="64"/>
      <c r="AR27" s="64"/>
      <c r="AS27" s="309" t="s">
        <v>1158</v>
      </c>
      <c r="AT27" s="309"/>
      <c r="AU27" s="309"/>
      <c r="AV27" s="309"/>
      <c r="AW27" s="309"/>
      <c r="AX27" s="309"/>
      <c r="AY27" s="309"/>
      <c r="AZ27" s="309"/>
      <c r="BA27" s="309"/>
      <c r="BB27" s="309"/>
      <c r="BC27" s="309"/>
      <c r="BD27" s="309"/>
      <c r="BE27" s="309"/>
      <c r="BF27" s="309"/>
      <c r="BG27" s="309"/>
      <c r="BH27" s="309"/>
      <c r="BI27" s="309"/>
      <c r="BJ27" s="309"/>
      <c r="BK27" s="309"/>
      <c r="BL27" s="309"/>
      <c r="BM27" s="309"/>
      <c r="BN27" s="309"/>
      <c r="BO27" s="309"/>
      <c r="BP27" s="309"/>
      <c r="BQ27" s="309"/>
      <c r="BR27" s="309"/>
      <c r="BS27" s="309"/>
      <c r="BT27" s="309"/>
      <c r="BU27" s="309"/>
      <c r="BV27" s="309"/>
      <c r="BW27" s="309"/>
      <c r="BX27" s="309"/>
      <c r="BY27" s="309"/>
      <c r="BZ27" s="309"/>
      <c r="CA27" s="309"/>
      <c r="CB27" s="309"/>
      <c r="CC27" s="309"/>
      <c r="CD27" s="309"/>
      <c r="CE27" s="309"/>
      <c r="CF27" s="309"/>
      <c r="CG27" s="309"/>
      <c r="CH27" s="309"/>
      <c r="CI27" s="309"/>
      <c r="CJ27" s="309"/>
      <c r="CK27" s="309"/>
      <c r="CL27" s="309"/>
      <c r="CM27" s="310"/>
      <c r="CN27" s="15"/>
      <c r="CQ27" s="1" ph="1"/>
      <c r="CR27" s="1" ph="1"/>
      <c r="CS27" s="1" ph="1"/>
      <c r="CT27" s="1" ph="1"/>
      <c r="CU27" s="1" ph="1"/>
      <c r="CV27" s="1" ph="1"/>
    </row>
    <row r="28" spans="1:100" ht="17.25" customHeight="1" x14ac:dyDescent="0.15">
      <c r="A28" s="332" t="s">
        <v>259</v>
      </c>
      <c r="B28" s="332"/>
      <c r="C28" s="332"/>
      <c r="D28" s="332"/>
      <c r="E28" s="332"/>
      <c r="F28" s="345" t="s">
        <v>1647</v>
      </c>
      <c r="G28" s="346"/>
      <c r="H28" s="346"/>
      <c r="I28" s="346"/>
      <c r="J28" s="346"/>
      <c r="K28" s="346"/>
      <c r="L28" s="346"/>
      <c r="M28" s="346"/>
      <c r="N28" s="415"/>
      <c r="O28" s="332" t="s">
        <v>260</v>
      </c>
      <c r="P28" s="332"/>
      <c r="Q28" s="347" t="s">
        <v>226</v>
      </c>
      <c r="R28" s="347"/>
      <c r="S28" s="347"/>
      <c r="T28" s="347"/>
      <c r="U28" s="347"/>
      <c r="V28" s="347"/>
      <c r="W28" s="347"/>
      <c r="X28" s="347"/>
      <c r="Y28" s="347"/>
      <c r="Z28" s="347"/>
      <c r="AA28" s="347"/>
      <c r="AB28" s="347"/>
      <c r="AC28" s="347"/>
      <c r="AD28" s="347"/>
      <c r="AE28" s="347"/>
      <c r="AF28" s="347"/>
      <c r="AG28" s="347"/>
      <c r="AH28" s="347"/>
      <c r="AI28" s="347"/>
      <c r="AJ28" s="347"/>
      <c r="AK28" s="347"/>
      <c r="AL28" s="347"/>
      <c r="AM28" s="15"/>
      <c r="AN28" s="255" t="s">
        <v>261</v>
      </c>
      <c r="AO28" s="255"/>
      <c r="AP28" s="255"/>
      <c r="AQ28" s="255"/>
      <c r="AR28" s="255"/>
      <c r="AS28" s="255"/>
      <c r="AT28" s="255"/>
      <c r="AU28" s="255"/>
      <c r="AV28" s="255"/>
      <c r="AW28" s="255"/>
      <c r="AX28" s="255"/>
      <c r="AY28" s="255"/>
      <c r="AZ28" s="255"/>
      <c r="BA28" s="255"/>
      <c r="BB28" s="255"/>
      <c r="BC28" s="255"/>
      <c r="BD28" s="255"/>
      <c r="BE28" s="255"/>
      <c r="BF28" s="255"/>
      <c r="BG28" s="255"/>
      <c r="BH28" s="255"/>
      <c r="BI28" s="255"/>
      <c r="BJ28" s="255"/>
      <c r="BK28" s="255"/>
      <c r="BL28" s="255"/>
      <c r="BM28" s="255"/>
      <c r="BN28" s="255"/>
      <c r="BO28" s="255"/>
      <c r="BP28" s="255"/>
      <c r="BQ28" s="134"/>
      <c r="BR28" s="135"/>
      <c r="CN28" s="15"/>
      <c r="CQ28" s="1" ph="1"/>
      <c r="CR28" s="1" ph="1"/>
      <c r="CS28" s="1" ph="1"/>
      <c r="CT28" s="1" ph="1"/>
      <c r="CU28" s="1" ph="1"/>
      <c r="CV28" s="1" ph="1"/>
    </row>
    <row r="29" spans="1:100" ht="17.25" customHeight="1" x14ac:dyDescent="0.15">
      <c r="A29" s="328"/>
      <c r="B29" s="328"/>
      <c r="C29" s="328"/>
      <c r="D29" s="328"/>
      <c r="E29" s="328"/>
      <c r="F29" s="336" t="s">
        <v>1646</v>
      </c>
      <c r="G29" s="337"/>
      <c r="H29" s="337"/>
      <c r="I29" s="337"/>
      <c r="J29" s="337"/>
      <c r="K29" s="337"/>
      <c r="L29" s="337"/>
      <c r="M29" s="338"/>
      <c r="N29" s="415"/>
      <c r="O29" s="328"/>
      <c r="P29" s="328"/>
      <c r="Q29" s="348"/>
      <c r="R29" s="348"/>
      <c r="S29" s="348"/>
      <c r="T29" s="348"/>
      <c r="U29" s="348"/>
      <c r="V29" s="348"/>
      <c r="W29" s="348"/>
      <c r="X29" s="348"/>
      <c r="Y29" s="348"/>
      <c r="Z29" s="348"/>
      <c r="AA29" s="348"/>
      <c r="AB29" s="348"/>
      <c r="AC29" s="348"/>
      <c r="AD29" s="348"/>
      <c r="AE29" s="348"/>
      <c r="AF29" s="348"/>
      <c r="AG29" s="348"/>
      <c r="AH29" s="348"/>
      <c r="AI29" s="348"/>
      <c r="AJ29" s="348"/>
      <c r="AK29" s="348"/>
      <c r="AL29" s="348"/>
      <c r="AM29" s="15"/>
      <c r="AN29" s="38"/>
      <c r="AO29" s="52"/>
      <c r="AP29" s="52"/>
      <c r="AQ29" s="52"/>
      <c r="AR29" s="52"/>
      <c r="AS29" s="52"/>
      <c r="AT29" s="52"/>
      <c r="AU29" s="349" t="s">
        <v>788</v>
      </c>
      <c r="AV29" s="349"/>
      <c r="AW29" s="349"/>
      <c r="AX29" s="349"/>
      <c r="AY29" s="349"/>
      <c r="AZ29" s="349"/>
      <c r="BA29" s="349"/>
      <c r="BB29" s="349"/>
      <c r="BC29" s="349"/>
      <c r="BD29" s="349"/>
      <c r="BE29" s="349"/>
      <c r="BF29" s="349"/>
      <c r="BG29" s="349"/>
      <c r="BH29" s="349"/>
      <c r="BI29" s="349"/>
      <c r="BJ29" s="349"/>
      <c r="BK29" s="349"/>
      <c r="BL29" s="349"/>
      <c r="BM29" s="349"/>
      <c r="BN29" s="349"/>
      <c r="BO29" s="349"/>
      <c r="BP29" s="350"/>
      <c r="BQ29" s="53"/>
      <c r="BR29" s="101"/>
      <c r="BS29" s="15"/>
      <c r="BZ29" s="15"/>
      <c r="CA29" s="15"/>
      <c r="CN29" s="15"/>
      <c r="CQ29" s="1" ph="1"/>
      <c r="CR29" s="1" ph="1"/>
      <c r="CS29" s="1" ph="1"/>
      <c r="CT29" s="1" ph="1"/>
      <c r="CU29" s="1" ph="1"/>
      <c r="CV29" s="1" ph="1"/>
    </row>
    <row r="30" spans="1:100" ht="17.25" customHeight="1" x14ac:dyDescent="0.15">
      <c r="A30" s="329"/>
      <c r="B30" s="329"/>
      <c r="C30" s="329"/>
      <c r="D30" s="329"/>
      <c r="E30" s="329"/>
      <c r="F30" s="339"/>
      <c r="G30" s="340"/>
      <c r="H30" s="340"/>
      <c r="I30" s="340"/>
      <c r="J30" s="340"/>
      <c r="K30" s="340"/>
      <c r="L30" s="340"/>
      <c r="M30" s="341"/>
      <c r="N30" s="415"/>
      <c r="O30" s="329"/>
      <c r="P30" s="329"/>
      <c r="Q30" s="355">
        <v>26271</v>
      </c>
      <c r="R30" s="355"/>
      <c r="S30" s="355"/>
      <c r="T30" s="355"/>
      <c r="U30" s="355"/>
      <c r="V30" s="355"/>
      <c r="W30" s="355"/>
      <c r="X30" s="355"/>
      <c r="Y30" s="355"/>
      <c r="Z30" s="355"/>
      <c r="AA30" s="355"/>
      <c r="AB30" s="355"/>
      <c r="AC30" s="355"/>
      <c r="AD30" s="355"/>
      <c r="AE30" s="355"/>
      <c r="AF30" s="355"/>
      <c r="AG30" s="355"/>
      <c r="AH30" s="355"/>
      <c r="AI30" s="355"/>
      <c r="AJ30" s="355"/>
      <c r="AK30" s="355"/>
      <c r="AL30" s="355"/>
      <c r="AM30" s="15"/>
      <c r="AN30" s="39"/>
      <c r="AO30" s="53"/>
      <c r="AP30" s="53"/>
      <c r="AQ30" s="53"/>
      <c r="AR30" s="53"/>
      <c r="AS30" s="53"/>
      <c r="AT30" s="53"/>
      <c r="AU30" s="351"/>
      <c r="AV30" s="351"/>
      <c r="AW30" s="351"/>
      <c r="AX30" s="351"/>
      <c r="AY30" s="351"/>
      <c r="AZ30" s="351"/>
      <c r="BA30" s="351"/>
      <c r="BB30" s="351"/>
      <c r="BC30" s="351"/>
      <c r="BD30" s="351"/>
      <c r="BE30" s="351"/>
      <c r="BF30" s="351"/>
      <c r="BG30" s="351"/>
      <c r="BH30" s="351"/>
      <c r="BI30" s="351"/>
      <c r="BJ30" s="351"/>
      <c r="BK30" s="351"/>
      <c r="BL30" s="351"/>
      <c r="BM30" s="351"/>
      <c r="BN30" s="351"/>
      <c r="BO30" s="351"/>
      <c r="BP30" s="352"/>
      <c r="BQ30" s="53"/>
      <c r="BR30" s="136" t="s">
        <v>262</v>
      </c>
      <c r="BS30" s="108"/>
      <c r="BT30" s="108"/>
      <c r="BU30" s="108"/>
      <c r="BV30" s="108"/>
      <c r="BW30" s="108"/>
      <c r="BX30" s="108"/>
      <c r="BY30" s="327">
        <v>2</v>
      </c>
      <c r="BZ30" s="327"/>
      <c r="CA30" s="327"/>
      <c r="CB30" s="327"/>
      <c r="CC30" s="327"/>
      <c r="CD30" s="327"/>
      <c r="CE30" s="327"/>
      <c r="CF30" s="327"/>
      <c r="CG30" s="327"/>
      <c r="CH30" s="327"/>
      <c r="CI30" s="327"/>
      <c r="CM30" s="108"/>
      <c r="CN30" s="15"/>
      <c r="CQ30" s="1" ph="1"/>
      <c r="CR30" s="1" ph="1"/>
      <c r="CS30" s="1" ph="1"/>
      <c r="CT30" s="1" ph="1"/>
      <c r="CU30" s="1" ph="1"/>
      <c r="CV30" s="1" ph="1"/>
    </row>
    <row r="31" spans="1:100" ht="17.25" customHeight="1" x14ac:dyDescent="0.15">
      <c r="A31" s="328" t="s">
        <v>263</v>
      </c>
      <c r="B31" s="328"/>
      <c r="C31" s="328"/>
      <c r="D31" s="328"/>
      <c r="E31" s="328"/>
      <c r="F31" s="330" t="s">
        <v>1649</v>
      </c>
      <c r="G31" s="331"/>
      <c r="H31" s="331"/>
      <c r="I31" s="331"/>
      <c r="J31" s="331"/>
      <c r="K31" s="331"/>
      <c r="L31" s="331"/>
      <c r="M31" s="331"/>
      <c r="N31" s="415"/>
      <c r="O31" s="332" t="s">
        <v>264</v>
      </c>
      <c r="P31" s="332"/>
      <c r="Q31" s="333" t="s">
        <v>227</v>
      </c>
      <c r="R31" s="334"/>
      <c r="S31" s="334"/>
      <c r="T31" s="334"/>
      <c r="U31" s="334"/>
      <c r="V31" s="334"/>
      <c r="W31" s="334"/>
      <c r="X31" s="334"/>
      <c r="Y31" s="334"/>
      <c r="Z31" s="334"/>
      <c r="AA31" s="334"/>
      <c r="AB31" s="334"/>
      <c r="AC31" s="334"/>
      <c r="AD31" s="334"/>
      <c r="AE31" s="334"/>
      <c r="AF31" s="334"/>
      <c r="AG31" s="334"/>
      <c r="AH31" s="334"/>
      <c r="AI31" s="334"/>
      <c r="AJ31" s="334"/>
      <c r="AK31" s="334"/>
      <c r="AL31" s="334"/>
      <c r="AM31" s="15"/>
      <c r="AN31" s="39"/>
      <c r="AO31" s="53"/>
      <c r="AP31" s="53"/>
      <c r="AQ31" s="53"/>
      <c r="AR31" s="53"/>
      <c r="AS31" s="53"/>
      <c r="AT31" s="53"/>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54"/>
      <c r="BR31" s="287" t="s">
        <v>265</v>
      </c>
      <c r="BS31" s="287"/>
      <c r="BT31" s="287"/>
      <c r="BU31" s="287"/>
      <c r="BV31" s="287"/>
      <c r="BW31" s="287"/>
      <c r="BX31" s="287"/>
      <c r="BY31" s="287" t="s">
        <v>266</v>
      </c>
      <c r="BZ31" s="287"/>
      <c r="CA31" s="287"/>
      <c r="CB31" s="287"/>
      <c r="CC31" s="287"/>
      <c r="CD31" s="287"/>
      <c r="CE31" s="287"/>
      <c r="CF31" s="287"/>
      <c r="CG31" s="287"/>
      <c r="CH31" s="287" t="s">
        <v>411</v>
      </c>
      <c r="CI31" s="287"/>
      <c r="CJ31" s="287"/>
      <c r="CK31" s="287"/>
      <c r="CL31" s="287"/>
      <c r="CM31" s="287"/>
      <c r="CN31" s="15"/>
      <c r="CQ31" s="1" ph="1"/>
      <c r="CR31" s="1" ph="1"/>
      <c r="CS31" s="1" ph="1"/>
      <c r="CT31" s="1" ph="1"/>
      <c r="CU31" s="1" ph="1"/>
      <c r="CV31" s="1" ph="1"/>
    </row>
    <row r="32" spans="1:100" ht="17.25" customHeight="1" x14ac:dyDescent="0.15">
      <c r="A32" s="328"/>
      <c r="B32" s="328"/>
      <c r="C32" s="328"/>
      <c r="D32" s="328"/>
      <c r="E32" s="328"/>
      <c r="F32" s="336" t="s">
        <v>1648</v>
      </c>
      <c r="G32" s="337"/>
      <c r="H32" s="337"/>
      <c r="I32" s="337"/>
      <c r="J32" s="337"/>
      <c r="K32" s="337"/>
      <c r="L32" s="337"/>
      <c r="M32" s="338"/>
      <c r="N32" s="415"/>
      <c r="O32" s="328"/>
      <c r="P32" s="328"/>
      <c r="Q32" s="335"/>
      <c r="R32" s="335"/>
      <c r="S32" s="335"/>
      <c r="T32" s="335"/>
      <c r="U32" s="335"/>
      <c r="V32" s="335"/>
      <c r="W32" s="335"/>
      <c r="X32" s="335"/>
      <c r="Y32" s="335"/>
      <c r="Z32" s="335"/>
      <c r="AA32" s="335"/>
      <c r="AB32" s="335"/>
      <c r="AC32" s="335"/>
      <c r="AD32" s="335"/>
      <c r="AE32" s="335"/>
      <c r="AF32" s="335"/>
      <c r="AG32" s="335"/>
      <c r="AH32" s="335"/>
      <c r="AI32" s="335"/>
      <c r="AJ32" s="335"/>
      <c r="AK32" s="335"/>
      <c r="AL32" s="335"/>
      <c r="AM32" s="15"/>
      <c r="AN32" s="39"/>
      <c r="AO32" s="53"/>
      <c r="AP32" s="53"/>
      <c r="AQ32" s="53"/>
      <c r="AR32" s="53"/>
      <c r="AS32" s="53"/>
      <c r="AT32" s="53"/>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53"/>
      <c r="BR32" s="287"/>
      <c r="BS32" s="287"/>
      <c r="BT32" s="287"/>
      <c r="BU32" s="287"/>
      <c r="BV32" s="287"/>
      <c r="BW32" s="287"/>
      <c r="BX32" s="287"/>
      <c r="BY32" s="287"/>
      <c r="BZ32" s="287"/>
      <c r="CA32" s="287"/>
      <c r="CB32" s="287"/>
      <c r="CC32" s="287"/>
      <c r="CD32" s="287"/>
      <c r="CE32" s="287"/>
      <c r="CF32" s="287"/>
      <c r="CG32" s="287"/>
      <c r="CH32" s="287"/>
      <c r="CI32" s="287"/>
      <c r="CJ32" s="287"/>
      <c r="CK32" s="287"/>
      <c r="CL32" s="287"/>
      <c r="CM32" s="287"/>
      <c r="CQ32" s="1" ph="1"/>
      <c r="CR32" s="1" ph="1"/>
      <c r="CS32" s="1" ph="1"/>
      <c r="CT32" s="1" ph="1"/>
      <c r="CU32" s="1" ph="1"/>
      <c r="CV32" s="1" ph="1"/>
    </row>
    <row r="33" spans="1:100" ht="17.25" customHeight="1" x14ac:dyDescent="0.15">
      <c r="A33" s="329"/>
      <c r="B33" s="329"/>
      <c r="C33" s="329"/>
      <c r="D33" s="329"/>
      <c r="E33" s="329"/>
      <c r="F33" s="339"/>
      <c r="G33" s="340"/>
      <c r="H33" s="340"/>
      <c r="I33" s="340"/>
      <c r="J33" s="340"/>
      <c r="K33" s="340"/>
      <c r="L33" s="340"/>
      <c r="M33" s="341"/>
      <c r="N33" s="415"/>
      <c r="O33" s="329"/>
      <c r="P33" s="329"/>
      <c r="Q33" s="342" t="s">
        <v>789</v>
      </c>
      <c r="R33" s="343"/>
      <c r="S33" s="343"/>
      <c r="T33" s="343"/>
      <c r="U33" s="343"/>
      <c r="V33" s="343"/>
      <c r="W33" s="343"/>
      <c r="X33" s="343"/>
      <c r="Y33" s="343"/>
      <c r="Z33" s="343"/>
      <c r="AA33" s="343"/>
      <c r="AB33" s="343"/>
      <c r="AC33" s="343"/>
      <c r="AD33" s="343"/>
      <c r="AE33" s="343"/>
      <c r="AF33" s="343"/>
      <c r="AG33" s="343"/>
      <c r="AH33" s="343"/>
      <c r="AI33" s="343"/>
      <c r="AJ33" s="343"/>
      <c r="AK33" s="343"/>
      <c r="AL33" s="344"/>
      <c r="AM33" s="15"/>
      <c r="AN33" s="40"/>
      <c r="AO33" s="55"/>
      <c r="AP33" s="55"/>
      <c r="AQ33" s="55"/>
      <c r="AR33" s="55"/>
      <c r="AS33" s="55"/>
      <c r="AT33" s="55"/>
      <c r="AU33" s="353"/>
      <c r="AV33" s="353"/>
      <c r="AW33" s="353"/>
      <c r="AX33" s="353"/>
      <c r="AY33" s="353"/>
      <c r="AZ33" s="353"/>
      <c r="BA33" s="353"/>
      <c r="BB33" s="353"/>
      <c r="BC33" s="353"/>
      <c r="BD33" s="353"/>
      <c r="BE33" s="353"/>
      <c r="BF33" s="353"/>
      <c r="BG33" s="353"/>
      <c r="BH33" s="353"/>
      <c r="BI33" s="353"/>
      <c r="BJ33" s="353"/>
      <c r="BK33" s="353"/>
      <c r="BL33" s="353"/>
      <c r="BM33" s="353"/>
      <c r="BN33" s="353"/>
      <c r="BO33" s="353"/>
      <c r="BP33" s="354"/>
      <c r="BQ33" s="53"/>
      <c r="BR33" s="287" t="s">
        <v>267</v>
      </c>
      <c r="BS33" s="287"/>
      <c r="BT33" s="287"/>
      <c r="BU33" s="287"/>
      <c r="BV33" s="287"/>
      <c r="BW33" s="287"/>
      <c r="BX33" s="287"/>
      <c r="BY33" s="356">
        <v>7482</v>
      </c>
      <c r="BZ33" s="356"/>
      <c r="CA33" s="357"/>
      <c r="CB33" s="357"/>
      <c r="CC33" s="357"/>
      <c r="CD33" s="357"/>
      <c r="CE33" s="357"/>
      <c r="CF33" s="357"/>
      <c r="CG33" s="357"/>
      <c r="CH33" s="286">
        <v>0.4577</v>
      </c>
      <c r="CI33" s="286"/>
      <c r="CJ33" s="286"/>
      <c r="CK33" s="286"/>
      <c r="CL33" s="286"/>
      <c r="CM33" s="286"/>
      <c r="CQ33" s="1" ph="1"/>
      <c r="CR33" s="1" ph="1"/>
      <c r="CS33" s="1" ph="1"/>
      <c r="CT33" s="1" ph="1"/>
      <c r="CU33" s="1" ph="1"/>
      <c r="CV33" s="1" ph="1"/>
    </row>
    <row r="34" spans="1:100" ht="17.25" customHeight="1" x14ac:dyDescent="0.15">
      <c r="A34" s="358" t="s">
        <v>268</v>
      </c>
      <c r="B34" s="359"/>
      <c r="C34" s="359"/>
      <c r="D34" s="359"/>
      <c r="E34" s="359"/>
      <c r="F34" s="359"/>
      <c r="G34" s="359"/>
      <c r="H34" s="359"/>
      <c r="I34" s="359"/>
      <c r="J34" s="359"/>
      <c r="K34" s="359"/>
      <c r="L34" s="359"/>
      <c r="M34" s="359"/>
      <c r="N34" s="359"/>
      <c r="O34" s="359"/>
      <c r="P34" s="359"/>
      <c r="Q34" s="359"/>
      <c r="R34" s="359"/>
      <c r="S34" s="359"/>
      <c r="T34" s="359"/>
      <c r="U34" s="359"/>
      <c r="V34" s="359"/>
      <c r="W34" s="359"/>
      <c r="X34" s="359"/>
      <c r="Y34" s="359"/>
      <c r="Z34" s="359"/>
      <c r="AA34" s="359"/>
      <c r="AB34" s="359"/>
      <c r="AC34" s="359"/>
      <c r="AD34" s="359"/>
      <c r="AE34" s="359"/>
      <c r="AF34" s="359"/>
      <c r="AG34" s="359"/>
      <c r="AH34" s="359"/>
      <c r="AI34" s="359"/>
      <c r="AJ34" s="359"/>
      <c r="AK34" s="359"/>
      <c r="AL34" s="359"/>
      <c r="AM34" s="15"/>
      <c r="AN34" s="255" t="s">
        <v>269</v>
      </c>
      <c r="AO34" s="255"/>
      <c r="AP34" s="360"/>
      <c r="AQ34" s="360"/>
      <c r="AR34" s="360"/>
      <c r="AS34" s="360"/>
      <c r="AT34" s="360"/>
      <c r="AU34" s="360"/>
      <c r="AV34" s="360"/>
      <c r="AW34" s="360"/>
      <c r="AX34" s="360"/>
      <c r="AY34" s="360"/>
      <c r="AZ34" s="360"/>
      <c r="BA34" s="360"/>
      <c r="BB34" s="360"/>
      <c r="BC34" s="360"/>
      <c r="BD34" s="360"/>
      <c r="BE34" s="360"/>
      <c r="BF34" s="360"/>
      <c r="BG34" s="360"/>
      <c r="BH34" s="360"/>
      <c r="BI34" s="360"/>
      <c r="BJ34" s="360"/>
      <c r="BK34" s="360"/>
      <c r="BL34" s="360"/>
      <c r="BM34" s="360"/>
      <c r="BN34" s="360"/>
      <c r="BO34" s="360"/>
      <c r="BP34" s="137"/>
      <c r="BQ34" s="137"/>
      <c r="BR34" s="287"/>
      <c r="BS34" s="287"/>
      <c r="BT34" s="287"/>
      <c r="BU34" s="287"/>
      <c r="BV34" s="287"/>
      <c r="BW34" s="287"/>
      <c r="BX34" s="287"/>
      <c r="BY34" s="357"/>
      <c r="BZ34" s="357"/>
      <c r="CA34" s="357"/>
      <c r="CB34" s="357"/>
      <c r="CC34" s="357"/>
      <c r="CD34" s="357"/>
      <c r="CE34" s="357"/>
      <c r="CF34" s="357"/>
      <c r="CG34" s="357"/>
      <c r="CH34" s="286"/>
      <c r="CI34" s="286"/>
      <c r="CJ34" s="286"/>
      <c r="CK34" s="286"/>
      <c r="CL34" s="286"/>
      <c r="CM34" s="286"/>
      <c r="CQ34" s="1" ph="1"/>
    </row>
    <row r="35" spans="1:100" ht="17.25" customHeight="1" x14ac:dyDescent="0.15">
      <c r="A35" s="302" t="s">
        <v>1112</v>
      </c>
      <c r="B35" s="303"/>
      <c r="C35" s="303"/>
      <c r="D35" s="303"/>
      <c r="E35" s="303"/>
      <c r="F35" s="303"/>
      <c r="G35" s="303"/>
      <c r="H35" s="303"/>
      <c r="I35" s="303"/>
      <c r="J35" s="303"/>
      <c r="K35" s="303"/>
      <c r="L35" s="303"/>
      <c r="M35" s="303"/>
      <c r="N35" s="303"/>
      <c r="O35" s="303"/>
      <c r="P35" s="303"/>
      <c r="Q35" s="303"/>
      <c r="R35" s="303"/>
      <c r="S35" s="303"/>
      <c r="T35" s="303"/>
      <c r="U35" s="303"/>
      <c r="V35" s="303"/>
      <c r="W35" s="303"/>
      <c r="X35" s="303"/>
      <c r="Y35" s="303"/>
      <c r="Z35" s="303"/>
      <c r="AA35" s="303"/>
      <c r="AB35" s="303"/>
      <c r="AC35" s="303"/>
      <c r="AD35" s="303"/>
      <c r="AE35" s="303"/>
      <c r="AF35" s="303"/>
      <c r="AG35" s="303"/>
      <c r="AH35" s="303"/>
      <c r="AI35" s="303"/>
      <c r="AJ35" s="303"/>
      <c r="AK35" s="303"/>
      <c r="AL35" s="304"/>
      <c r="AM35" s="15"/>
      <c r="AN35" s="287" t="s">
        <v>265</v>
      </c>
      <c r="AO35" s="287"/>
      <c r="AP35" s="287"/>
      <c r="AQ35" s="287"/>
      <c r="AR35" s="287"/>
      <c r="AS35" s="287"/>
      <c r="AT35" s="287"/>
      <c r="AU35" s="287"/>
      <c r="AV35" s="287"/>
      <c r="AW35" s="292" t="s">
        <v>270</v>
      </c>
      <c r="AX35" s="293"/>
      <c r="AY35" s="293"/>
      <c r="AZ35" s="293"/>
      <c r="BA35" s="293"/>
      <c r="BB35" s="293"/>
      <c r="BC35" s="293"/>
      <c r="BD35" s="293"/>
      <c r="BE35" s="293"/>
      <c r="BF35" s="294"/>
      <c r="BG35" s="292" t="s">
        <v>271</v>
      </c>
      <c r="BH35" s="293"/>
      <c r="BI35" s="293"/>
      <c r="BJ35" s="293"/>
      <c r="BK35" s="293"/>
      <c r="BL35" s="293"/>
      <c r="BM35" s="293"/>
      <c r="BN35" s="293"/>
      <c r="BO35" s="293"/>
      <c r="BP35" s="294"/>
      <c r="BQ35" s="78"/>
      <c r="BR35" s="292" t="s">
        <v>272</v>
      </c>
      <c r="BS35" s="293"/>
      <c r="BT35" s="293"/>
      <c r="BU35" s="293"/>
      <c r="BV35" s="293"/>
      <c r="BW35" s="293"/>
      <c r="BX35" s="294"/>
      <c r="BY35" s="284">
        <v>301600</v>
      </c>
      <c r="BZ35" s="285"/>
      <c r="CA35" s="243"/>
      <c r="CB35" s="243"/>
      <c r="CC35" s="243"/>
      <c r="CD35" s="243"/>
      <c r="CE35" s="243"/>
      <c r="CF35" s="243"/>
      <c r="CG35" s="244"/>
      <c r="CH35" s="286">
        <v>18.450040000000001</v>
      </c>
      <c r="CI35" s="286"/>
      <c r="CJ35" s="286"/>
      <c r="CK35" s="286"/>
      <c r="CL35" s="286"/>
      <c r="CM35" s="286"/>
      <c r="CQ35" s="1" ph="1"/>
    </row>
    <row r="36" spans="1:100" ht="17.25" customHeight="1" x14ac:dyDescent="0.15">
      <c r="A36" s="305"/>
      <c r="B36" s="306"/>
      <c r="C36" s="306"/>
      <c r="D36" s="306"/>
      <c r="E36" s="306"/>
      <c r="F36" s="306"/>
      <c r="G36" s="306"/>
      <c r="H36" s="306"/>
      <c r="I36" s="306"/>
      <c r="J36" s="306"/>
      <c r="K36" s="306"/>
      <c r="L36" s="306"/>
      <c r="M36" s="306"/>
      <c r="N36" s="306"/>
      <c r="O36" s="306"/>
      <c r="P36" s="306"/>
      <c r="Q36" s="306"/>
      <c r="R36" s="306"/>
      <c r="S36" s="306"/>
      <c r="T36" s="306"/>
      <c r="U36" s="306"/>
      <c r="V36" s="306"/>
      <c r="W36" s="306"/>
      <c r="X36" s="306"/>
      <c r="Y36" s="306"/>
      <c r="Z36" s="306"/>
      <c r="AA36" s="306"/>
      <c r="AB36" s="306"/>
      <c r="AC36" s="306"/>
      <c r="AD36" s="306"/>
      <c r="AE36" s="306"/>
      <c r="AF36" s="306"/>
      <c r="AG36" s="306"/>
      <c r="AH36" s="306"/>
      <c r="AI36" s="306"/>
      <c r="AJ36" s="306"/>
      <c r="AK36" s="306"/>
      <c r="AL36" s="307"/>
      <c r="AM36" s="15"/>
      <c r="AN36" s="287"/>
      <c r="AO36" s="287"/>
      <c r="AP36" s="287"/>
      <c r="AQ36" s="287"/>
      <c r="AR36" s="287"/>
      <c r="AS36" s="287"/>
      <c r="AT36" s="287"/>
      <c r="AU36" s="287"/>
      <c r="AV36" s="287"/>
      <c r="AW36" s="295"/>
      <c r="AX36" s="296"/>
      <c r="AY36" s="296"/>
      <c r="AZ36" s="296"/>
      <c r="BA36" s="296"/>
      <c r="BB36" s="296"/>
      <c r="BC36" s="296"/>
      <c r="BD36" s="296"/>
      <c r="BE36" s="296"/>
      <c r="BF36" s="297"/>
      <c r="BG36" s="295"/>
      <c r="BH36" s="296"/>
      <c r="BI36" s="296"/>
      <c r="BJ36" s="296"/>
      <c r="BK36" s="296"/>
      <c r="BL36" s="296"/>
      <c r="BM36" s="296"/>
      <c r="BN36" s="296"/>
      <c r="BO36" s="296"/>
      <c r="BP36" s="297"/>
      <c r="BQ36" s="78"/>
      <c r="BR36" s="295"/>
      <c r="BS36" s="296"/>
      <c r="BT36" s="296"/>
      <c r="BU36" s="296"/>
      <c r="BV36" s="296"/>
      <c r="BW36" s="296"/>
      <c r="BX36" s="297"/>
      <c r="BY36" s="245"/>
      <c r="BZ36" s="246"/>
      <c r="CA36" s="246"/>
      <c r="CB36" s="246"/>
      <c r="CC36" s="246"/>
      <c r="CD36" s="246"/>
      <c r="CE36" s="246"/>
      <c r="CF36" s="246"/>
      <c r="CG36" s="247"/>
      <c r="CH36" s="286"/>
      <c r="CI36" s="286"/>
      <c r="CJ36" s="286"/>
      <c r="CK36" s="286"/>
      <c r="CL36" s="286"/>
      <c r="CM36" s="286"/>
      <c r="CQ36" s="1" ph="1"/>
    </row>
    <row r="37" spans="1:100" ht="17.25" customHeight="1" x14ac:dyDescent="0.15">
      <c r="A37" s="305"/>
      <c r="B37" s="306"/>
      <c r="C37" s="306"/>
      <c r="D37" s="306"/>
      <c r="E37" s="306"/>
      <c r="F37" s="306"/>
      <c r="G37" s="306"/>
      <c r="H37" s="306"/>
      <c r="I37" s="306"/>
      <c r="J37" s="306"/>
      <c r="K37" s="306"/>
      <c r="L37" s="306"/>
      <c r="M37" s="306"/>
      <c r="N37" s="306"/>
      <c r="O37" s="306"/>
      <c r="P37" s="306"/>
      <c r="Q37" s="306"/>
      <c r="R37" s="306"/>
      <c r="S37" s="306"/>
      <c r="T37" s="306"/>
      <c r="U37" s="306"/>
      <c r="V37" s="306"/>
      <c r="W37" s="306"/>
      <c r="X37" s="306"/>
      <c r="Y37" s="306"/>
      <c r="Z37" s="306"/>
      <c r="AA37" s="306"/>
      <c r="AB37" s="306"/>
      <c r="AC37" s="306"/>
      <c r="AD37" s="306"/>
      <c r="AE37" s="306"/>
      <c r="AF37" s="306"/>
      <c r="AG37" s="306"/>
      <c r="AH37" s="306"/>
      <c r="AI37" s="306"/>
      <c r="AJ37" s="306"/>
      <c r="AK37" s="306"/>
      <c r="AL37" s="307"/>
      <c r="AM37" s="15"/>
      <c r="AN37" s="287" t="s">
        <v>399</v>
      </c>
      <c r="AO37" s="287"/>
      <c r="AP37" s="287"/>
      <c r="AQ37" s="287"/>
      <c r="AR37" s="287"/>
      <c r="AS37" s="287"/>
      <c r="AT37" s="287"/>
      <c r="AU37" s="287"/>
      <c r="AV37" s="287"/>
      <c r="AW37" s="284">
        <v>3724844</v>
      </c>
      <c r="AX37" s="285"/>
      <c r="AY37" s="285"/>
      <c r="AZ37" s="285"/>
      <c r="BA37" s="285"/>
      <c r="BB37" s="285"/>
      <c r="BC37" s="285"/>
      <c r="BD37" s="285"/>
      <c r="BE37" s="285"/>
      <c r="BF37" s="288"/>
      <c r="BG37" s="284">
        <v>1645618</v>
      </c>
      <c r="BH37" s="285"/>
      <c r="BI37" s="285"/>
      <c r="BJ37" s="285"/>
      <c r="BK37" s="285"/>
      <c r="BL37" s="285"/>
      <c r="BM37" s="285"/>
      <c r="BN37" s="285"/>
      <c r="BO37" s="285"/>
      <c r="BP37" s="288"/>
      <c r="BQ37" s="138"/>
      <c r="BR37" s="292" t="s">
        <v>273</v>
      </c>
      <c r="BS37" s="293"/>
      <c r="BT37" s="293"/>
      <c r="BU37" s="293"/>
      <c r="BV37" s="293"/>
      <c r="BW37" s="293"/>
      <c r="BX37" s="294"/>
      <c r="BY37" s="284">
        <v>1325603</v>
      </c>
      <c r="BZ37" s="285"/>
      <c r="CA37" s="243"/>
      <c r="CB37" s="243"/>
      <c r="CC37" s="243"/>
      <c r="CD37" s="243"/>
      <c r="CE37" s="243"/>
      <c r="CF37" s="243"/>
      <c r="CG37" s="244"/>
      <c r="CH37" s="286">
        <v>81.092259999999996</v>
      </c>
      <c r="CI37" s="286"/>
      <c r="CJ37" s="286"/>
      <c r="CK37" s="286"/>
      <c r="CL37" s="286"/>
      <c r="CM37" s="286"/>
      <c r="CQ37" s="1" ph="1"/>
    </row>
    <row r="38" spans="1:100" ht="17.25" customHeight="1" x14ac:dyDescent="0.15">
      <c r="A38" s="305"/>
      <c r="B38" s="306"/>
      <c r="C38" s="306"/>
      <c r="D38" s="306"/>
      <c r="E38" s="306"/>
      <c r="F38" s="306"/>
      <c r="G38" s="306"/>
      <c r="H38" s="306"/>
      <c r="I38" s="306"/>
      <c r="J38" s="306"/>
      <c r="K38" s="306"/>
      <c r="L38" s="306"/>
      <c r="M38" s="306"/>
      <c r="N38" s="306"/>
      <c r="O38" s="306"/>
      <c r="P38" s="306"/>
      <c r="Q38" s="306"/>
      <c r="R38" s="306"/>
      <c r="S38" s="306"/>
      <c r="T38" s="306"/>
      <c r="U38" s="306"/>
      <c r="V38" s="306"/>
      <c r="W38" s="306"/>
      <c r="X38" s="306"/>
      <c r="Y38" s="306"/>
      <c r="Z38" s="306"/>
      <c r="AA38" s="306"/>
      <c r="AB38" s="306"/>
      <c r="AC38" s="306"/>
      <c r="AD38" s="306"/>
      <c r="AE38" s="306"/>
      <c r="AF38" s="306"/>
      <c r="AG38" s="306"/>
      <c r="AH38" s="306"/>
      <c r="AI38" s="306"/>
      <c r="AJ38" s="306"/>
      <c r="AK38" s="306"/>
      <c r="AL38" s="307"/>
      <c r="AM38" s="15"/>
      <c r="AN38" s="287"/>
      <c r="AO38" s="287"/>
      <c r="AP38" s="287"/>
      <c r="AQ38" s="287"/>
      <c r="AR38" s="287"/>
      <c r="AS38" s="287"/>
      <c r="AT38" s="287"/>
      <c r="AU38" s="287"/>
      <c r="AV38" s="287"/>
      <c r="AW38" s="289"/>
      <c r="AX38" s="290"/>
      <c r="AY38" s="290"/>
      <c r="AZ38" s="290"/>
      <c r="BA38" s="290"/>
      <c r="BB38" s="290"/>
      <c r="BC38" s="290"/>
      <c r="BD38" s="290"/>
      <c r="BE38" s="290"/>
      <c r="BF38" s="291"/>
      <c r="BG38" s="289"/>
      <c r="BH38" s="290"/>
      <c r="BI38" s="290"/>
      <c r="BJ38" s="290"/>
      <c r="BK38" s="290"/>
      <c r="BL38" s="290"/>
      <c r="BM38" s="290"/>
      <c r="BN38" s="290"/>
      <c r="BO38" s="290"/>
      <c r="BP38" s="291"/>
      <c r="BQ38" s="138"/>
      <c r="BR38" s="295"/>
      <c r="BS38" s="296"/>
      <c r="BT38" s="296"/>
      <c r="BU38" s="296"/>
      <c r="BV38" s="296"/>
      <c r="BW38" s="296"/>
      <c r="BX38" s="297"/>
      <c r="BY38" s="245"/>
      <c r="BZ38" s="246"/>
      <c r="CA38" s="246"/>
      <c r="CB38" s="246"/>
      <c r="CC38" s="246"/>
      <c r="CD38" s="246"/>
      <c r="CE38" s="246"/>
      <c r="CF38" s="246"/>
      <c r="CG38" s="247"/>
      <c r="CH38" s="286"/>
      <c r="CI38" s="286"/>
      <c r="CJ38" s="286"/>
      <c r="CK38" s="286"/>
      <c r="CL38" s="286"/>
      <c r="CM38" s="286"/>
      <c r="CQ38" s="1" ph="1"/>
    </row>
    <row r="39" spans="1:100" ht="17.25" customHeight="1" x14ac:dyDescent="0.15">
      <c r="A39" s="308"/>
      <c r="B39" s="309"/>
      <c r="C39" s="309"/>
      <c r="D39" s="309"/>
      <c r="E39" s="309"/>
      <c r="F39" s="309"/>
      <c r="G39" s="309"/>
      <c r="H39" s="309"/>
      <c r="I39" s="309"/>
      <c r="J39" s="309"/>
      <c r="K39" s="309"/>
      <c r="L39" s="309"/>
      <c r="M39" s="309"/>
      <c r="N39" s="309"/>
      <c r="O39" s="309"/>
      <c r="P39" s="309"/>
      <c r="Q39" s="309"/>
      <c r="R39" s="309"/>
      <c r="S39" s="309"/>
      <c r="T39" s="309"/>
      <c r="U39" s="309"/>
      <c r="V39" s="309"/>
      <c r="W39" s="309"/>
      <c r="X39" s="309"/>
      <c r="Y39" s="309"/>
      <c r="Z39" s="309"/>
      <c r="AA39" s="309"/>
      <c r="AB39" s="309"/>
      <c r="AC39" s="309"/>
      <c r="AD39" s="309"/>
      <c r="AE39" s="309"/>
      <c r="AF39" s="309"/>
      <c r="AG39" s="309"/>
      <c r="AH39" s="309"/>
      <c r="AI39" s="309"/>
      <c r="AJ39" s="309"/>
      <c r="AK39" s="309"/>
      <c r="AL39" s="310"/>
      <c r="AM39" s="15"/>
      <c r="AN39" s="300" t="s">
        <v>1059</v>
      </c>
      <c r="AO39" s="300"/>
      <c r="AP39" s="300"/>
      <c r="AQ39" s="300"/>
      <c r="AR39" s="300"/>
      <c r="AS39" s="300"/>
      <c r="AT39" s="300"/>
      <c r="AU39" s="300"/>
      <c r="AV39" s="300"/>
      <c r="AW39" s="284">
        <v>3777491</v>
      </c>
      <c r="AX39" s="243"/>
      <c r="AY39" s="243"/>
      <c r="AZ39" s="243"/>
      <c r="BA39" s="243"/>
      <c r="BB39" s="243"/>
      <c r="BC39" s="243"/>
      <c r="BD39" s="243"/>
      <c r="BE39" s="243"/>
      <c r="BF39" s="244"/>
      <c r="BG39" s="284">
        <v>1753081</v>
      </c>
      <c r="BH39" s="285"/>
      <c r="BI39" s="285"/>
      <c r="BJ39" s="285"/>
      <c r="BK39" s="285"/>
      <c r="BL39" s="285"/>
      <c r="BM39" s="285"/>
      <c r="BN39" s="285"/>
      <c r="BO39" s="285"/>
      <c r="BP39" s="288"/>
      <c r="BQ39" s="138"/>
      <c r="BR39" s="301" t="s">
        <v>1119</v>
      </c>
      <c r="BS39" s="293"/>
      <c r="BT39" s="293"/>
      <c r="BU39" s="293"/>
      <c r="BV39" s="293"/>
      <c r="BW39" s="293"/>
      <c r="BX39" s="294"/>
      <c r="BY39" s="284">
        <v>1688272</v>
      </c>
      <c r="BZ39" s="285"/>
      <c r="CA39" s="243"/>
      <c r="CB39" s="243"/>
      <c r="CC39" s="243"/>
      <c r="CD39" s="243"/>
      <c r="CE39" s="243"/>
      <c r="CF39" s="243"/>
      <c r="CG39" s="244"/>
      <c r="CH39" s="286">
        <v>100</v>
      </c>
      <c r="CI39" s="286"/>
      <c r="CJ39" s="286"/>
      <c r="CK39" s="286"/>
      <c r="CL39" s="286"/>
      <c r="CM39" s="286"/>
    </row>
    <row r="40" spans="1:100" ht="17.25" customHeight="1" x14ac:dyDescent="0.15">
      <c r="A40" s="298" t="s">
        <v>274</v>
      </c>
      <c r="B40" s="298"/>
      <c r="C40" s="298"/>
      <c r="D40" s="298"/>
      <c r="E40" s="298"/>
      <c r="F40" s="298"/>
      <c r="G40" s="298"/>
      <c r="H40" s="298"/>
      <c r="I40" s="298"/>
      <c r="J40" s="298"/>
      <c r="K40" s="298"/>
      <c r="L40" s="298"/>
      <c r="M40" s="298"/>
      <c r="N40" s="139"/>
      <c r="O40" s="299" t="s">
        <v>275</v>
      </c>
      <c r="P40" s="299"/>
      <c r="Q40" s="299"/>
      <c r="R40" s="299"/>
      <c r="S40" s="299"/>
      <c r="T40" s="299"/>
      <c r="U40" s="299"/>
      <c r="V40" s="299"/>
      <c r="W40" s="299"/>
      <c r="X40" s="299"/>
      <c r="Y40" s="299"/>
      <c r="Z40" s="299"/>
      <c r="AA40" s="299"/>
      <c r="AB40" s="299"/>
      <c r="AC40" s="299"/>
      <c r="AD40" s="299"/>
      <c r="AE40" s="299"/>
      <c r="AF40" s="299"/>
      <c r="AG40" s="299"/>
      <c r="AH40" s="299"/>
      <c r="AI40" s="299"/>
      <c r="AJ40" s="299"/>
      <c r="AK40" s="299"/>
      <c r="AL40" s="299"/>
      <c r="AM40" s="15"/>
      <c r="AN40" s="300"/>
      <c r="AO40" s="300"/>
      <c r="AP40" s="300"/>
      <c r="AQ40" s="300"/>
      <c r="AR40" s="300"/>
      <c r="AS40" s="300"/>
      <c r="AT40" s="300"/>
      <c r="AU40" s="300"/>
      <c r="AV40" s="300"/>
      <c r="AW40" s="245"/>
      <c r="AX40" s="246"/>
      <c r="AY40" s="246"/>
      <c r="AZ40" s="246"/>
      <c r="BA40" s="246"/>
      <c r="BB40" s="246"/>
      <c r="BC40" s="246"/>
      <c r="BD40" s="246"/>
      <c r="BE40" s="246"/>
      <c r="BF40" s="247"/>
      <c r="BG40" s="289"/>
      <c r="BH40" s="290"/>
      <c r="BI40" s="290"/>
      <c r="BJ40" s="290"/>
      <c r="BK40" s="290"/>
      <c r="BL40" s="290"/>
      <c r="BM40" s="290"/>
      <c r="BN40" s="290"/>
      <c r="BO40" s="290"/>
      <c r="BP40" s="291"/>
      <c r="BQ40" s="138"/>
      <c r="BR40" s="295"/>
      <c r="BS40" s="296"/>
      <c r="BT40" s="296"/>
      <c r="BU40" s="296"/>
      <c r="BV40" s="296"/>
      <c r="BW40" s="296"/>
      <c r="BX40" s="297"/>
      <c r="BY40" s="245"/>
      <c r="BZ40" s="246"/>
      <c r="CA40" s="246"/>
      <c r="CB40" s="246"/>
      <c r="CC40" s="246"/>
      <c r="CD40" s="246"/>
      <c r="CE40" s="246"/>
      <c r="CF40" s="246"/>
      <c r="CG40" s="247"/>
      <c r="CH40" s="286"/>
      <c r="CI40" s="286"/>
      <c r="CJ40" s="286"/>
      <c r="CK40" s="286"/>
      <c r="CL40" s="286"/>
      <c r="CM40" s="286"/>
    </row>
    <row r="41" spans="1:100" ht="17.25" customHeight="1" x14ac:dyDescent="0.15">
      <c r="A41" s="311" t="s">
        <v>790</v>
      </c>
      <c r="B41" s="312"/>
      <c r="C41" s="312"/>
      <c r="D41" s="312"/>
      <c r="E41" s="312"/>
      <c r="F41" s="312"/>
      <c r="G41" s="312"/>
      <c r="H41" s="312"/>
      <c r="I41" s="312"/>
      <c r="J41" s="312"/>
      <c r="K41" s="312"/>
      <c r="L41" s="312"/>
      <c r="M41" s="313"/>
      <c r="N41" s="140"/>
      <c r="O41" s="311" t="s">
        <v>228</v>
      </c>
      <c r="P41" s="312"/>
      <c r="Q41" s="312"/>
      <c r="R41" s="312"/>
      <c r="S41" s="312"/>
      <c r="T41" s="312"/>
      <c r="U41" s="312"/>
      <c r="V41" s="312"/>
      <c r="W41" s="312"/>
      <c r="X41" s="312"/>
      <c r="Y41" s="312"/>
      <c r="Z41" s="312"/>
      <c r="AA41" s="312"/>
      <c r="AB41" s="312"/>
      <c r="AC41" s="312"/>
      <c r="AD41" s="312"/>
      <c r="AE41" s="312"/>
      <c r="AF41" s="312"/>
      <c r="AG41" s="312"/>
      <c r="AH41" s="312"/>
      <c r="AI41" s="312"/>
      <c r="AJ41" s="312"/>
      <c r="AK41" s="312"/>
      <c r="AL41" s="313"/>
      <c r="AM41" s="15"/>
      <c r="AN41" s="134" t="s">
        <v>276</v>
      </c>
      <c r="AO41" s="134"/>
      <c r="AP41" s="108"/>
      <c r="AQ41" s="108"/>
      <c r="AR41" s="108"/>
      <c r="AS41" s="108"/>
      <c r="AU41" s="314">
        <v>2</v>
      </c>
      <c r="AV41" s="314"/>
      <c r="AW41" s="314"/>
      <c r="AX41" s="314"/>
      <c r="AY41" s="314"/>
      <c r="AZ41" s="314"/>
      <c r="BA41" s="314"/>
      <c r="BB41" s="314"/>
      <c r="BC41" s="314"/>
      <c r="BD41" s="314"/>
      <c r="BE41" s="314"/>
      <c r="BF41" s="108"/>
      <c r="BG41" s="108"/>
      <c r="BH41" s="108"/>
      <c r="BI41" s="108"/>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v>32217</v>
      </c>
      <c r="B42" s="252"/>
      <c r="C42" s="252"/>
      <c r="D42" s="252"/>
      <c r="E42" s="252"/>
      <c r="F42" s="252"/>
      <c r="G42" s="252"/>
      <c r="H42" s="252"/>
      <c r="I42" s="252"/>
      <c r="J42" s="252"/>
      <c r="K42" s="252"/>
      <c r="L42" s="252"/>
      <c r="M42" s="253"/>
      <c r="N42" s="141"/>
      <c r="O42" s="320" t="s">
        <v>230</v>
      </c>
      <c r="P42" s="321"/>
      <c r="Q42" s="321"/>
      <c r="R42" s="321"/>
      <c r="S42" s="321"/>
      <c r="T42" s="321"/>
      <c r="U42" s="321"/>
      <c r="V42" s="321"/>
      <c r="W42" s="321"/>
      <c r="X42" s="321"/>
      <c r="Y42" s="321"/>
      <c r="Z42" s="321"/>
      <c r="AA42" s="321"/>
      <c r="AB42" s="321"/>
      <c r="AC42" s="321"/>
      <c r="AD42" s="321"/>
      <c r="AE42" s="321"/>
      <c r="AF42" s="321"/>
      <c r="AG42" s="321"/>
      <c r="AH42" s="321"/>
      <c r="AI42" s="321"/>
      <c r="AJ42" s="321"/>
      <c r="AK42" s="321"/>
      <c r="AL42" s="322"/>
      <c r="AM42" s="1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324" t="s">
        <v>229</v>
      </c>
      <c r="B43" s="325"/>
      <c r="C43" s="325"/>
      <c r="D43" s="325"/>
      <c r="E43" s="325"/>
      <c r="F43" s="325"/>
      <c r="G43" s="325"/>
      <c r="H43" s="325"/>
      <c r="I43" s="325"/>
      <c r="J43" s="325"/>
      <c r="K43" s="325"/>
      <c r="L43" s="325"/>
      <c r="M43" s="326"/>
      <c r="N43" s="141"/>
      <c r="O43" s="320" t="s">
        <v>231</v>
      </c>
      <c r="P43" s="321"/>
      <c r="Q43" s="321"/>
      <c r="R43" s="321"/>
      <c r="S43" s="321"/>
      <c r="T43" s="321"/>
      <c r="U43" s="321"/>
      <c r="V43" s="321"/>
      <c r="W43" s="321"/>
      <c r="X43" s="321"/>
      <c r="Y43" s="321"/>
      <c r="Z43" s="321"/>
      <c r="AA43" s="321"/>
      <c r="AB43" s="321"/>
      <c r="AC43" s="321"/>
      <c r="AD43" s="321"/>
      <c r="AE43" s="321"/>
      <c r="AF43" s="321"/>
      <c r="AG43" s="321"/>
      <c r="AH43" s="321"/>
      <c r="AI43" s="321"/>
      <c r="AJ43" s="321"/>
      <c r="AK43" s="321"/>
      <c r="AL43" s="322"/>
      <c r="AM43" s="1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69">
        <v>32546</v>
      </c>
      <c r="B44" s="270"/>
      <c r="C44" s="270"/>
      <c r="D44" s="270"/>
      <c r="E44" s="270"/>
      <c r="F44" s="270"/>
      <c r="G44" s="270"/>
      <c r="H44" s="270"/>
      <c r="I44" s="270"/>
      <c r="J44" s="270"/>
      <c r="K44" s="270"/>
      <c r="L44" s="270"/>
      <c r="M44" s="271"/>
      <c r="N44" s="143"/>
      <c r="O44" s="272" t="s">
        <v>232</v>
      </c>
      <c r="P44" s="273"/>
      <c r="Q44" s="273"/>
      <c r="R44" s="273"/>
      <c r="S44" s="273"/>
      <c r="T44" s="273"/>
      <c r="U44" s="273"/>
      <c r="V44" s="273"/>
      <c r="W44" s="273"/>
      <c r="X44" s="273"/>
      <c r="Y44" s="273"/>
      <c r="Z44" s="273"/>
      <c r="AA44" s="273"/>
      <c r="AB44" s="273"/>
      <c r="AC44" s="273"/>
      <c r="AD44" s="273"/>
      <c r="AE44" s="273"/>
      <c r="AF44" s="273"/>
      <c r="AG44" s="273"/>
      <c r="AH44" s="273"/>
      <c r="AI44" s="273"/>
      <c r="AJ44" s="273"/>
      <c r="AK44" s="273"/>
      <c r="AL44" s="274"/>
      <c r="AM44" s="15"/>
      <c r="AN44" s="275">
        <v>8630.1</v>
      </c>
      <c r="AO44" s="276"/>
      <c r="AP44" s="277"/>
      <c r="AQ44" s="277"/>
      <c r="AR44" s="277"/>
      <c r="AS44" s="280" t="s">
        <v>383</v>
      </c>
      <c r="AT44" s="280"/>
      <c r="AU44" s="280"/>
      <c r="AV44" s="281"/>
      <c r="AW44" s="316">
        <v>25</v>
      </c>
      <c r="AX44" s="317"/>
      <c r="AY44" s="317"/>
      <c r="AZ44" s="317"/>
      <c r="BA44" s="317"/>
      <c r="BB44" s="317"/>
      <c r="BC44" s="259" t="s">
        <v>384</v>
      </c>
      <c r="BD44" s="259"/>
      <c r="BE44" s="243"/>
      <c r="BF44" s="244"/>
      <c r="BG44" s="260">
        <v>92.5</v>
      </c>
      <c r="BH44" s="261"/>
      <c r="BI44" s="243"/>
      <c r="BJ44" s="243"/>
      <c r="BK44" s="243"/>
      <c r="BL44" s="243"/>
      <c r="BM44" s="259" t="s">
        <v>384</v>
      </c>
      <c r="BN44" s="259"/>
      <c r="BO44" s="243"/>
      <c r="BP44" s="244"/>
      <c r="BQ44" s="96"/>
      <c r="BR44" s="262">
        <v>438.23</v>
      </c>
      <c r="BS44" s="243"/>
      <c r="BT44" s="243"/>
      <c r="BU44" s="243"/>
      <c r="BV44" s="243"/>
      <c r="BW44" s="243"/>
      <c r="BX44" s="243"/>
      <c r="BY44" s="263" t="s">
        <v>385</v>
      </c>
      <c r="BZ44" s="264"/>
      <c r="CA44" s="264"/>
      <c r="CB44" s="265"/>
      <c r="CC44" s="268">
        <v>33767</v>
      </c>
      <c r="CD44" s="243"/>
      <c r="CE44" s="243"/>
      <c r="CF44" s="243"/>
      <c r="CG44" s="243"/>
      <c r="CH44" s="243"/>
      <c r="CI44" s="243"/>
      <c r="CJ44" s="263" t="s">
        <v>386</v>
      </c>
      <c r="CK44" s="263"/>
      <c r="CL44" s="264"/>
      <c r="CM44" s="265"/>
    </row>
    <row r="45" spans="1:100" ht="17.25" customHeight="1" x14ac:dyDescent="0.15">
      <c r="A45" s="216" t="s">
        <v>233</v>
      </c>
      <c r="B45" s="217"/>
      <c r="C45" s="217"/>
      <c r="D45" s="217"/>
      <c r="E45" s="217"/>
      <c r="F45" s="217"/>
      <c r="G45" s="217"/>
      <c r="H45" s="217"/>
      <c r="I45" s="217"/>
      <c r="J45" s="217"/>
      <c r="K45" s="217"/>
      <c r="L45" s="217"/>
      <c r="M45" s="218"/>
      <c r="N45" s="144"/>
      <c r="O45" s="219"/>
      <c r="P45" s="220"/>
      <c r="Q45" s="220"/>
      <c r="R45" s="220"/>
      <c r="S45" s="220"/>
      <c r="T45" s="220"/>
      <c r="U45" s="220"/>
      <c r="V45" s="220"/>
      <c r="W45" s="220"/>
      <c r="X45" s="220"/>
      <c r="Y45" s="220"/>
      <c r="Z45" s="220"/>
      <c r="AA45" s="221"/>
      <c r="AB45" s="221"/>
      <c r="AC45" s="221"/>
      <c r="AD45" s="221"/>
      <c r="AE45" s="221"/>
      <c r="AF45" s="221"/>
      <c r="AG45" s="221"/>
      <c r="AH45" s="221"/>
      <c r="AI45" s="221"/>
      <c r="AJ45" s="221"/>
      <c r="AK45" s="221"/>
      <c r="AL45" s="222"/>
      <c r="AM45" s="15"/>
      <c r="AN45" s="278"/>
      <c r="AO45" s="279"/>
      <c r="AP45" s="279"/>
      <c r="AQ45" s="279"/>
      <c r="AR45" s="279"/>
      <c r="AS45" s="282"/>
      <c r="AT45" s="282"/>
      <c r="AU45" s="282"/>
      <c r="AV45" s="283"/>
      <c r="AW45" s="318"/>
      <c r="AX45" s="319"/>
      <c r="AY45" s="319"/>
      <c r="AZ45" s="319"/>
      <c r="BA45" s="319"/>
      <c r="BB45" s="319"/>
      <c r="BC45" s="246"/>
      <c r="BD45" s="246"/>
      <c r="BE45" s="246"/>
      <c r="BF45" s="247"/>
      <c r="BG45" s="245"/>
      <c r="BH45" s="246"/>
      <c r="BI45" s="246"/>
      <c r="BJ45" s="246"/>
      <c r="BK45" s="246"/>
      <c r="BL45" s="246"/>
      <c r="BM45" s="246"/>
      <c r="BN45" s="246"/>
      <c r="BO45" s="246"/>
      <c r="BP45" s="247"/>
      <c r="BQ45" s="96"/>
      <c r="BR45" s="245"/>
      <c r="BS45" s="246"/>
      <c r="BT45" s="246"/>
      <c r="BU45" s="246"/>
      <c r="BV45" s="246"/>
      <c r="BW45" s="246"/>
      <c r="BX45" s="246"/>
      <c r="BY45" s="266"/>
      <c r="BZ45" s="266"/>
      <c r="CA45" s="266"/>
      <c r="CB45" s="267"/>
      <c r="CC45" s="245"/>
      <c r="CD45" s="246"/>
      <c r="CE45" s="246"/>
      <c r="CF45" s="246"/>
      <c r="CG45" s="246"/>
      <c r="CH45" s="246"/>
      <c r="CI45" s="246"/>
      <c r="CJ45" s="266"/>
      <c r="CK45" s="266"/>
      <c r="CL45" s="266"/>
      <c r="CM45" s="267"/>
    </row>
    <row r="46" spans="1:100" ht="17.25" customHeight="1" x14ac:dyDescent="0.15">
      <c r="A46" s="251">
        <v>38425</v>
      </c>
      <c r="B46" s="252"/>
      <c r="C46" s="252"/>
      <c r="D46" s="252"/>
      <c r="E46" s="252"/>
      <c r="F46" s="252"/>
      <c r="G46" s="252"/>
      <c r="H46" s="252"/>
      <c r="I46" s="252"/>
      <c r="J46" s="252"/>
      <c r="K46" s="252"/>
      <c r="L46" s="252"/>
      <c r="M46" s="253"/>
      <c r="N46" s="144"/>
      <c r="O46" s="219"/>
      <c r="P46" s="220"/>
      <c r="Q46" s="220"/>
      <c r="R46" s="220"/>
      <c r="S46" s="220"/>
      <c r="T46" s="220"/>
      <c r="U46" s="220"/>
      <c r="V46" s="220"/>
      <c r="W46" s="220"/>
      <c r="X46" s="220"/>
      <c r="Y46" s="220"/>
      <c r="Z46" s="220"/>
      <c r="AA46" s="221"/>
      <c r="AB46" s="221"/>
      <c r="AC46" s="221"/>
      <c r="AD46" s="221"/>
      <c r="AE46" s="221"/>
      <c r="AF46" s="221"/>
      <c r="AG46" s="221"/>
      <c r="AH46" s="221"/>
      <c r="AI46" s="221"/>
      <c r="AJ46" s="221"/>
      <c r="AK46" s="221"/>
      <c r="AL46" s="222"/>
      <c r="AM46" s="15"/>
      <c r="AN46" s="255" t="s">
        <v>387</v>
      </c>
      <c r="AO46" s="255"/>
      <c r="AP46" s="255"/>
      <c r="AQ46" s="255"/>
      <c r="AR46" s="255"/>
      <c r="AS46" s="255"/>
      <c r="AT46" s="255"/>
      <c r="AU46" s="255"/>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257" t="s">
        <v>388</v>
      </c>
      <c r="CE46" s="257"/>
      <c r="CF46" s="258"/>
      <c r="CG46" s="258"/>
      <c r="CH46" s="258"/>
      <c r="CI46" s="258"/>
      <c r="CJ46" s="258"/>
      <c r="CK46" s="258"/>
      <c r="CL46" s="258"/>
      <c r="CM46" s="258"/>
    </row>
    <row r="47" spans="1:100" ht="17.25" customHeight="1" x14ac:dyDescent="0.15">
      <c r="A47" s="251"/>
      <c r="B47" s="252"/>
      <c r="C47" s="252"/>
      <c r="D47" s="252"/>
      <c r="E47" s="252"/>
      <c r="F47" s="252"/>
      <c r="G47" s="252"/>
      <c r="H47" s="252"/>
      <c r="I47" s="252"/>
      <c r="J47" s="252"/>
      <c r="K47" s="252"/>
      <c r="L47" s="252"/>
      <c r="M47" s="253"/>
      <c r="N47" s="143"/>
      <c r="O47" s="219"/>
      <c r="P47" s="220"/>
      <c r="Q47" s="220"/>
      <c r="R47" s="220"/>
      <c r="S47" s="220"/>
      <c r="T47" s="220"/>
      <c r="U47" s="220"/>
      <c r="V47" s="220"/>
      <c r="W47" s="220"/>
      <c r="X47" s="220"/>
      <c r="Y47" s="220"/>
      <c r="Z47" s="220"/>
      <c r="AA47" s="221"/>
      <c r="AB47" s="221"/>
      <c r="AC47" s="221"/>
      <c r="AD47" s="221"/>
      <c r="AE47" s="221"/>
      <c r="AF47" s="221"/>
      <c r="AG47" s="221"/>
      <c r="AH47" s="221"/>
      <c r="AI47" s="221"/>
      <c r="AJ47" s="221"/>
      <c r="AK47" s="221"/>
      <c r="AL47" s="222"/>
      <c r="AM47" s="15"/>
      <c r="AN47" s="242" t="s">
        <v>282</v>
      </c>
      <c r="AO47" s="254"/>
      <c r="AP47" s="243"/>
      <c r="AQ47" s="243"/>
      <c r="AR47" s="243"/>
      <c r="AS47" s="243"/>
      <c r="AT47" s="244"/>
      <c r="AU47" s="242" t="s">
        <v>283</v>
      </c>
      <c r="AV47" s="243"/>
      <c r="AW47" s="243"/>
      <c r="AX47" s="243"/>
      <c r="AY47" s="244"/>
      <c r="AZ47" s="242" t="s">
        <v>284</v>
      </c>
      <c r="BA47" s="243"/>
      <c r="BB47" s="243"/>
      <c r="BC47" s="243"/>
      <c r="BD47" s="244"/>
      <c r="BE47" s="249" t="s">
        <v>285</v>
      </c>
      <c r="BF47" s="243"/>
      <c r="BG47" s="243"/>
      <c r="BH47" s="243"/>
      <c r="BI47" s="244"/>
      <c r="BJ47" s="242" t="s">
        <v>286</v>
      </c>
      <c r="BK47" s="243"/>
      <c r="BL47" s="243"/>
      <c r="BM47" s="243"/>
      <c r="BN47" s="244"/>
      <c r="BO47" s="242" t="s">
        <v>389</v>
      </c>
      <c r="BP47" s="243"/>
      <c r="BQ47" s="243"/>
      <c r="BR47" s="243"/>
      <c r="BS47" s="244"/>
      <c r="BT47" s="242" t="s">
        <v>390</v>
      </c>
      <c r="BU47" s="243"/>
      <c r="BV47" s="243"/>
      <c r="BW47" s="243"/>
      <c r="BX47" s="244"/>
      <c r="BY47" s="248" t="s">
        <v>287</v>
      </c>
      <c r="BZ47" s="243"/>
      <c r="CA47" s="243"/>
      <c r="CB47" s="243"/>
      <c r="CC47" s="244"/>
      <c r="CD47" s="249" t="s">
        <v>288</v>
      </c>
      <c r="CE47" s="250"/>
      <c r="CF47" s="243"/>
      <c r="CG47" s="243"/>
      <c r="CH47" s="244"/>
      <c r="CI47" s="242" t="s">
        <v>289</v>
      </c>
      <c r="CJ47" s="243"/>
      <c r="CK47" s="243"/>
      <c r="CL47" s="243"/>
      <c r="CM47" s="244"/>
    </row>
    <row r="48" spans="1:100" ht="17.25" customHeight="1" x14ac:dyDescent="0.15">
      <c r="A48" s="216"/>
      <c r="B48" s="217"/>
      <c r="C48" s="217"/>
      <c r="D48" s="217"/>
      <c r="E48" s="217"/>
      <c r="F48" s="217"/>
      <c r="G48" s="217"/>
      <c r="H48" s="217"/>
      <c r="I48" s="217"/>
      <c r="J48" s="217"/>
      <c r="K48" s="217"/>
      <c r="L48" s="217"/>
      <c r="M48" s="218"/>
      <c r="N48" s="143"/>
      <c r="O48" s="219"/>
      <c r="P48" s="220"/>
      <c r="Q48" s="220"/>
      <c r="R48" s="220"/>
      <c r="S48" s="220"/>
      <c r="T48" s="220"/>
      <c r="U48" s="220"/>
      <c r="V48" s="220"/>
      <c r="W48" s="220"/>
      <c r="X48" s="220"/>
      <c r="Y48" s="220"/>
      <c r="Z48" s="220"/>
      <c r="AA48" s="221"/>
      <c r="AB48" s="221"/>
      <c r="AC48" s="221"/>
      <c r="AD48" s="221"/>
      <c r="AE48" s="221"/>
      <c r="AF48" s="221"/>
      <c r="AG48" s="221"/>
      <c r="AH48" s="221"/>
      <c r="AI48" s="221"/>
      <c r="AJ48" s="221"/>
      <c r="AK48" s="221"/>
      <c r="AL48" s="222"/>
      <c r="AM48" s="15"/>
      <c r="AN48" s="245"/>
      <c r="AO48" s="246"/>
      <c r="AP48" s="246"/>
      <c r="AQ48" s="246"/>
      <c r="AR48" s="246"/>
      <c r="AS48" s="246"/>
      <c r="AT48" s="247"/>
      <c r="AU48" s="245"/>
      <c r="AV48" s="246"/>
      <c r="AW48" s="246"/>
      <c r="AX48" s="246"/>
      <c r="AY48" s="247"/>
      <c r="AZ48" s="245"/>
      <c r="BA48" s="246"/>
      <c r="BB48" s="246"/>
      <c r="BC48" s="246"/>
      <c r="BD48" s="247"/>
      <c r="BE48" s="245"/>
      <c r="BF48" s="246"/>
      <c r="BG48" s="246"/>
      <c r="BH48" s="246"/>
      <c r="BI48" s="247"/>
      <c r="BJ48" s="245"/>
      <c r="BK48" s="246"/>
      <c r="BL48" s="246"/>
      <c r="BM48" s="246"/>
      <c r="BN48" s="247"/>
      <c r="BO48" s="245"/>
      <c r="BP48" s="246"/>
      <c r="BQ48" s="246"/>
      <c r="BR48" s="246"/>
      <c r="BS48" s="247"/>
      <c r="BT48" s="245"/>
      <c r="BU48" s="246"/>
      <c r="BV48" s="246"/>
      <c r="BW48" s="246"/>
      <c r="BX48" s="247"/>
      <c r="BY48" s="245"/>
      <c r="BZ48" s="246"/>
      <c r="CA48" s="246"/>
      <c r="CB48" s="246"/>
      <c r="CC48" s="247"/>
      <c r="CD48" s="245"/>
      <c r="CE48" s="246"/>
      <c r="CF48" s="246"/>
      <c r="CG48" s="246"/>
      <c r="CH48" s="247"/>
      <c r="CI48" s="245"/>
      <c r="CJ48" s="246"/>
      <c r="CK48" s="246"/>
      <c r="CL48" s="246"/>
      <c r="CM48" s="247"/>
    </row>
    <row r="49" spans="1:91" ht="17.25" customHeight="1" x14ac:dyDescent="0.15">
      <c r="A49" s="216"/>
      <c r="B49" s="217"/>
      <c r="C49" s="217"/>
      <c r="D49" s="217"/>
      <c r="E49" s="217"/>
      <c r="F49" s="217"/>
      <c r="G49" s="217"/>
      <c r="H49" s="217"/>
      <c r="I49" s="217"/>
      <c r="J49" s="217"/>
      <c r="K49" s="217"/>
      <c r="L49" s="217"/>
      <c r="M49" s="218"/>
      <c r="N49" s="144"/>
      <c r="O49" s="219"/>
      <c r="P49" s="220"/>
      <c r="Q49" s="220"/>
      <c r="R49" s="220"/>
      <c r="S49" s="220"/>
      <c r="T49" s="220"/>
      <c r="U49" s="220"/>
      <c r="V49" s="220"/>
      <c r="W49" s="220"/>
      <c r="X49" s="220"/>
      <c r="Y49" s="220"/>
      <c r="Z49" s="220"/>
      <c r="AA49" s="221"/>
      <c r="AB49" s="221"/>
      <c r="AC49" s="221"/>
      <c r="AD49" s="221"/>
      <c r="AE49" s="221"/>
      <c r="AF49" s="221"/>
      <c r="AG49" s="221"/>
      <c r="AH49" s="221"/>
      <c r="AI49" s="221"/>
      <c r="AJ49" s="221"/>
      <c r="AK49" s="221"/>
      <c r="AL49" s="222"/>
      <c r="AM49" s="15"/>
      <c r="AN49" s="223">
        <v>1000040.812</v>
      </c>
      <c r="AO49" s="224"/>
      <c r="AP49" s="224"/>
      <c r="AQ49" s="224"/>
      <c r="AR49" s="224"/>
      <c r="AS49" s="224"/>
      <c r="AT49" s="225"/>
      <c r="AU49" s="229">
        <v>0.94299999999999995</v>
      </c>
      <c r="AV49" s="230"/>
      <c r="AW49" s="230"/>
      <c r="AX49" s="230"/>
      <c r="AY49" s="231"/>
      <c r="AZ49" s="210">
        <v>14.5</v>
      </c>
      <c r="BA49" s="211"/>
      <c r="BB49" s="211"/>
      <c r="BC49" s="211"/>
      <c r="BD49" s="212"/>
      <c r="BE49" s="210">
        <v>9.5</v>
      </c>
      <c r="BF49" s="211"/>
      <c r="BG49" s="211"/>
      <c r="BH49" s="211"/>
      <c r="BI49" s="212"/>
      <c r="BJ49" s="210">
        <v>127.2</v>
      </c>
      <c r="BK49" s="211"/>
      <c r="BL49" s="211"/>
      <c r="BM49" s="211"/>
      <c r="BN49" s="212"/>
      <c r="BO49" s="210">
        <v>1.2</v>
      </c>
      <c r="BP49" s="211"/>
      <c r="BQ49" s="211"/>
      <c r="BR49" s="211"/>
      <c r="BS49" s="212"/>
      <c r="BT49" s="210">
        <v>98.1</v>
      </c>
      <c r="BU49" s="211"/>
      <c r="BV49" s="211"/>
      <c r="BW49" s="211"/>
      <c r="BX49" s="212"/>
      <c r="BY49" s="210">
        <v>5.2</v>
      </c>
      <c r="BZ49" s="211"/>
      <c r="CA49" s="211"/>
      <c r="CB49" s="211"/>
      <c r="CC49" s="212"/>
      <c r="CD49" s="210">
        <v>58</v>
      </c>
      <c r="CE49" s="211"/>
      <c r="CF49" s="211"/>
      <c r="CG49" s="211"/>
      <c r="CH49" s="212"/>
      <c r="CI49" s="210">
        <v>57.6</v>
      </c>
      <c r="CJ49" s="211"/>
      <c r="CK49" s="211"/>
      <c r="CL49" s="211"/>
      <c r="CM49" s="212"/>
    </row>
    <row r="50" spans="1:91" ht="17.25" customHeight="1" x14ac:dyDescent="0.15">
      <c r="A50" s="235"/>
      <c r="B50" s="236"/>
      <c r="C50" s="236"/>
      <c r="D50" s="236"/>
      <c r="E50" s="236"/>
      <c r="F50" s="236"/>
      <c r="G50" s="236"/>
      <c r="H50" s="236"/>
      <c r="I50" s="236"/>
      <c r="J50" s="236"/>
      <c r="K50" s="236"/>
      <c r="L50" s="236"/>
      <c r="M50" s="237"/>
      <c r="N50" s="143"/>
      <c r="O50" s="238"/>
      <c r="P50" s="239"/>
      <c r="Q50" s="239"/>
      <c r="R50" s="239"/>
      <c r="S50" s="239"/>
      <c r="T50" s="239"/>
      <c r="U50" s="239"/>
      <c r="V50" s="239"/>
      <c r="W50" s="239"/>
      <c r="X50" s="239"/>
      <c r="Y50" s="239"/>
      <c r="Z50" s="239"/>
      <c r="AA50" s="240"/>
      <c r="AB50" s="240"/>
      <c r="AC50" s="240"/>
      <c r="AD50" s="240"/>
      <c r="AE50" s="240"/>
      <c r="AF50" s="240"/>
      <c r="AG50" s="240"/>
      <c r="AH50" s="240"/>
      <c r="AI50" s="240"/>
      <c r="AJ50" s="240"/>
      <c r="AK50" s="240"/>
      <c r="AL50" s="241"/>
      <c r="AM50" s="1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c r="A51" s="31"/>
      <c r="B51" s="31"/>
      <c r="C51" s="31"/>
      <c r="D51" s="31"/>
      <c r="E51" s="31"/>
      <c r="F51" s="31"/>
      <c r="G51" s="31"/>
      <c r="H51" s="31"/>
      <c r="I51" s="31"/>
      <c r="J51" s="31"/>
      <c r="K51" s="31"/>
      <c r="L51" s="31"/>
      <c r="M51" s="31"/>
      <c r="N51" s="15"/>
      <c r="O51" s="31"/>
      <c r="P51" s="31"/>
      <c r="Q51" s="31"/>
      <c r="R51" s="31"/>
      <c r="S51" s="31"/>
      <c r="T51" s="31"/>
      <c r="U51" s="31"/>
      <c r="V51" s="31"/>
      <c r="W51" s="31"/>
      <c r="X51" s="31"/>
      <c r="Y51" s="31"/>
      <c r="Z51" s="31"/>
      <c r="AA51" s="31"/>
      <c r="AB51" s="31"/>
      <c r="AC51" s="31"/>
      <c r="AD51" s="31"/>
      <c r="AE51" s="31"/>
      <c r="AF51" s="31"/>
      <c r="AG51" s="31"/>
      <c r="AH51" s="31"/>
      <c r="AI51" s="31"/>
      <c r="AJ51" s="31"/>
      <c r="AK51" s="31"/>
      <c r="AL51" s="31"/>
    </row>
    <row r="52" spans="1:91" ht="17.25" customHeight="1" x14ac:dyDescent="0.15">
      <c r="A52" s="30"/>
      <c r="B52" s="30"/>
      <c r="C52" s="30"/>
      <c r="D52" s="30"/>
      <c r="E52" s="30"/>
      <c r="F52" s="30"/>
      <c r="G52" s="30"/>
      <c r="H52" s="30"/>
      <c r="I52" s="30"/>
      <c r="J52" s="30"/>
      <c r="K52" s="30"/>
      <c r="L52" s="30"/>
      <c r="M52" s="30"/>
      <c r="N52" s="15"/>
      <c r="O52" s="35"/>
      <c r="P52" s="35"/>
      <c r="Q52" s="35"/>
      <c r="R52" s="35"/>
      <c r="S52" s="35"/>
      <c r="T52" s="35"/>
      <c r="U52" s="35"/>
      <c r="V52" s="35"/>
      <c r="W52" s="35"/>
      <c r="X52" s="35"/>
      <c r="Y52" s="35"/>
      <c r="Z52" s="35"/>
      <c r="AA52" s="16"/>
      <c r="AB52" s="16"/>
      <c r="AC52" s="16"/>
      <c r="AD52" s="16"/>
      <c r="AE52" s="16"/>
      <c r="AF52" s="16"/>
      <c r="AG52" s="16"/>
      <c r="AH52" s="16"/>
      <c r="AI52" s="16"/>
      <c r="AJ52" s="16"/>
      <c r="AK52" s="16"/>
      <c r="AL52" s="16"/>
    </row>
    <row r="53" spans="1:91" ht="17.25" customHeight="1" x14ac:dyDescent="0.15">
      <c r="A53" s="31"/>
      <c r="B53" s="31"/>
      <c r="C53" s="31"/>
      <c r="D53" s="31"/>
      <c r="E53" s="31"/>
      <c r="F53" s="31"/>
      <c r="G53" s="31"/>
      <c r="H53" s="31"/>
      <c r="I53" s="31"/>
      <c r="J53" s="31"/>
      <c r="K53" s="31"/>
      <c r="L53" s="31"/>
      <c r="M53" s="31"/>
      <c r="N53" s="15"/>
      <c r="O53" s="35"/>
      <c r="P53" s="35"/>
      <c r="Q53" s="35"/>
      <c r="R53" s="35"/>
      <c r="S53" s="35"/>
      <c r="T53" s="35"/>
      <c r="U53" s="35"/>
      <c r="V53" s="35"/>
      <c r="W53" s="35"/>
      <c r="X53" s="35"/>
      <c r="Y53" s="35"/>
      <c r="Z53" s="35"/>
      <c r="AA53" s="35"/>
      <c r="AB53" s="35"/>
      <c r="AC53" s="35"/>
      <c r="AD53" s="35"/>
      <c r="AE53" s="35"/>
      <c r="AF53" s="35"/>
      <c r="AG53" s="35"/>
      <c r="AH53" s="35"/>
      <c r="AI53" s="35"/>
      <c r="AJ53" s="35"/>
      <c r="AK53" s="35"/>
      <c r="AL53" s="35"/>
    </row>
    <row r="54" spans="1:91" ht="17.25" customHeight="1" x14ac:dyDescent="0.15">
      <c r="A54" s="30"/>
      <c r="B54" s="30"/>
      <c r="C54" s="30"/>
      <c r="D54" s="30"/>
      <c r="E54" s="30"/>
      <c r="F54" s="30"/>
      <c r="G54" s="30"/>
      <c r="H54" s="30"/>
      <c r="I54" s="30"/>
      <c r="J54" s="30"/>
      <c r="K54" s="30"/>
      <c r="L54" s="30"/>
      <c r="M54" s="30"/>
      <c r="N54" s="15"/>
      <c r="O54" s="34"/>
      <c r="P54" s="34"/>
      <c r="Q54" s="34"/>
      <c r="R54" s="34"/>
      <c r="S54" s="34"/>
      <c r="T54" s="34"/>
      <c r="U54" s="34"/>
      <c r="V54" s="34"/>
      <c r="W54" s="34"/>
      <c r="X54" s="34"/>
      <c r="Y54" s="34"/>
      <c r="Z54" s="34"/>
      <c r="AA54" s="34"/>
      <c r="AB54" s="34"/>
      <c r="AC54" s="34"/>
      <c r="AD54" s="34"/>
      <c r="AE54" s="34"/>
      <c r="AF54" s="34"/>
      <c r="AG54" s="34"/>
      <c r="AH54" s="34"/>
      <c r="AI54" s="34"/>
      <c r="AJ54" s="34"/>
      <c r="AK54" s="34"/>
      <c r="AL54" s="34"/>
    </row>
    <row r="55" spans="1:91" ht="17.25" customHeight="1" x14ac:dyDescent="0.15">
      <c r="A55" s="30"/>
      <c r="B55" s="30"/>
      <c r="C55" s="30"/>
      <c r="D55" s="30"/>
      <c r="E55" s="30"/>
      <c r="F55" s="30"/>
      <c r="G55" s="30"/>
      <c r="H55" s="30"/>
      <c r="I55" s="30"/>
      <c r="J55" s="30"/>
      <c r="K55" s="30"/>
      <c r="L55" s="30"/>
      <c r="M55" s="30"/>
      <c r="N55" s="15"/>
      <c r="O55" s="15"/>
      <c r="P55" s="15"/>
      <c r="Q55" s="15"/>
      <c r="R55" s="15"/>
      <c r="S55" s="15"/>
      <c r="T55" s="15"/>
      <c r="U55" s="15"/>
      <c r="V55" s="15"/>
      <c r="W55" s="15"/>
      <c r="X55" s="15"/>
      <c r="Y55" s="15"/>
      <c r="Z55" s="15"/>
      <c r="AA55" s="15"/>
      <c r="AB55" s="15"/>
      <c r="AC55" s="15"/>
      <c r="AD55" s="15"/>
      <c r="AE55" s="15"/>
      <c r="AF55" s="15"/>
      <c r="AG55" s="15"/>
      <c r="AH55" s="15"/>
      <c r="AI55" s="15"/>
      <c r="AJ55" s="15"/>
      <c r="AK55" s="15"/>
      <c r="AL55" s="15"/>
    </row>
    <row r="56" spans="1:91" ht="17.25" customHeight="1" x14ac:dyDescent="0.15">
      <c r="A56" s="32"/>
      <c r="B56" s="32"/>
      <c r="C56" s="32"/>
      <c r="D56" s="32"/>
      <c r="E56" s="32"/>
      <c r="F56" s="32"/>
      <c r="G56" s="32"/>
      <c r="H56" s="32"/>
      <c r="I56" s="32"/>
      <c r="J56" s="32"/>
      <c r="K56" s="32"/>
      <c r="L56" s="32"/>
      <c r="M56" s="32"/>
      <c r="N56" s="15"/>
      <c r="O56" s="15"/>
      <c r="P56" s="15"/>
      <c r="Q56" s="15"/>
      <c r="R56" s="15"/>
      <c r="S56" s="15"/>
      <c r="T56" s="15"/>
      <c r="U56" s="15"/>
      <c r="V56" s="15"/>
      <c r="W56" s="15"/>
      <c r="X56" s="15"/>
      <c r="Y56" s="15"/>
      <c r="Z56" s="15"/>
      <c r="AA56" s="15"/>
      <c r="AB56" s="15"/>
      <c r="AC56" s="15"/>
      <c r="AD56" s="15"/>
      <c r="AE56" s="15"/>
      <c r="AF56" s="15"/>
      <c r="AG56" s="15"/>
      <c r="AH56" s="15"/>
      <c r="AI56" s="15"/>
      <c r="AJ56" s="15"/>
      <c r="AK56" s="15"/>
      <c r="AL56" s="15"/>
    </row>
    <row r="57" spans="1:91" ht="17.25" customHeight="1" x14ac:dyDescent="0.15">
      <c r="A57" s="31"/>
      <c r="B57" s="31"/>
      <c r="C57" s="31"/>
      <c r="D57" s="31"/>
      <c r="E57" s="31"/>
      <c r="F57" s="31"/>
      <c r="G57" s="31"/>
      <c r="H57" s="31"/>
      <c r="I57" s="31"/>
      <c r="J57" s="31"/>
      <c r="K57" s="31"/>
      <c r="L57" s="31"/>
      <c r="M57" s="31"/>
      <c r="N57" s="15"/>
      <c r="O57" s="15"/>
      <c r="P57" s="15"/>
      <c r="Q57" s="15"/>
      <c r="R57" s="15"/>
      <c r="S57" s="15"/>
      <c r="T57" s="15"/>
      <c r="U57" s="15"/>
      <c r="V57" s="15"/>
      <c r="W57" s="15"/>
      <c r="X57" s="15"/>
      <c r="Y57" s="15"/>
      <c r="Z57" s="15"/>
      <c r="AA57" s="15"/>
      <c r="AB57" s="15"/>
      <c r="AC57" s="15"/>
      <c r="AD57" s="15"/>
      <c r="AE57" s="15"/>
      <c r="AF57" s="15"/>
      <c r="AG57" s="15"/>
      <c r="AH57" s="15"/>
      <c r="AI57" s="15"/>
      <c r="AJ57" s="15"/>
      <c r="AK57" s="15"/>
      <c r="AL57" s="15"/>
    </row>
    <row r="58" spans="1:91" ht="17.25" customHeight="1" x14ac:dyDescent="0.15">
      <c r="A58" s="30"/>
      <c r="B58" s="30"/>
      <c r="C58" s="30"/>
      <c r="D58" s="30"/>
      <c r="E58" s="30"/>
      <c r="F58" s="30"/>
      <c r="G58" s="30"/>
      <c r="H58" s="30"/>
      <c r="I58" s="30"/>
      <c r="J58" s="30"/>
      <c r="K58" s="30"/>
      <c r="L58" s="30"/>
      <c r="M58" s="30"/>
      <c r="N58" s="15"/>
      <c r="O58" s="15"/>
      <c r="P58" s="15"/>
      <c r="Q58" s="15"/>
      <c r="R58" s="15"/>
      <c r="S58" s="15"/>
      <c r="T58" s="15"/>
      <c r="U58" s="15"/>
      <c r="V58" s="15"/>
      <c r="W58" s="15"/>
      <c r="X58" s="15"/>
      <c r="Y58" s="15"/>
      <c r="Z58" s="15"/>
      <c r="AA58" s="15"/>
      <c r="AB58" s="15"/>
      <c r="AC58" s="15"/>
      <c r="AD58" s="15"/>
      <c r="AE58" s="15"/>
      <c r="AF58" s="15"/>
      <c r="AG58" s="15"/>
      <c r="AH58" s="15"/>
      <c r="AI58" s="15"/>
      <c r="AJ58" s="15"/>
      <c r="AK58" s="15"/>
      <c r="AL58" s="1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sheetData>
  <sheetProtection formatCells="0" selectLockedCells="1"/>
  <mergeCells count="198">
    <mergeCell ref="A1:H3"/>
    <mergeCell ref="I1:M4"/>
    <mergeCell ref="N1:AL3"/>
    <mergeCell ref="AN1:CM1"/>
    <mergeCell ref="AN2:CM6"/>
    <mergeCell ref="A4:D4"/>
    <mergeCell ref="E4:H4"/>
    <mergeCell ref="N4:AL4"/>
    <mergeCell ref="A5:H6"/>
    <mergeCell ref="I5:AL6"/>
    <mergeCell ref="A7:D8"/>
    <mergeCell ref="Z7:AB8"/>
    <mergeCell ref="AC7:AL8"/>
    <mergeCell ref="AN7:CM7"/>
    <mergeCell ref="E8:Y8"/>
    <mergeCell ref="AN8:AS9"/>
    <mergeCell ref="AT8:CM9"/>
    <mergeCell ref="A9:D10"/>
    <mergeCell ref="E9:AL10"/>
    <mergeCell ref="AN10:AS11"/>
    <mergeCell ref="AN12:AS13"/>
    <mergeCell ref="AT12:CM13"/>
    <mergeCell ref="F13:M14"/>
    <mergeCell ref="Q13:T13"/>
    <mergeCell ref="U13:X13"/>
    <mergeCell ref="Y13:AL14"/>
    <mergeCell ref="AT10:CM11"/>
    <mergeCell ref="A11:D11"/>
    <mergeCell ref="E11:AL11"/>
    <mergeCell ref="A12:E13"/>
    <mergeCell ref="F12:M12"/>
    <mergeCell ref="N12:N33"/>
    <mergeCell ref="O12:P24"/>
    <mergeCell ref="Q12:T12"/>
    <mergeCell ref="U12:X12"/>
    <mergeCell ref="Y12:AL12"/>
    <mergeCell ref="A14:E14"/>
    <mergeCell ref="Q14:T14"/>
    <mergeCell ref="U14:X14"/>
    <mergeCell ref="AN14:AS15"/>
    <mergeCell ref="AT14:CM15"/>
    <mergeCell ref="A15:E15"/>
    <mergeCell ref="F15:M15"/>
    <mergeCell ref="Q15:T15"/>
    <mergeCell ref="U15:X15"/>
    <mergeCell ref="Y15:AL15"/>
    <mergeCell ref="AN17:CM17"/>
    <mergeCell ref="Q18:T18"/>
    <mergeCell ref="U18:X18"/>
    <mergeCell ref="Y18:AL18"/>
    <mergeCell ref="AN18:AR18"/>
    <mergeCell ref="AS18:CM18"/>
    <mergeCell ref="A16:E24"/>
    <mergeCell ref="F16:M16"/>
    <mergeCell ref="Q16:T16"/>
    <mergeCell ref="U16:X16"/>
    <mergeCell ref="Y16:AL16"/>
    <mergeCell ref="AN16:CM16"/>
    <mergeCell ref="F17:M18"/>
    <mergeCell ref="Q17:T17"/>
    <mergeCell ref="U17:X17"/>
    <mergeCell ref="Y17:AL17"/>
    <mergeCell ref="F19:M19"/>
    <mergeCell ref="Q19:T19"/>
    <mergeCell ref="U19:AL19"/>
    <mergeCell ref="AS19:CM19"/>
    <mergeCell ref="F20:M21"/>
    <mergeCell ref="Q20:T20"/>
    <mergeCell ref="U20:X20"/>
    <mergeCell ref="Y20:AL20"/>
    <mergeCell ref="AN20:AR20"/>
    <mergeCell ref="AS20:CM20"/>
    <mergeCell ref="F23:M24"/>
    <mergeCell ref="Q23:T23"/>
    <mergeCell ref="AS23:CM23"/>
    <mergeCell ref="Q24:AL24"/>
    <mergeCell ref="AN24:AR24"/>
    <mergeCell ref="AS24:CM24"/>
    <mergeCell ref="Q21:T21"/>
    <mergeCell ref="AS21:CM21"/>
    <mergeCell ref="F22:M22"/>
    <mergeCell ref="Q22:T22"/>
    <mergeCell ref="AN22:AR22"/>
    <mergeCell ref="AS22:CM22"/>
    <mergeCell ref="A25:E27"/>
    <mergeCell ref="F25:M25"/>
    <mergeCell ref="O25:P27"/>
    <mergeCell ref="Q25:AL26"/>
    <mergeCell ref="AS25:CM25"/>
    <mergeCell ref="F26:M27"/>
    <mergeCell ref="AN26:AR26"/>
    <mergeCell ref="AS26:CM26"/>
    <mergeCell ref="Q27:AL27"/>
    <mergeCell ref="AS27:CM27"/>
    <mergeCell ref="BY30:CI30"/>
    <mergeCell ref="A31:E33"/>
    <mergeCell ref="F31:M31"/>
    <mergeCell ref="O31:P33"/>
    <mergeCell ref="Q31:AL32"/>
    <mergeCell ref="BR31:BX32"/>
    <mergeCell ref="BY31:CG32"/>
    <mergeCell ref="CH31:CM32"/>
    <mergeCell ref="F32:M33"/>
    <mergeCell ref="Q33:AL33"/>
    <mergeCell ref="A28:E30"/>
    <mergeCell ref="F28:M28"/>
    <mergeCell ref="O28:P30"/>
    <mergeCell ref="Q28:AL29"/>
    <mergeCell ref="AN28:BP28"/>
    <mergeCell ref="F29:M30"/>
    <mergeCell ref="AU29:BP33"/>
    <mergeCell ref="Q30:AL30"/>
    <mergeCell ref="BR33:BX34"/>
    <mergeCell ref="BY33:CG34"/>
    <mergeCell ref="CH33:CM34"/>
    <mergeCell ref="A34:AL34"/>
    <mergeCell ref="AN34:BO34"/>
    <mergeCell ref="A41:M41"/>
    <mergeCell ref="O41:AL41"/>
    <mergeCell ref="AU41:BE41"/>
    <mergeCell ref="BR41:CM41"/>
    <mergeCell ref="AW44:BB45"/>
    <mergeCell ref="A42:M42"/>
    <mergeCell ref="O42:AL42"/>
    <mergeCell ref="AN42:AV43"/>
    <mergeCell ref="AW42:BF43"/>
    <mergeCell ref="BG42:BP43"/>
    <mergeCell ref="BR42:CB43"/>
    <mergeCell ref="CC42:CM43"/>
    <mergeCell ref="A43:M43"/>
    <mergeCell ref="O43:AL43"/>
    <mergeCell ref="BY35:CG36"/>
    <mergeCell ref="CH35:CM36"/>
    <mergeCell ref="AN37:AV38"/>
    <mergeCell ref="AW37:BF38"/>
    <mergeCell ref="BG37:BP38"/>
    <mergeCell ref="BR37:BX38"/>
    <mergeCell ref="BY37:CG38"/>
    <mergeCell ref="CH37:CM38"/>
    <mergeCell ref="A40:M40"/>
    <mergeCell ref="O40:AL40"/>
    <mergeCell ref="AN39:AV40"/>
    <mergeCell ref="AW39:BF40"/>
    <mergeCell ref="BG39:BP40"/>
    <mergeCell ref="BR39:BX40"/>
    <mergeCell ref="BY39:CG40"/>
    <mergeCell ref="CH39:CM40"/>
    <mergeCell ref="A35:AL39"/>
    <mergeCell ref="AN35:AV36"/>
    <mergeCell ref="AW35:BF36"/>
    <mergeCell ref="BG35:BP36"/>
    <mergeCell ref="BR35:BX36"/>
    <mergeCell ref="A46:M46"/>
    <mergeCell ref="AN46:AU46"/>
    <mergeCell ref="AW46:BD46"/>
    <mergeCell ref="CD46:CM46"/>
    <mergeCell ref="BC44:BF45"/>
    <mergeCell ref="BG44:BL45"/>
    <mergeCell ref="BM44:BP45"/>
    <mergeCell ref="BR44:BX45"/>
    <mergeCell ref="BY44:CB45"/>
    <mergeCell ref="CC44:CI45"/>
    <mergeCell ref="O46:AL46"/>
    <mergeCell ref="CJ44:CM45"/>
    <mergeCell ref="A45:M45"/>
    <mergeCell ref="O45:AL45"/>
    <mergeCell ref="A44:M44"/>
    <mergeCell ref="O44:AL44"/>
    <mergeCell ref="AN44:AR45"/>
    <mergeCell ref="AS44:AV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 r:id="rId1" display="http://www.city.yokohama.lg.jp/"/>
  </hyperlinks>
  <printOptions horizontalCentered="1" verticalCentered="1"/>
  <pageMargins left="0.19685039370078741" right="0.19685039370078741" top="0.59055118110236227" bottom="0.59055118110236227" header="0.51181102362204722" footer="0.19685039370078741"/>
  <pageSetup paperSize="9" scale="61" fitToWidth="0" fitToHeight="0" orientation="landscape" useFirstPageNumber="1" r:id="rId2"/>
  <headerFooter alignWithMargins="0">
    <oddFooter>&amp;C&amp;"ＭＳ 明朝,標準"―1―</oddFooter>
  </headerFooter>
  <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501" t="s" ph="1">
        <v>108</v>
      </c>
      <c r="B1" s="502" ph="1"/>
      <c r="C1" s="502" ph="1"/>
      <c r="D1" s="502" ph="1"/>
      <c r="E1" s="502" ph="1"/>
      <c r="F1" s="502" ph="1"/>
      <c r="G1" s="502" ph="1"/>
      <c r="H1" s="503" ph="1"/>
      <c r="I1" s="902"/>
      <c r="J1" s="903"/>
      <c r="K1" s="903"/>
      <c r="L1" s="903"/>
      <c r="M1" s="904"/>
      <c r="N1" s="466" t="s">
        <v>98</v>
      </c>
      <c r="O1" s="467"/>
      <c r="P1" s="467"/>
      <c r="Q1" s="467"/>
      <c r="R1" s="467"/>
      <c r="S1" s="467"/>
      <c r="T1" s="467"/>
      <c r="U1" s="467"/>
      <c r="V1" s="467"/>
      <c r="W1" s="467"/>
      <c r="X1" s="467"/>
      <c r="Y1" s="467"/>
      <c r="Z1" s="467"/>
      <c r="AA1" s="467"/>
      <c r="AB1" s="467"/>
      <c r="AC1" s="467"/>
      <c r="AD1" s="467"/>
      <c r="AE1" s="467"/>
      <c r="AF1" s="467"/>
      <c r="AG1" s="467"/>
      <c r="AH1" s="467"/>
      <c r="AI1" s="467"/>
      <c r="AJ1" s="467"/>
      <c r="AK1" s="467"/>
      <c r="AL1" s="468"/>
      <c r="AM1" s="93"/>
      <c r="AN1" s="255" t="s">
        <v>235</v>
      </c>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Q1" s="3" ph="1"/>
    </row>
    <row r="2" spans="1:100" ht="17.25" customHeight="1" x14ac:dyDescent="0.15">
      <c r="A2" s="504" ph="1"/>
      <c r="B2" s="505" ph="1"/>
      <c r="C2" s="505" ph="1"/>
      <c r="D2" s="505" ph="1"/>
      <c r="E2" s="505" ph="1"/>
      <c r="F2" s="505" ph="1"/>
      <c r="G2" s="505" ph="1"/>
      <c r="H2" s="506" ph="1"/>
      <c r="I2" s="905"/>
      <c r="J2" s="906"/>
      <c r="K2" s="906"/>
      <c r="L2" s="906"/>
      <c r="M2" s="907"/>
      <c r="N2" s="469"/>
      <c r="O2" s="470"/>
      <c r="P2" s="470"/>
      <c r="Q2" s="470"/>
      <c r="R2" s="470"/>
      <c r="S2" s="470"/>
      <c r="T2" s="470"/>
      <c r="U2" s="470"/>
      <c r="V2" s="470"/>
      <c r="W2" s="470"/>
      <c r="X2" s="470"/>
      <c r="Y2" s="470"/>
      <c r="Z2" s="470"/>
      <c r="AA2" s="470"/>
      <c r="AB2" s="470"/>
      <c r="AC2" s="470"/>
      <c r="AD2" s="470"/>
      <c r="AE2" s="470"/>
      <c r="AF2" s="470"/>
      <c r="AG2" s="470"/>
      <c r="AH2" s="470"/>
      <c r="AI2" s="470"/>
      <c r="AJ2" s="470"/>
      <c r="AK2" s="470"/>
      <c r="AL2" s="471"/>
      <c r="AM2" s="93"/>
      <c r="AN2" s="466" t="s">
        <v>873</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507" ph="1"/>
      <c r="B3" s="508" ph="1"/>
      <c r="C3" s="508" ph="1"/>
      <c r="D3" s="508" ph="1"/>
      <c r="E3" s="508" ph="1"/>
      <c r="F3" s="508" ph="1"/>
      <c r="G3" s="508" ph="1"/>
      <c r="H3" s="509" ph="1"/>
      <c r="I3" s="905"/>
      <c r="J3" s="906"/>
      <c r="K3" s="906"/>
      <c r="L3" s="906"/>
      <c r="M3" s="907"/>
      <c r="N3" s="469"/>
      <c r="O3" s="470"/>
      <c r="P3" s="470"/>
      <c r="Q3" s="470"/>
      <c r="R3" s="470"/>
      <c r="S3" s="470"/>
      <c r="T3" s="470"/>
      <c r="U3" s="470"/>
      <c r="V3" s="470"/>
      <c r="W3" s="470"/>
      <c r="X3" s="470"/>
      <c r="Y3" s="470"/>
      <c r="Z3" s="470"/>
      <c r="AA3" s="470"/>
      <c r="AB3" s="470"/>
      <c r="AC3" s="470"/>
      <c r="AD3" s="470"/>
      <c r="AE3" s="470"/>
      <c r="AF3" s="470"/>
      <c r="AG3" s="470"/>
      <c r="AH3" s="470"/>
      <c r="AI3" s="470"/>
      <c r="AJ3" s="470"/>
      <c r="AK3" s="470"/>
      <c r="AL3" s="471"/>
      <c r="AM3" s="93"/>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1042" t="s">
        <v>236</v>
      </c>
      <c r="B4" s="1043"/>
      <c r="C4" s="1043"/>
      <c r="D4" s="1044"/>
      <c r="E4" s="478">
        <v>142085</v>
      </c>
      <c r="F4" s="479"/>
      <c r="G4" s="479"/>
      <c r="H4" s="480"/>
      <c r="I4" s="908"/>
      <c r="J4" s="909"/>
      <c r="K4" s="909"/>
      <c r="L4" s="909"/>
      <c r="M4" s="910"/>
      <c r="N4" s="481" t="s">
        <v>99</v>
      </c>
      <c r="O4" s="482"/>
      <c r="P4" s="482"/>
      <c r="Q4" s="482"/>
      <c r="R4" s="482"/>
      <c r="S4" s="482"/>
      <c r="T4" s="482"/>
      <c r="U4" s="482"/>
      <c r="V4" s="482"/>
      <c r="W4" s="482"/>
      <c r="X4" s="482"/>
      <c r="Y4" s="482"/>
      <c r="Z4" s="482"/>
      <c r="AA4" s="482"/>
      <c r="AB4" s="482"/>
      <c r="AC4" s="482"/>
      <c r="AD4" s="482"/>
      <c r="AE4" s="482"/>
      <c r="AF4" s="482"/>
      <c r="AG4" s="482"/>
      <c r="AH4" s="482"/>
      <c r="AI4" s="482"/>
      <c r="AJ4" s="482"/>
      <c r="AK4" s="482"/>
      <c r="AL4" s="483"/>
      <c r="AM4" s="93"/>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382" t="s">
        <v>831</v>
      </c>
      <c r="B5" s="484"/>
      <c r="C5" s="484"/>
      <c r="D5" s="484"/>
      <c r="E5" s="484"/>
      <c r="F5" s="484"/>
      <c r="G5" s="484"/>
      <c r="H5" s="485"/>
      <c r="I5" s="486" t="s">
        <v>100</v>
      </c>
      <c r="J5" s="487"/>
      <c r="K5" s="487"/>
      <c r="L5" s="487"/>
      <c r="M5" s="487"/>
      <c r="N5" s="487"/>
      <c r="O5" s="487"/>
      <c r="P5" s="487"/>
      <c r="Q5" s="487"/>
      <c r="R5" s="487"/>
      <c r="S5" s="487"/>
      <c r="T5" s="487"/>
      <c r="U5" s="487"/>
      <c r="V5" s="487"/>
      <c r="W5" s="487"/>
      <c r="X5" s="487"/>
      <c r="Y5" s="487"/>
      <c r="Z5" s="487"/>
      <c r="AA5" s="487"/>
      <c r="AB5" s="487"/>
      <c r="AC5" s="487"/>
      <c r="AD5" s="487"/>
      <c r="AE5" s="487"/>
      <c r="AF5" s="487"/>
      <c r="AG5" s="487"/>
      <c r="AH5" s="487"/>
      <c r="AI5" s="487"/>
      <c r="AJ5" s="487"/>
      <c r="AK5" s="487"/>
      <c r="AL5" s="488"/>
      <c r="AM5" s="93"/>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364"/>
      <c r="B6" s="365"/>
      <c r="C6" s="365"/>
      <c r="D6" s="365"/>
      <c r="E6" s="365"/>
      <c r="F6" s="365"/>
      <c r="G6" s="365"/>
      <c r="H6" s="366"/>
      <c r="I6" s="489"/>
      <c r="J6" s="490"/>
      <c r="K6" s="490"/>
      <c r="L6" s="490"/>
      <c r="M6" s="490"/>
      <c r="N6" s="490"/>
      <c r="O6" s="490"/>
      <c r="P6" s="490"/>
      <c r="Q6" s="490"/>
      <c r="R6" s="490"/>
      <c r="S6" s="490"/>
      <c r="T6" s="490"/>
      <c r="U6" s="490"/>
      <c r="V6" s="490"/>
      <c r="W6" s="490"/>
      <c r="X6" s="490"/>
      <c r="Y6" s="490"/>
      <c r="Z6" s="490"/>
      <c r="AA6" s="490"/>
      <c r="AB6" s="490"/>
      <c r="AC6" s="490"/>
      <c r="AD6" s="490"/>
      <c r="AE6" s="490"/>
      <c r="AF6" s="490"/>
      <c r="AG6" s="490"/>
      <c r="AH6" s="490"/>
      <c r="AI6" s="490"/>
      <c r="AJ6" s="490"/>
      <c r="AK6" s="490"/>
      <c r="AL6" s="491"/>
      <c r="AM6" s="93"/>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292" t="s">
        <v>238</v>
      </c>
      <c r="B7" s="293"/>
      <c r="C7" s="293"/>
      <c r="D7" s="294"/>
      <c r="E7" s="65" t="s">
        <v>784</v>
      </c>
      <c r="F7" s="492" t="s">
        <v>101</v>
      </c>
      <c r="G7" s="492"/>
      <c r="H7" s="492"/>
      <c r="I7" s="492"/>
      <c r="J7" s="492"/>
      <c r="K7" s="492"/>
      <c r="L7" s="493"/>
      <c r="M7" s="493"/>
      <c r="N7" s="493"/>
      <c r="O7" s="493"/>
      <c r="P7" s="493"/>
      <c r="Q7" s="493"/>
      <c r="R7" s="493"/>
      <c r="S7" s="493"/>
      <c r="T7" s="493"/>
      <c r="U7" s="493"/>
      <c r="V7" s="493"/>
      <c r="W7" s="493"/>
      <c r="X7" s="493"/>
      <c r="Y7" s="494"/>
      <c r="Z7" s="382" t="s">
        <v>239</v>
      </c>
      <c r="AA7" s="484"/>
      <c r="AB7" s="485"/>
      <c r="AC7" s="495" t="s">
        <v>102</v>
      </c>
      <c r="AD7" s="496"/>
      <c r="AE7" s="496"/>
      <c r="AF7" s="496"/>
      <c r="AG7" s="496"/>
      <c r="AH7" s="496"/>
      <c r="AI7" s="496"/>
      <c r="AJ7" s="496"/>
      <c r="AK7" s="496"/>
      <c r="AL7" s="497"/>
      <c r="AM7" s="93"/>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295"/>
      <c r="B8" s="296"/>
      <c r="C8" s="296"/>
      <c r="D8" s="297"/>
      <c r="E8" s="433" t="s">
        <v>109</v>
      </c>
      <c r="F8" s="434"/>
      <c r="G8" s="434"/>
      <c r="H8" s="434"/>
      <c r="I8" s="434"/>
      <c r="J8" s="434"/>
      <c r="K8" s="434"/>
      <c r="L8" s="434"/>
      <c r="M8" s="434"/>
      <c r="N8" s="434"/>
      <c r="O8" s="434"/>
      <c r="P8" s="434"/>
      <c r="Q8" s="434"/>
      <c r="R8" s="434"/>
      <c r="S8" s="434"/>
      <c r="T8" s="434"/>
      <c r="U8" s="434"/>
      <c r="V8" s="434"/>
      <c r="W8" s="434"/>
      <c r="X8" s="434"/>
      <c r="Y8" s="435"/>
      <c r="Z8" s="364"/>
      <c r="AA8" s="365"/>
      <c r="AB8" s="366"/>
      <c r="AC8" s="498"/>
      <c r="AD8" s="499"/>
      <c r="AE8" s="499"/>
      <c r="AF8" s="499"/>
      <c r="AG8" s="499"/>
      <c r="AH8" s="499"/>
      <c r="AI8" s="499"/>
      <c r="AJ8" s="499"/>
      <c r="AK8" s="499"/>
      <c r="AL8" s="500"/>
      <c r="AM8" s="93"/>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292" t="s">
        <v>240</v>
      </c>
      <c r="B9" s="293"/>
      <c r="C9" s="293"/>
      <c r="D9" s="294"/>
      <c r="E9" s="392" t="s">
        <v>728</v>
      </c>
      <c r="F9" s="393"/>
      <c r="G9" s="393"/>
      <c r="H9" s="393"/>
      <c r="I9" s="393"/>
      <c r="J9" s="393"/>
      <c r="K9" s="393"/>
      <c r="L9" s="393"/>
      <c r="M9" s="393"/>
      <c r="N9" s="393"/>
      <c r="O9" s="393"/>
      <c r="P9" s="393"/>
      <c r="Q9" s="393"/>
      <c r="R9" s="393"/>
      <c r="S9" s="393"/>
      <c r="T9" s="393"/>
      <c r="U9" s="393"/>
      <c r="V9" s="393"/>
      <c r="W9" s="393"/>
      <c r="X9" s="393"/>
      <c r="Y9" s="393"/>
      <c r="Z9" s="393"/>
      <c r="AA9" s="393"/>
      <c r="AB9" s="393"/>
      <c r="AC9" s="393"/>
      <c r="AD9" s="393"/>
      <c r="AE9" s="393"/>
      <c r="AF9" s="393"/>
      <c r="AG9" s="393"/>
      <c r="AH9" s="393"/>
      <c r="AI9" s="393"/>
      <c r="AJ9" s="393"/>
      <c r="AK9" s="393"/>
      <c r="AL9" s="394"/>
      <c r="AM9" s="93"/>
      <c r="AN9" s="469"/>
      <c r="AO9" s="470"/>
      <c r="AP9" s="470"/>
      <c r="AQ9" s="470"/>
      <c r="AR9" s="470"/>
      <c r="AS9" s="470"/>
      <c r="AT9" s="470"/>
      <c r="AU9" s="470"/>
      <c r="AV9" s="470"/>
      <c r="AW9" s="470"/>
      <c r="AX9" s="470"/>
      <c r="AY9" s="470"/>
      <c r="AZ9" s="470"/>
      <c r="BA9" s="470"/>
      <c r="BB9" s="470"/>
      <c r="BC9" s="470"/>
      <c r="BD9" s="470"/>
      <c r="BE9" s="470"/>
      <c r="BF9" s="470"/>
      <c r="BG9" s="470"/>
      <c r="BH9" s="470"/>
      <c r="BI9" s="470"/>
      <c r="BJ9" s="470"/>
      <c r="BK9" s="470"/>
      <c r="BL9" s="470"/>
      <c r="BM9" s="470"/>
      <c r="BN9" s="470"/>
      <c r="BO9" s="470"/>
      <c r="BP9" s="470"/>
      <c r="BQ9" s="470"/>
      <c r="BR9" s="470"/>
      <c r="BS9" s="470"/>
      <c r="BT9" s="470"/>
      <c r="BU9" s="470"/>
      <c r="BV9" s="470"/>
      <c r="BW9" s="470"/>
      <c r="BX9" s="470"/>
      <c r="BY9" s="470"/>
      <c r="BZ9" s="470"/>
      <c r="CA9" s="470"/>
      <c r="CB9" s="470"/>
      <c r="CC9" s="470"/>
      <c r="CD9" s="470"/>
      <c r="CE9" s="470"/>
      <c r="CF9" s="470"/>
      <c r="CG9" s="470"/>
      <c r="CH9" s="470"/>
      <c r="CI9" s="470"/>
      <c r="CJ9" s="470"/>
      <c r="CK9" s="470"/>
      <c r="CL9" s="470"/>
      <c r="CM9" s="471"/>
    </row>
    <row r="10" spans="1:100" ht="17.25" customHeight="1" x14ac:dyDescent="0.15">
      <c r="A10" s="295"/>
      <c r="B10" s="296"/>
      <c r="C10" s="296"/>
      <c r="D10" s="297"/>
      <c r="E10" s="395"/>
      <c r="F10" s="396"/>
      <c r="G10" s="396"/>
      <c r="H10" s="396"/>
      <c r="I10" s="396"/>
      <c r="J10" s="396"/>
      <c r="K10" s="396"/>
      <c r="L10" s="396"/>
      <c r="M10" s="396"/>
      <c r="N10" s="396"/>
      <c r="O10" s="396"/>
      <c r="P10" s="396"/>
      <c r="Q10" s="396"/>
      <c r="R10" s="396"/>
      <c r="S10" s="396"/>
      <c r="T10" s="396"/>
      <c r="U10" s="396"/>
      <c r="V10" s="396"/>
      <c r="W10" s="396"/>
      <c r="X10" s="396"/>
      <c r="Y10" s="396"/>
      <c r="Z10" s="396"/>
      <c r="AA10" s="396"/>
      <c r="AB10" s="396"/>
      <c r="AC10" s="396"/>
      <c r="AD10" s="396"/>
      <c r="AE10" s="396"/>
      <c r="AF10" s="396"/>
      <c r="AG10" s="396"/>
      <c r="AH10" s="396"/>
      <c r="AI10" s="396"/>
      <c r="AJ10" s="396"/>
      <c r="AK10" s="396"/>
      <c r="AL10" s="397"/>
      <c r="AM10" s="93"/>
      <c r="AN10" s="469"/>
      <c r="AO10" s="470"/>
      <c r="AP10" s="470"/>
      <c r="AQ10" s="470"/>
      <c r="AR10" s="470"/>
      <c r="AS10" s="470"/>
      <c r="AT10" s="470"/>
      <c r="AU10" s="470"/>
      <c r="AV10" s="470"/>
      <c r="AW10" s="470"/>
      <c r="AX10" s="470"/>
      <c r="AY10" s="470"/>
      <c r="AZ10" s="470"/>
      <c r="BA10" s="470"/>
      <c r="BB10" s="470"/>
      <c r="BC10" s="470"/>
      <c r="BD10" s="470"/>
      <c r="BE10" s="470"/>
      <c r="BF10" s="470"/>
      <c r="BG10" s="470"/>
      <c r="BH10" s="470"/>
      <c r="BI10" s="470"/>
      <c r="BJ10" s="470"/>
      <c r="BK10" s="470"/>
      <c r="BL10" s="470"/>
      <c r="BM10" s="470"/>
      <c r="BN10" s="470"/>
      <c r="BO10" s="470"/>
      <c r="BP10" s="470"/>
      <c r="BQ10" s="470"/>
      <c r="BR10" s="470"/>
      <c r="BS10" s="470"/>
      <c r="BT10" s="470"/>
      <c r="BU10" s="470"/>
      <c r="BV10" s="470"/>
      <c r="BW10" s="470"/>
      <c r="BX10" s="470"/>
      <c r="BY10" s="470"/>
      <c r="BZ10" s="470"/>
      <c r="CA10" s="470"/>
      <c r="CB10" s="470"/>
      <c r="CC10" s="470"/>
      <c r="CD10" s="470"/>
      <c r="CE10" s="470"/>
      <c r="CF10" s="470"/>
      <c r="CG10" s="470"/>
      <c r="CH10" s="470"/>
      <c r="CI10" s="470"/>
      <c r="CJ10" s="470"/>
      <c r="CK10" s="470"/>
      <c r="CL10" s="470"/>
      <c r="CM10" s="471"/>
    </row>
    <row r="11" spans="1:100" ht="17.25" customHeight="1" x14ac:dyDescent="0.15">
      <c r="A11" s="405" t="s">
        <v>798</v>
      </c>
      <c r="B11" s="406"/>
      <c r="C11" s="406"/>
      <c r="D11" s="407"/>
      <c r="E11" s="1045" t="s">
        <v>874</v>
      </c>
      <c r="F11" s="1045"/>
      <c r="G11" s="1045"/>
      <c r="H11" s="1045"/>
      <c r="I11" s="1045"/>
      <c r="J11" s="1045"/>
      <c r="K11" s="1045"/>
      <c r="L11" s="1045"/>
      <c r="M11" s="1045"/>
      <c r="N11" s="1045"/>
      <c r="O11" s="1045"/>
      <c r="P11" s="1045"/>
      <c r="Q11" s="1045"/>
      <c r="R11" s="1045"/>
      <c r="S11" s="1045"/>
      <c r="T11" s="1045"/>
      <c r="U11" s="1045"/>
      <c r="V11" s="1045"/>
      <c r="W11" s="1045"/>
      <c r="X11" s="1045"/>
      <c r="Y11" s="1045"/>
      <c r="Z11" s="1045"/>
      <c r="AA11" s="1045"/>
      <c r="AB11" s="1045"/>
      <c r="AC11" s="1045"/>
      <c r="AD11" s="1045"/>
      <c r="AE11" s="1045"/>
      <c r="AF11" s="1045"/>
      <c r="AG11" s="1045"/>
      <c r="AH11" s="1045"/>
      <c r="AI11" s="1045"/>
      <c r="AJ11" s="1045"/>
      <c r="AK11" s="1045"/>
      <c r="AL11" s="1045"/>
      <c r="AM11" s="93"/>
      <c r="AN11" s="469"/>
      <c r="AO11" s="470"/>
      <c r="AP11" s="470"/>
      <c r="AQ11" s="470"/>
      <c r="AR11" s="470"/>
      <c r="AS11" s="470"/>
      <c r="AT11" s="470"/>
      <c r="AU11" s="470"/>
      <c r="AV11" s="470"/>
      <c r="AW11" s="470"/>
      <c r="AX11" s="470"/>
      <c r="AY11" s="470"/>
      <c r="AZ11" s="470"/>
      <c r="BA11" s="470"/>
      <c r="BB11" s="470"/>
      <c r="BC11" s="470"/>
      <c r="BD11" s="470"/>
      <c r="BE11" s="470"/>
      <c r="BF11" s="470"/>
      <c r="BG11" s="470"/>
      <c r="BH11" s="470"/>
      <c r="BI11" s="470"/>
      <c r="BJ11" s="470"/>
      <c r="BK11" s="470"/>
      <c r="BL11" s="470"/>
      <c r="BM11" s="470"/>
      <c r="BN11" s="470"/>
      <c r="BO11" s="470"/>
      <c r="BP11" s="470"/>
      <c r="BQ11" s="470"/>
      <c r="BR11" s="470"/>
      <c r="BS11" s="470"/>
      <c r="BT11" s="470"/>
      <c r="BU11" s="470"/>
      <c r="BV11" s="470"/>
      <c r="BW11" s="470"/>
      <c r="BX11" s="470"/>
      <c r="BY11" s="470"/>
      <c r="BZ11" s="470"/>
      <c r="CA11" s="470"/>
      <c r="CB11" s="470"/>
      <c r="CC11" s="470"/>
      <c r="CD11" s="470"/>
      <c r="CE11" s="470"/>
      <c r="CF11" s="470"/>
      <c r="CG11" s="470"/>
      <c r="CH11" s="470"/>
      <c r="CI11" s="470"/>
      <c r="CJ11" s="470"/>
      <c r="CK11" s="470"/>
      <c r="CL11" s="470"/>
      <c r="CM11" s="471"/>
    </row>
    <row r="12" spans="1:100" ht="17.25" customHeight="1" x14ac:dyDescent="0.15">
      <c r="A12" s="382" t="s">
        <v>241</v>
      </c>
      <c r="B12" s="484"/>
      <c r="C12" s="484"/>
      <c r="D12" s="484"/>
      <c r="E12" s="485"/>
      <c r="F12" s="519" t="s">
        <v>875</v>
      </c>
      <c r="G12" s="520"/>
      <c r="H12" s="520"/>
      <c r="I12" s="520"/>
      <c r="J12" s="520"/>
      <c r="K12" s="520"/>
      <c r="L12" s="520"/>
      <c r="M12" s="521"/>
      <c r="N12" s="522"/>
      <c r="O12" s="416" t="s">
        <v>242</v>
      </c>
      <c r="P12" s="417"/>
      <c r="Q12" s="534">
        <v>18445</v>
      </c>
      <c r="R12" s="422"/>
      <c r="S12" s="422"/>
      <c r="T12" s="422"/>
      <c r="U12" s="424" t="s">
        <v>392</v>
      </c>
      <c r="V12" s="424"/>
      <c r="W12" s="424"/>
      <c r="X12" s="424"/>
      <c r="Y12" s="1046" t="s">
        <v>381</v>
      </c>
      <c r="Z12" s="1046"/>
      <c r="AA12" s="1046"/>
      <c r="AB12" s="1046"/>
      <c r="AC12" s="1046"/>
      <c r="AD12" s="1046"/>
      <c r="AE12" s="1046"/>
      <c r="AF12" s="1046"/>
      <c r="AG12" s="1046"/>
      <c r="AH12" s="1046"/>
      <c r="AI12" s="1046"/>
      <c r="AJ12" s="1046"/>
      <c r="AK12" s="1046"/>
      <c r="AL12" s="1047"/>
      <c r="AM12" s="93"/>
      <c r="AN12" s="472"/>
      <c r="AO12" s="473"/>
      <c r="AP12" s="473"/>
      <c r="AQ12" s="473"/>
      <c r="AR12" s="473"/>
      <c r="AS12" s="473"/>
      <c r="AT12" s="473"/>
      <c r="AU12" s="473"/>
      <c r="AV12" s="473"/>
      <c r="AW12" s="473"/>
      <c r="AX12" s="473"/>
      <c r="AY12" s="473"/>
      <c r="AZ12" s="473"/>
      <c r="BA12" s="473"/>
      <c r="BB12" s="473"/>
      <c r="BC12" s="473"/>
      <c r="BD12" s="473"/>
      <c r="BE12" s="473"/>
      <c r="BF12" s="473"/>
      <c r="BG12" s="473"/>
      <c r="BH12" s="473"/>
      <c r="BI12" s="473"/>
      <c r="BJ12" s="473"/>
      <c r="BK12" s="473"/>
      <c r="BL12" s="473"/>
      <c r="BM12" s="473"/>
      <c r="BN12" s="473"/>
      <c r="BO12" s="473"/>
      <c r="BP12" s="473"/>
      <c r="BQ12" s="473"/>
      <c r="BR12" s="473"/>
      <c r="BS12" s="473"/>
      <c r="BT12" s="473"/>
      <c r="BU12" s="473"/>
      <c r="BV12" s="473"/>
      <c r="BW12" s="473"/>
      <c r="BX12" s="473"/>
      <c r="BY12" s="473"/>
      <c r="BZ12" s="473"/>
      <c r="CA12" s="473"/>
      <c r="CB12" s="473"/>
      <c r="CC12" s="473"/>
      <c r="CD12" s="473"/>
      <c r="CE12" s="473"/>
      <c r="CF12" s="473"/>
      <c r="CG12" s="473"/>
      <c r="CH12" s="473"/>
      <c r="CI12" s="473"/>
      <c r="CJ12" s="473"/>
      <c r="CK12" s="473"/>
      <c r="CL12" s="473"/>
      <c r="CM12" s="474"/>
      <c r="CQ12" s="3" ph="1"/>
      <c r="CR12" s="3" ph="1"/>
      <c r="CS12" s="3" ph="1"/>
      <c r="CT12" s="3" ph="1"/>
      <c r="CU12" s="3" ph="1"/>
      <c r="CV12" s="3" ph="1"/>
    </row>
    <row r="13" spans="1:100" ht="17.25" customHeight="1" x14ac:dyDescent="0.15">
      <c r="A13" s="361"/>
      <c r="B13" s="362"/>
      <c r="C13" s="362"/>
      <c r="D13" s="362"/>
      <c r="E13" s="363"/>
      <c r="F13" s="336" t="s">
        <v>444</v>
      </c>
      <c r="G13" s="337"/>
      <c r="H13" s="337"/>
      <c r="I13" s="337"/>
      <c r="J13" s="337"/>
      <c r="K13" s="337"/>
      <c r="L13" s="337"/>
      <c r="M13" s="338"/>
      <c r="N13" s="523"/>
      <c r="O13" s="418"/>
      <c r="P13" s="419"/>
      <c r="Q13" s="376"/>
      <c r="R13" s="377"/>
      <c r="S13" s="377"/>
      <c r="T13" s="377"/>
      <c r="U13" s="371"/>
      <c r="V13" s="371"/>
      <c r="W13" s="371"/>
      <c r="X13" s="371"/>
      <c r="Y13" s="854"/>
      <c r="Z13" s="854"/>
      <c r="AA13" s="854"/>
      <c r="AB13" s="854"/>
      <c r="AC13" s="854"/>
      <c r="AD13" s="854"/>
      <c r="AE13" s="854"/>
      <c r="AF13" s="854"/>
      <c r="AG13" s="854"/>
      <c r="AH13" s="854"/>
      <c r="AI13" s="854"/>
      <c r="AJ13" s="854"/>
      <c r="AK13" s="854"/>
      <c r="AL13" s="1048"/>
      <c r="AM13" s="93"/>
      <c r="AN13" s="518" t="s">
        <v>245</v>
      </c>
      <c r="AO13" s="518"/>
      <c r="AP13" s="518"/>
      <c r="AQ13" s="518"/>
      <c r="AR13" s="518"/>
      <c r="AS13" s="518"/>
      <c r="AT13" s="518"/>
      <c r="AU13" s="518"/>
      <c r="AV13" s="518"/>
      <c r="AW13" s="518"/>
      <c r="AX13" s="518"/>
      <c r="AY13" s="518"/>
      <c r="AZ13" s="518"/>
      <c r="BA13" s="518"/>
      <c r="BB13" s="518"/>
      <c r="BC13" s="518"/>
      <c r="BD13" s="518"/>
      <c r="BE13" s="518"/>
      <c r="BF13" s="518"/>
      <c r="BG13" s="518"/>
      <c r="BH13" s="518"/>
      <c r="BI13" s="518"/>
      <c r="BJ13" s="518"/>
      <c r="BK13" s="518"/>
      <c r="BL13" s="518"/>
      <c r="BM13" s="518"/>
      <c r="BN13" s="518"/>
      <c r="BO13" s="518"/>
      <c r="BP13" s="518"/>
      <c r="BQ13" s="518"/>
      <c r="BR13" s="518"/>
      <c r="BS13" s="518"/>
      <c r="BT13" s="518"/>
      <c r="BU13" s="518"/>
      <c r="BV13" s="518"/>
      <c r="BW13" s="518"/>
      <c r="BX13" s="518"/>
      <c r="BY13" s="518"/>
      <c r="BZ13" s="518"/>
      <c r="CA13" s="518"/>
      <c r="CB13" s="518"/>
      <c r="CC13" s="518"/>
      <c r="CD13" s="518"/>
      <c r="CE13" s="518"/>
      <c r="CF13" s="518"/>
      <c r="CG13" s="518"/>
      <c r="CH13" s="518"/>
      <c r="CI13" s="518"/>
      <c r="CJ13" s="518"/>
      <c r="CK13" s="518"/>
      <c r="CL13" s="518"/>
      <c r="CM13" s="518"/>
      <c r="CQ13" s="3" ph="1"/>
      <c r="CR13" s="3" ph="1"/>
      <c r="CS13" s="3" ph="1"/>
      <c r="CT13" s="3" ph="1"/>
      <c r="CU13" s="3" ph="1"/>
      <c r="CV13" s="3" ph="1"/>
    </row>
    <row r="14" spans="1:100" ht="17.25" customHeight="1" x14ac:dyDescent="0.15">
      <c r="A14" s="524">
        <v>2</v>
      </c>
      <c r="B14" s="525"/>
      <c r="C14" s="525"/>
      <c r="D14" s="525"/>
      <c r="E14" s="526"/>
      <c r="F14" s="339"/>
      <c r="G14" s="340"/>
      <c r="H14" s="340"/>
      <c r="I14" s="340"/>
      <c r="J14" s="340"/>
      <c r="K14" s="340"/>
      <c r="L14" s="340"/>
      <c r="M14" s="341"/>
      <c r="N14" s="523"/>
      <c r="O14" s="418"/>
      <c r="P14" s="419"/>
      <c r="Q14" s="376">
        <v>19829</v>
      </c>
      <c r="R14" s="377"/>
      <c r="S14" s="377"/>
      <c r="T14" s="377"/>
      <c r="U14" s="371" t="s">
        <v>345</v>
      </c>
      <c r="V14" s="371"/>
      <c r="W14" s="371"/>
      <c r="X14" s="371"/>
      <c r="Y14" s="371"/>
      <c r="Z14" s="371"/>
      <c r="AA14" s="371"/>
      <c r="AB14" s="371"/>
      <c r="AC14" s="371"/>
      <c r="AD14" s="371"/>
      <c r="AE14" s="371"/>
      <c r="AF14" s="371"/>
      <c r="AG14" s="371"/>
      <c r="AH14" s="371"/>
      <c r="AI14" s="371"/>
      <c r="AJ14" s="371"/>
      <c r="AK14" s="371"/>
      <c r="AL14" s="527"/>
      <c r="AM14" s="93"/>
      <c r="AN14" s="287" t="s">
        <v>219</v>
      </c>
      <c r="AO14" s="287"/>
      <c r="AP14" s="287"/>
      <c r="AQ14" s="287"/>
      <c r="AR14" s="287"/>
      <c r="AS14" s="287"/>
      <c r="AT14" s="856" t="s">
        <v>1532</v>
      </c>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528" t="s">
        <v>246</v>
      </c>
      <c r="B15" s="529"/>
      <c r="C15" s="529"/>
      <c r="D15" s="529"/>
      <c r="E15" s="530"/>
      <c r="F15" s="531">
        <v>46380</v>
      </c>
      <c r="G15" s="532"/>
      <c r="H15" s="532"/>
      <c r="I15" s="532"/>
      <c r="J15" s="532"/>
      <c r="K15" s="532"/>
      <c r="L15" s="532"/>
      <c r="M15" s="533"/>
      <c r="N15" s="523"/>
      <c r="O15" s="418"/>
      <c r="P15" s="419"/>
      <c r="Q15" s="376"/>
      <c r="R15" s="377"/>
      <c r="S15" s="377"/>
      <c r="T15" s="377"/>
      <c r="U15" s="371"/>
      <c r="V15" s="371"/>
      <c r="W15" s="371"/>
      <c r="X15" s="371"/>
      <c r="Y15" s="371"/>
      <c r="Z15" s="371"/>
      <c r="AA15" s="371"/>
      <c r="AB15" s="371"/>
      <c r="AC15" s="371"/>
      <c r="AD15" s="371"/>
      <c r="AE15" s="371"/>
      <c r="AF15" s="371"/>
      <c r="AG15" s="371"/>
      <c r="AH15" s="371"/>
      <c r="AI15" s="371"/>
      <c r="AJ15" s="371"/>
      <c r="AK15" s="371"/>
      <c r="AL15" s="527"/>
      <c r="AM15" s="93"/>
      <c r="AN15" s="287"/>
      <c r="AO15" s="287"/>
      <c r="AP15" s="287"/>
      <c r="AQ15" s="287"/>
      <c r="AR15" s="287"/>
      <c r="AS15" s="287"/>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49</v>
      </c>
      <c r="B16" s="484"/>
      <c r="C16" s="484"/>
      <c r="D16" s="484"/>
      <c r="E16" s="485"/>
      <c r="F16" s="411" t="s">
        <v>876</v>
      </c>
      <c r="G16" s="554"/>
      <c r="H16" s="554"/>
      <c r="I16" s="554"/>
      <c r="J16" s="554"/>
      <c r="K16" s="554"/>
      <c r="L16" s="554"/>
      <c r="M16" s="555"/>
      <c r="N16" s="523"/>
      <c r="O16" s="418"/>
      <c r="P16" s="419"/>
      <c r="Q16" s="376"/>
      <c r="R16" s="377"/>
      <c r="S16" s="377"/>
      <c r="T16" s="377"/>
      <c r="U16" s="371"/>
      <c r="V16" s="371"/>
      <c r="W16" s="371"/>
      <c r="X16" s="371"/>
      <c r="Y16" s="371"/>
      <c r="Z16" s="371"/>
      <c r="AA16" s="371"/>
      <c r="AB16" s="371"/>
      <c r="AC16" s="371"/>
      <c r="AD16" s="371"/>
      <c r="AE16" s="371"/>
      <c r="AF16" s="371"/>
      <c r="AG16" s="371"/>
      <c r="AH16" s="371"/>
      <c r="AI16" s="371"/>
      <c r="AJ16" s="371"/>
      <c r="AK16" s="371"/>
      <c r="AL16" s="527"/>
      <c r="AM16" s="93"/>
      <c r="AN16" s="287" t="s">
        <v>220</v>
      </c>
      <c r="AO16" s="287"/>
      <c r="AP16" s="287"/>
      <c r="AQ16" s="287"/>
      <c r="AR16" s="287"/>
      <c r="AS16" s="287"/>
      <c r="AT16" s="856" t="s">
        <v>103</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36" t="s">
        <v>451</v>
      </c>
      <c r="G17" s="337"/>
      <c r="H17" s="337"/>
      <c r="I17" s="337"/>
      <c r="J17" s="337"/>
      <c r="K17" s="337"/>
      <c r="L17" s="337"/>
      <c r="M17" s="338"/>
      <c r="N17" s="523"/>
      <c r="O17" s="418"/>
      <c r="P17" s="419"/>
      <c r="Q17" s="376"/>
      <c r="R17" s="377"/>
      <c r="S17" s="377"/>
      <c r="T17" s="377"/>
      <c r="U17" s="371"/>
      <c r="V17" s="371"/>
      <c r="W17" s="371"/>
      <c r="X17" s="371"/>
      <c r="Y17" s="371"/>
      <c r="Z17" s="371"/>
      <c r="AA17" s="371"/>
      <c r="AB17" s="371"/>
      <c r="AC17" s="371"/>
      <c r="AD17" s="371"/>
      <c r="AE17" s="371"/>
      <c r="AF17" s="371"/>
      <c r="AG17" s="371"/>
      <c r="AH17" s="371"/>
      <c r="AI17" s="371"/>
      <c r="AJ17" s="371"/>
      <c r="AK17" s="371"/>
      <c r="AL17" s="527"/>
      <c r="AM17" s="93"/>
      <c r="AN17" s="287"/>
      <c r="AO17" s="287"/>
      <c r="AP17" s="287"/>
      <c r="AQ17" s="287"/>
      <c r="AR17" s="287"/>
      <c r="AS17" s="28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39"/>
      <c r="G18" s="340"/>
      <c r="H18" s="340"/>
      <c r="I18" s="340"/>
      <c r="J18" s="340"/>
      <c r="K18" s="340"/>
      <c r="L18" s="340"/>
      <c r="M18" s="341"/>
      <c r="N18" s="523"/>
      <c r="O18" s="418"/>
      <c r="P18" s="419"/>
      <c r="Q18" s="376"/>
      <c r="R18" s="377"/>
      <c r="S18" s="377"/>
      <c r="T18" s="377"/>
      <c r="U18" s="371"/>
      <c r="V18" s="371"/>
      <c r="W18" s="371"/>
      <c r="X18" s="371"/>
      <c r="Y18" s="371"/>
      <c r="Z18" s="371"/>
      <c r="AA18" s="371"/>
      <c r="AB18" s="371"/>
      <c r="AC18" s="371"/>
      <c r="AD18" s="371"/>
      <c r="AE18" s="371"/>
      <c r="AF18" s="371"/>
      <c r="AG18" s="371"/>
      <c r="AH18" s="371"/>
      <c r="AI18" s="371"/>
      <c r="AJ18" s="371"/>
      <c r="AK18" s="371"/>
      <c r="AL18" s="527"/>
      <c r="AM18" s="93"/>
      <c r="AN18" s="287" t="s">
        <v>221</v>
      </c>
      <c r="AO18" s="287"/>
      <c r="AP18" s="287"/>
      <c r="AQ18" s="287"/>
      <c r="AR18" s="287"/>
      <c r="AS18" s="287"/>
      <c r="AT18" s="856" t="s">
        <v>1664</v>
      </c>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450" t="s">
        <v>877</v>
      </c>
      <c r="G19" s="510"/>
      <c r="H19" s="510"/>
      <c r="I19" s="510"/>
      <c r="J19" s="510"/>
      <c r="K19" s="510"/>
      <c r="L19" s="510"/>
      <c r="M19" s="511"/>
      <c r="N19" s="523"/>
      <c r="O19" s="418"/>
      <c r="P19" s="419"/>
      <c r="Q19" s="376"/>
      <c r="R19" s="377"/>
      <c r="S19" s="377"/>
      <c r="T19" s="377"/>
      <c r="U19" s="371"/>
      <c r="V19" s="371"/>
      <c r="W19" s="371"/>
      <c r="X19" s="371"/>
      <c r="Y19" s="371"/>
      <c r="Z19" s="371"/>
      <c r="AA19" s="371"/>
      <c r="AB19" s="371"/>
      <c r="AC19" s="371"/>
      <c r="AD19" s="371"/>
      <c r="AE19" s="371"/>
      <c r="AF19" s="371"/>
      <c r="AG19" s="371"/>
      <c r="AH19" s="371"/>
      <c r="AI19" s="371"/>
      <c r="AJ19" s="371"/>
      <c r="AK19" s="371"/>
      <c r="AL19" s="527"/>
      <c r="AM19" s="93"/>
      <c r="AN19" s="287"/>
      <c r="AO19" s="287"/>
      <c r="AP19" s="287"/>
      <c r="AQ19" s="287"/>
      <c r="AR19" s="287"/>
      <c r="AS19" s="287"/>
      <c r="AT19" s="856"/>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36" t="s">
        <v>878</v>
      </c>
      <c r="G20" s="337"/>
      <c r="H20" s="337"/>
      <c r="I20" s="337"/>
      <c r="J20" s="337"/>
      <c r="K20" s="337"/>
      <c r="L20" s="337"/>
      <c r="M20" s="338"/>
      <c r="N20" s="523"/>
      <c r="O20" s="418"/>
      <c r="P20" s="419"/>
      <c r="Q20" s="376"/>
      <c r="R20" s="377"/>
      <c r="S20" s="377"/>
      <c r="T20" s="377"/>
      <c r="U20" s="371"/>
      <c r="V20" s="371"/>
      <c r="W20" s="371"/>
      <c r="X20" s="371"/>
      <c r="Y20" s="371"/>
      <c r="Z20" s="371"/>
      <c r="AA20" s="371"/>
      <c r="AB20" s="371"/>
      <c r="AC20" s="371"/>
      <c r="AD20" s="371"/>
      <c r="AE20" s="371"/>
      <c r="AF20" s="371"/>
      <c r="AG20" s="371"/>
      <c r="AH20" s="371"/>
      <c r="AI20" s="371"/>
      <c r="AJ20" s="371"/>
      <c r="AK20" s="371"/>
      <c r="AL20" s="527"/>
      <c r="AM20" s="93"/>
      <c r="AN20" s="287" t="s">
        <v>222</v>
      </c>
      <c r="AO20" s="287"/>
      <c r="AP20" s="287"/>
      <c r="AQ20" s="287"/>
      <c r="AR20" s="287"/>
      <c r="AS20" s="287"/>
      <c r="AT20" s="856" t="s">
        <v>456</v>
      </c>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39"/>
      <c r="G21" s="340"/>
      <c r="H21" s="340"/>
      <c r="I21" s="340"/>
      <c r="J21" s="340"/>
      <c r="K21" s="340"/>
      <c r="L21" s="340"/>
      <c r="M21" s="341"/>
      <c r="N21" s="523"/>
      <c r="O21" s="418"/>
      <c r="P21" s="419"/>
      <c r="Q21" s="570" t="s">
        <v>104</v>
      </c>
      <c r="R21" s="378"/>
      <c r="S21" s="378"/>
      <c r="T21" s="378"/>
      <c r="U21" s="378"/>
      <c r="V21" s="378"/>
      <c r="W21" s="378"/>
      <c r="X21" s="378"/>
      <c r="Y21" s="378"/>
      <c r="Z21" s="378"/>
      <c r="AA21" s="378"/>
      <c r="AB21" s="378"/>
      <c r="AC21" s="378"/>
      <c r="AD21" s="378"/>
      <c r="AE21" s="378"/>
      <c r="AF21" s="378"/>
      <c r="AG21" s="378"/>
      <c r="AH21" s="378"/>
      <c r="AI21" s="378"/>
      <c r="AJ21" s="378"/>
      <c r="AK21" s="378"/>
      <c r="AL21" s="379"/>
      <c r="AM21" s="93"/>
      <c r="AN21" s="287"/>
      <c r="AO21" s="287"/>
      <c r="AP21" s="287"/>
      <c r="AQ21" s="287"/>
      <c r="AR21" s="287"/>
      <c r="AS21" s="287"/>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82" t="s">
        <v>259</v>
      </c>
      <c r="B22" s="484"/>
      <c r="C22" s="484"/>
      <c r="D22" s="484"/>
      <c r="E22" s="485"/>
      <c r="F22" s="411" t="s">
        <v>1383</v>
      </c>
      <c r="G22" s="554"/>
      <c r="H22" s="554"/>
      <c r="I22" s="554"/>
      <c r="J22" s="554"/>
      <c r="K22" s="554"/>
      <c r="L22" s="554"/>
      <c r="M22" s="555"/>
      <c r="N22" s="523"/>
      <c r="O22" s="1031" t="s">
        <v>258</v>
      </c>
      <c r="P22" s="1031"/>
      <c r="Q22" s="1049" t="s">
        <v>879</v>
      </c>
      <c r="R22" s="1050"/>
      <c r="S22" s="1050"/>
      <c r="T22" s="1050"/>
      <c r="U22" s="974" t="s">
        <v>880</v>
      </c>
      <c r="V22" s="974"/>
      <c r="W22" s="974"/>
      <c r="X22" s="974"/>
      <c r="Y22" s="974"/>
      <c r="Z22" s="974"/>
      <c r="AA22" s="974"/>
      <c r="AB22" s="974"/>
      <c r="AC22" s="974"/>
      <c r="AD22" s="974"/>
      <c r="AE22" s="974"/>
      <c r="AF22" s="974"/>
      <c r="AG22" s="974"/>
      <c r="AH22" s="974"/>
      <c r="AI22" s="974"/>
      <c r="AJ22" s="974"/>
      <c r="AK22" s="974"/>
      <c r="AL22" s="975"/>
      <c r="AM22" s="93"/>
      <c r="AN22" s="1032" t="s">
        <v>462</v>
      </c>
      <c r="AO22" s="1032"/>
      <c r="AP22" s="1032"/>
      <c r="AQ22" s="1032"/>
      <c r="AR22" s="1032"/>
      <c r="AS22" s="1032"/>
      <c r="AT22" s="1032"/>
      <c r="AU22" s="1032"/>
      <c r="AV22" s="1032"/>
      <c r="AW22" s="1032"/>
      <c r="AX22" s="1032"/>
      <c r="AY22" s="1032"/>
      <c r="AZ22" s="1032"/>
      <c r="BA22" s="1032"/>
      <c r="BB22" s="1032"/>
      <c r="BC22" s="1032"/>
      <c r="BD22" s="1032"/>
      <c r="BE22" s="1032"/>
      <c r="BF22" s="1032"/>
      <c r="BG22" s="1032"/>
      <c r="BH22" s="1032"/>
      <c r="BI22" s="1032"/>
      <c r="BJ22" s="1032"/>
      <c r="BK22" s="1032"/>
      <c r="BL22" s="1032"/>
      <c r="BM22" s="1032"/>
      <c r="BN22" s="1032"/>
      <c r="BO22" s="1032"/>
      <c r="BP22" s="1032"/>
      <c r="BQ22" s="1032"/>
      <c r="BR22" s="1032"/>
      <c r="BS22" s="1032"/>
      <c r="BT22" s="1032"/>
      <c r="BU22" s="1032"/>
      <c r="BV22" s="1032"/>
      <c r="BW22" s="1032"/>
      <c r="BX22" s="1032"/>
      <c r="BY22" s="1032"/>
      <c r="BZ22" s="1032"/>
      <c r="CA22" s="1032"/>
      <c r="CB22" s="1032"/>
      <c r="CC22" s="1032"/>
      <c r="CD22" s="1032"/>
      <c r="CE22" s="1032"/>
      <c r="CF22" s="1032"/>
      <c r="CG22" s="1032"/>
      <c r="CH22" s="1032"/>
      <c r="CI22" s="1032"/>
      <c r="CJ22" s="1032"/>
      <c r="CK22" s="1032"/>
      <c r="CL22" s="1032"/>
      <c r="CM22" s="1032"/>
      <c r="CQ22" s="3" ph="1"/>
      <c r="CR22" s="3" ph="1"/>
      <c r="CS22" s="3" ph="1"/>
      <c r="CT22" s="3" ph="1"/>
      <c r="CU22" s="3" ph="1"/>
      <c r="CV22" s="3" ph="1"/>
    </row>
    <row r="23" spans="1:100" ht="17.25" customHeight="1" x14ac:dyDescent="0.15">
      <c r="A23" s="361"/>
      <c r="B23" s="362"/>
      <c r="C23" s="362"/>
      <c r="D23" s="362"/>
      <c r="E23" s="363"/>
      <c r="F23" s="336" t="s">
        <v>1384</v>
      </c>
      <c r="G23" s="337"/>
      <c r="H23" s="337"/>
      <c r="I23" s="337"/>
      <c r="J23" s="337"/>
      <c r="K23" s="337"/>
      <c r="L23" s="337"/>
      <c r="M23" s="338"/>
      <c r="N23" s="523"/>
      <c r="O23" s="1031"/>
      <c r="P23" s="1031"/>
      <c r="Q23" s="342">
        <v>30787</v>
      </c>
      <c r="R23" s="343"/>
      <c r="S23" s="343"/>
      <c r="T23" s="343"/>
      <c r="U23" s="343"/>
      <c r="V23" s="343"/>
      <c r="W23" s="343"/>
      <c r="X23" s="343"/>
      <c r="Y23" s="343"/>
      <c r="Z23" s="343"/>
      <c r="AA23" s="343"/>
      <c r="AB23" s="343"/>
      <c r="AC23" s="343"/>
      <c r="AD23" s="343"/>
      <c r="AE23" s="343"/>
      <c r="AF23" s="343"/>
      <c r="AG23" s="343"/>
      <c r="AH23" s="343"/>
      <c r="AI23" s="343"/>
      <c r="AJ23" s="343"/>
      <c r="AK23" s="343"/>
      <c r="AL23" s="344"/>
      <c r="AM23" s="93"/>
      <c r="AN23" s="2" t="s">
        <v>16</v>
      </c>
      <c r="AO23" s="280" t="s">
        <v>1533</v>
      </c>
      <c r="AP23" s="280"/>
      <c r="AQ23" s="280"/>
      <c r="AR23" s="280"/>
      <c r="AS23" s="280"/>
      <c r="AT23" s="280"/>
      <c r="AU23" s="280"/>
      <c r="AV23" s="280"/>
      <c r="AW23" s="280"/>
      <c r="AX23" s="280"/>
      <c r="AY23" s="280"/>
      <c r="AZ23" s="280"/>
      <c r="BA23" s="280"/>
      <c r="BB23" s="280"/>
      <c r="BC23" s="280"/>
      <c r="BD23" s="280"/>
      <c r="BE23" s="280"/>
      <c r="BF23" s="280"/>
      <c r="BG23" s="280"/>
      <c r="BH23" s="280"/>
      <c r="BI23" s="280"/>
      <c r="BJ23" s="280"/>
      <c r="BK23" s="280"/>
      <c r="BL23" s="280"/>
      <c r="BM23" s="280"/>
      <c r="BN23" s="280"/>
      <c r="BO23" s="280"/>
      <c r="BP23" s="280"/>
      <c r="BQ23" s="280"/>
      <c r="BR23" s="280"/>
      <c r="BS23" s="280"/>
      <c r="BT23" s="280"/>
      <c r="BU23" s="280"/>
      <c r="BV23" s="280"/>
      <c r="BW23" s="280"/>
      <c r="BX23" s="280"/>
      <c r="BY23" s="280"/>
      <c r="BZ23" s="280"/>
      <c r="CA23" s="280"/>
      <c r="CB23" s="280"/>
      <c r="CC23" s="280"/>
      <c r="CD23" s="280"/>
      <c r="CE23" s="280"/>
      <c r="CF23" s="280"/>
      <c r="CG23" s="280"/>
      <c r="CH23" s="280"/>
      <c r="CI23" s="280"/>
      <c r="CJ23" s="280"/>
      <c r="CK23" s="280"/>
      <c r="CL23" s="280"/>
      <c r="CM23" s="281"/>
      <c r="CQ23" s="3" ph="1"/>
      <c r="CR23" s="3" ph="1"/>
      <c r="CS23" s="3" ph="1"/>
      <c r="CT23" s="3" ph="1"/>
      <c r="CU23" s="3" ph="1"/>
      <c r="CV23" s="3" ph="1"/>
    </row>
    <row r="24" spans="1:100" ht="17.25" customHeight="1" x14ac:dyDescent="0.15">
      <c r="A24" s="364"/>
      <c r="B24" s="365"/>
      <c r="C24" s="365"/>
      <c r="D24" s="365"/>
      <c r="E24" s="366"/>
      <c r="F24" s="339"/>
      <c r="G24" s="340"/>
      <c r="H24" s="340"/>
      <c r="I24" s="340"/>
      <c r="J24" s="340"/>
      <c r="K24" s="340"/>
      <c r="L24" s="340"/>
      <c r="M24" s="341"/>
      <c r="N24" s="523"/>
      <c r="O24" s="428" t="s">
        <v>260</v>
      </c>
      <c r="P24" s="428"/>
      <c r="Q24" s="1030" t="s">
        <v>881</v>
      </c>
      <c r="R24" s="862"/>
      <c r="S24" s="862"/>
      <c r="T24" s="862"/>
      <c r="U24" s="862"/>
      <c r="V24" s="862"/>
      <c r="W24" s="862"/>
      <c r="X24" s="862"/>
      <c r="Y24" s="862"/>
      <c r="Z24" s="862"/>
      <c r="AA24" s="862"/>
      <c r="AB24" s="862"/>
      <c r="AC24" s="862"/>
      <c r="AD24" s="862"/>
      <c r="AE24" s="862"/>
      <c r="AF24" s="862"/>
      <c r="AG24" s="862"/>
      <c r="AH24" s="862"/>
      <c r="AI24" s="862"/>
      <c r="AJ24" s="862"/>
      <c r="AK24" s="862"/>
      <c r="AL24" s="863"/>
      <c r="AM24" s="93"/>
      <c r="AN24" s="37" t="s">
        <v>16</v>
      </c>
      <c r="AO24" s="727" t="s">
        <v>1534</v>
      </c>
      <c r="AP24" s="727"/>
      <c r="AQ24" s="727"/>
      <c r="AR24" s="727"/>
      <c r="AS24" s="727"/>
      <c r="AT24" s="727"/>
      <c r="AU24" s="727"/>
      <c r="AV24" s="727"/>
      <c r="AW24" s="727"/>
      <c r="AX24" s="727"/>
      <c r="AY24" s="727"/>
      <c r="AZ24" s="727"/>
      <c r="BA24" s="727"/>
      <c r="BB24" s="727"/>
      <c r="BC24" s="727"/>
      <c r="BD24" s="727"/>
      <c r="BE24" s="727"/>
      <c r="BF24" s="727"/>
      <c r="BG24" s="727"/>
      <c r="BH24" s="727"/>
      <c r="BI24" s="727"/>
      <c r="BJ24" s="727"/>
      <c r="BK24" s="727"/>
      <c r="BL24" s="727"/>
      <c r="BM24" s="727"/>
      <c r="BN24" s="727"/>
      <c r="BO24" s="727"/>
      <c r="BP24" s="727"/>
      <c r="BQ24" s="727"/>
      <c r="BR24" s="727"/>
      <c r="BS24" s="727"/>
      <c r="BT24" s="727"/>
      <c r="BU24" s="727"/>
      <c r="BV24" s="727"/>
      <c r="BW24" s="727"/>
      <c r="BX24" s="727"/>
      <c r="BY24" s="727"/>
      <c r="BZ24" s="727"/>
      <c r="CA24" s="727"/>
      <c r="CB24" s="727"/>
      <c r="CC24" s="727"/>
      <c r="CD24" s="727"/>
      <c r="CE24" s="727"/>
      <c r="CF24" s="727"/>
      <c r="CG24" s="727"/>
      <c r="CH24" s="727"/>
      <c r="CI24" s="727"/>
      <c r="CJ24" s="727"/>
      <c r="CK24" s="727"/>
      <c r="CL24" s="727"/>
      <c r="CM24" s="728"/>
      <c r="CQ24" s="3" ph="1"/>
      <c r="CR24" s="3" ph="1"/>
      <c r="CS24" s="3" ph="1"/>
      <c r="CT24" s="3" ph="1"/>
      <c r="CU24" s="3" ph="1"/>
      <c r="CV24" s="3" ph="1"/>
    </row>
    <row r="25" spans="1:100" ht="17.25" customHeight="1" x14ac:dyDescent="0.15">
      <c r="A25" s="382" t="s">
        <v>263</v>
      </c>
      <c r="B25" s="484"/>
      <c r="C25" s="484"/>
      <c r="D25" s="484"/>
      <c r="E25" s="485"/>
      <c r="F25" s="519" t="s">
        <v>1385</v>
      </c>
      <c r="G25" s="520"/>
      <c r="H25" s="520"/>
      <c r="I25" s="520"/>
      <c r="J25" s="520"/>
      <c r="K25" s="520"/>
      <c r="L25" s="520"/>
      <c r="M25" s="521"/>
      <c r="N25" s="523"/>
      <c r="O25" s="428"/>
      <c r="P25" s="428"/>
      <c r="Q25" s="342">
        <v>27134</v>
      </c>
      <c r="R25" s="343"/>
      <c r="S25" s="343"/>
      <c r="T25" s="343"/>
      <c r="U25" s="343"/>
      <c r="V25" s="343"/>
      <c r="W25" s="343"/>
      <c r="X25" s="343"/>
      <c r="Y25" s="343"/>
      <c r="Z25" s="343"/>
      <c r="AA25" s="343"/>
      <c r="AB25" s="343"/>
      <c r="AC25" s="343"/>
      <c r="AD25" s="343"/>
      <c r="AE25" s="343"/>
      <c r="AF25" s="343"/>
      <c r="AG25" s="343"/>
      <c r="AH25" s="343"/>
      <c r="AI25" s="343"/>
      <c r="AJ25" s="343"/>
      <c r="AK25" s="343"/>
      <c r="AL25" s="344"/>
      <c r="AM25" s="93"/>
      <c r="AN25" s="37" t="s">
        <v>16</v>
      </c>
      <c r="AO25" s="727" t="s">
        <v>1535</v>
      </c>
      <c r="AP25" s="727"/>
      <c r="AQ25" s="727"/>
      <c r="AR25" s="727"/>
      <c r="AS25" s="727"/>
      <c r="AT25" s="727"/>
      <c r="AU25" s="727"/>
      <c r="AV25" s="727"/>
      <c r="AW25" s="727"/>
      <c r="AX25" s="727"/>
      <c r="AY25" s="727"/>
      <c r="AZ25" s="727"/>
      <c r="BA25" s="727"/>
      <c r="BB25" s="727"/>
      <c r="BC25" s="727"/>
      <c r="BD25" s="727"/>
      <c r="BE25" s="727"/>
      <c r="BF25" s="727"/>
      <c r="BG25" s="727"/>
      <c r="BH25" s="727"/>
      <c r="BI25" s="727"/>
      <c r="BJ25" s="727"/>
      <c r="BK25" s="727"/>
      <c r="BL25" s="727"/>
      <c r="BM25" s="727"/>
      <c r="BN25" s="727"/>
      <c r="BO25" s="727"/>
      <c r="BP25" s="727"/>
      <c r="BQ25" s="727"/>
      <c r="BR25" s="727"/>
      <c r="BS25" s="727"/>
      <c r="BT25" s="727"/>
      <c r="BU25" s="727"/>
      <c r="BV25" s="727"/>
      <c r="BW25" s="727"/>
      <c r="BX25" s="727"/>
      <c r="BY25" s="727"/>
      <c r="BZ25" s="727"/>
      <c r="CA25" s="727"/>
      <c r="CB25" s="727"/>
      <c r="CC25" s="727"/>
      <c r="CD25" s="727"/>
      <c r="CE25" s="727"/>
      <c r="CF25" s="727"/>
      <c r="CG25" s="727"/>
      <c r="CH25" s="727"/>
      <c r="CI25" s="727"/>
      <c r="CJ25" s="727"/>
      <c r="CK25" s="727"/>
      <c r="CL25" s="727"/>
      <c r="CM25" s="728"/>
      <c r="CQ25" s="3" ph="1"/>
      <c r="CR25" s="3" ph="1"/>
      <c r="CS25" s="3" ph="1"/>
      <c r="CT25" s="3" ph="1"/>
      <c r="CU25" s="3" ph="1"/>
      <c r="CV25" s="3" ph="1"/>
    </row>
    <row r="26" spans="1:100" ht="17.25" customHeight="1" x14ac:dyDescent="0.15">
      <c r="A26" s="361"/>
      <c r="B26" s="362"/>
      <c r="C26" s="362"/>
      <c r="D26" s="362"/>
      <c r="E26" s="363"/>
      <c r="F26" s="1051" t="s">
        <v>1386</v>
      </c>
      <c r="G26" s="565"/>
      <c r="H26" s="565"/>
      <c r="I26" s="565"/>
      <c r="J26" s="565"/>
      <c r="K26" s="565"/>
      <c r="L26" s="565"/>
      <c r="M26" s="566"/>
      <c r="N26" s="523"/>
      <c r="O26" s="428" t="s">
        <v>264</v>
      </c>
      <c r="P26" s="428"/>
      <c r="Q26" s="1030" t="s">
        <v>882</v>
      </c>
      <c r="R26" s="862"/>
      <c r="S26" s="862"/>
      <c r="T26" s="862"/>
      <c r="U26" s="862"/>
      <c r="V26" s="862"/>
      <c r="W26" s="862"/>
      <c r="X26" s="862"/>
      <c r="Y26" s="862"/>
      <c r="Z26" s="862"/>
      <c r="AA26" s="862"/>
      <c r="AB26" s="862"/>
      <c r="AC26" s="862"/>
      <c r="AD26" s="862"/>
      <c r="AE26" s="862"/>
      <c r="AF26" s="862"/>
      <c r="AG26" s="862"/>
      <c r="AH26" s="862"/>
      <c r="AI26" s="862"/>
      <c r="AJ26" s="862"/>
      <c r="AK26" s="862"/>
      <c r="AL26" s="863"/>
      <c r="AM26" s="93"/>
      <c r="AN26" s="37" t="s">
        <v>16</v>
      </c>
      <c r="AO26" s="727" t="s">
        <v>1536</v>
      </c>
      <c r="AP26" s="727"/>
      <c r="AQ26" s="727"/>
      <c r="AR26" s="727"/>
      <c r="AS26" s="727"/>
      <c r="AT26" s="727"/>
      <c r="AU26" s="727"/>
      <c r="AV26" s="727"/>
      <c r="AW26" s="727"/>
      <c r="AX26" s="727"/>
      <c r="AY26" s="727"/>
      <c r="AZ26" s="727"/>
      <c r="BA26" s="727"/>
      <c r="BB26" s="727"/>
      <c r="BC26" s="727"/>
      <c r="BD26" s="727"/>
      <c r="BE26" s="727"/>
      <c r="BF26" s="727"/>
      <c r="BG26" s="727"/>
      <c r="BH26" s="727"/>
      <c r="BI26" s="727"/>
      <c r="BJ26" s="727"/>
      <c r="BK26" s="727"/>
      <c r="BL26" s="727"/>
      <c r="BM26" s="727"/>
      <c r="BN26" s="727"/>
      <c r="BO26" s="727"/>
      <c r="BP26" s="727"/>
      <c r="BQ26" s="727"/>
      <c r="BR26" s="727"/>
      <c r="BS26" s="727"/>
      <c r="BT26" s="727"/>
      <c r="BU26" s="727"/>
      <c r="BV26" s="727"/>
      <c r="BW26" s="727"/>
      <c r="BX26" s="727"/>
      <c r="BY26" s="727"/>
      <c r="BZ26" s="727"/>
      <c r="CA26" s="727"/>
      <c r="CB26" s="727"/>
      <c r="CC26" s="727"/>
      <c r="CD26" s="727"/>
      <c r="CE26" s="727"/>
      <c r="CF26" s="727"/>
      <c r="CG26" s="727"/>
      <c r="CH26" s="727"/>
      <c r="CI26" s="727"/>
      <c r="CJ26" s="727"/>
      <c r="CK26" s="727"/>
      <c r="CL26" s="727"/>
      <c r="CM26" s="728"/>
      <c r="CN26" s="33"/>
      <c r="CQ26" s="3" ph="1"/>
      <c r="CR26" s="3" ph="1"/>
      <c r="CS26" s="3" ph="1"/>
      <c r="CT26" s="3" ph="1"/>
      <c r="CU26" s="3" ph="1"/>
      <c r="CV26" s="3" ph="1"/>
    </row>
    <row r="27" spans="1:100" ht="17.25" customHeight="1" x14ac:dyDescent="0.15">
      <c r="A27" s="364"/>
      <c r="B27" s="365"/>
      <c r="C27" s="365"/>
      <c r="D27" s="365"/>
      <c r="E27" s="366"/>
      <c r="F27" s="567"/>
      <c r="G27" s="568"/>
      <c r="H27" s="568"/>
      <c r="I27" s="568"/>
      <c r="J27" s="568"/>
      <c r="K27" s="568"/>
      <c r="L27" s="568"/>
      <c r="M27" s="569"/>
      <c r="N27" s="523"/>
      <c r="O27" s="428"/>
      <c r="P27" s="428"/>
      <c r="Q27" s="1052"/>
      <c r="R27" s="860"/>
      <c r="S27" s="860"/>
      <c r="T27" s="860"/>
      <c r="U27" s="860"/>
      <c r="V27" s="860"/>
      <c r="W27" s="860"/>
      <c r="X27" s="860"/>
      <c r="Y27" s="860"/>
      <c r="Z27" s="860"/>
      <c r="AA27" s="860"/>
      <c r="AB27" s="860"/>
      <c r="AC27" s="860"/>
      <c r="AD27" s="860"/>
      <c r="AE27" s="860"/>
      <c r="AF27" s="860"/>
      <c r="AG27" s="860"/>
      <c r="AH27" s="860"/>
      <c r="AI27" s="860"/>
      <c r="AJ27" s="860"/>
      <c r="AK27" s="860"/>
      <c r="AL27" s="861"/>
      <c r="AM27" s="93"/>
      <c r="AN27" s="17" t="s">
        <v>16</v>
      </c>
      <c r="AO27" s="282" t="s">
        <v>1537</v>
      </c>
      <c r="AP27" s="282"/>
      <c r="AQ27" s="282"/>
      <c r="AR27" s="282"/>
      <c r="AS27" s="282"/>
      <c r="AT27" s="282"/>
      <c r="AU27" s="282"/>
      <c r="AV27" s="282"/>
      <c r="AW27" s="282"/>
      <c r="AX27" s="282"/>
      <c r="AY27" s="282"/>
      <c r="AZ27" s="282"/>
      <c r="BA27" s="282"/>
      <c r="BB27" s="282"/>
      <c r="BC27" s="282"/>
      <c r="BD27" s="282"/>
      <c r="BE27" s="282"/>
      <c r="BF27" s="282"/>
      <c r="BG27" s="282"/>
      <c r="BH27" s="282"/>
      <c r="BI27" s="282"/>
      <c r="BJ27" s="282"/>
      <c r="BK27" s="282"/>
      <c r="BL27" s="282"/>
      <c r="BM27" s="282"/>
      <c r="BN27" s="282"/>
      <c r="BO27" s="282"/>
      <c r="BP27" s="282"/>
      <c r="BQ27" s="282"/>
      <c r="BR27" s="282"/>
      <c r="BS27" s="282"/>
      <c r="BT27" s="282"/>
      <c r="BU27" s="282"/>
      <c r="BV27" s="282"/>
      <c r="BW27" s="282"/>
      <c r="BX27" s="282"/>
      <c r="BY27" s="282"/>
      <c r="BZ27" s="282"/>
      <c r="CA27" s="282"/>
      <c r="CB27" s="282"/>
      <c r="CC27" s="282"/>
      <c r="CD27" s="282"/>
      <c r="CE27" s="282"/>
      <c r="CF27" s="282"/>
      <c r="CG27" s="282"/>
      <c r="CH27" s="282"/>
      <c r="CI27" s="282"/>
      <c r="CJ27" s="282"/>
      <c r="CK27" s="282"/>
      <c r="CL27" s="282"/>
      <c r="CM27" s="283"/>
      <c r="CN27" s="33"/>
      <c r="CQ27" s="3" ph="1"/>
      <c r="CR27" s="3" ph="1"/>
      <c r="CS27" s="3" ph="1"/>
      <c r="CT27" s="3" ph="1"/>
      <c r="CU27" s="3" ph="1"/>
      <c r="CV27" s="3" ph="1"/>
    </row>
    <row r="28" spans="1:100" ht="17.25" customHeight="1" x14ac:dyDescent="0.15">
      <c r="A28" s="255" t="s">
        <v>268</v>
      </c>
      <c r="B28" s="255"/>
      <c r="C28" s="255"/>
      <c r="D28" s="255"/>
      <c r="E28" s="255"/>
      <c r="F28" s="255"/>
      <c r="G28" s="255"/>
      <c r="H28" s="255"/>
      <c r="I28" s="255"/>
      <c r="J28" s="255"/>
      <c r="K28" s="255"/>
      <c r="L28" s="255"/>
      <c r="M28" s="255"/>
      <c r="N28" s="255"/>
      <c r="O28" s="255"/>
      <c r="P28" s="255"/>
      <c r="Q28" s="255"/>
      <c r="R28" s="255"/>
      <c r="S28" s="255"/>
      <c r="T28" s="255"/>
      <c r="U28" s="255"/>
      <c r="V28" s="255"/>
      <c r="W28" s="255"/>
      <c r="X28" s="255"/>
      <c r="Y28" s="255"/>
      <c r="Z28" s="255"/>
      <c r="AA28" s="255"/>
      <c r="AB28" s="255"/>
      <c r="AC28" s="255"/>
      <c r="AD28" s="255"/>
      <c r="AE28" s="255"/>
      <c r="AF28" s="255"/>
      <c r="AG28" s="255"/>
      <c r="AH28" s="255"/>
      <c r="AI28" s="255"/>
      <c r="AJ28" s="255"/>
      <c r="AK28" s="255"/>
      <c r="AL28" s="255"/>
      <c r="AM28" s="93"/>
      <c r="AN28" s="255" t="s">
        <v>261</v>
      </c>
      <c r="AO28" s="255"/>
      <c r="AP28" s="255"/>
      <c r="AQ28" s="255"/>
      <c r="AR28" s="255"/>
      <c r="AS28" s="255"/>
      <c r="AT28" s="255"/>
      <c r="AU28" s="255"/>
      <c r="AV28" s="255"/>
      <c r="AW28" s="255"/>
      <c r="AX28" s="255"/>
      <c r="AY28" s="255"/>
      <c r="AZ28" s="255"/>
      <c r="BA28" s="255"/>
      <c r="BB28" s="255"/>
      <c r="BC28" s="255"/>
      <c r="BD28" s="255"/>
      <c r="BE28" s="255"/>
      <c r="BF28" s="255"/>
      <c r="BG28" s="255"/>
      <c r="BH28" s="255"/>
      <c r="BI28" s="255"/>
      <c r="BJ28" s="255"/>
      <c r="BK28" s="255"/>
      <c r="BL28" s="255"/>
      <c r="BM28" s="255"/>
      <c r="BN28" s="255"/>
      <c r="BO28" s="255"/>
      <c r="BP28" s="255"/>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105</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93"/>
      <c r="AN29" s="38" t="s">
        <v>806</v>
      </c>
      <c r="AO29" s="1053" t="s">
        <v>1538</v>
      </c>
      <c r="AP29" s="1053"/>
      <c r="AQ29" s="1053"/>
      <c r="AR29" s="1053"/>
      <c r="AS29" s="1053"/>
      <c r="AT29" s="1053"/>
      <c r="AU29" s="1053"/>
      <c r="AV29" s="1053"/>
      <c r="AW29" s="1053"/>
      <c r="AX29" s="1053"/>
      <c r="AY29" s="1053"/>
      <c r="AZ29" s="1053"/>
      <c r="BA29" s="1053"/>
      <c r="BB29" s="1053"/>
      <c r="BC29" s="1053"/>
      <c r="BD29" s="1053"/>
      <c r="BE29" s="1053"/>
      <c r="BF29" s="1053"/>
      <c r="BG29" s="1053"/>
      <c r="BH29" s="1053"/>
      <c r="BI29" s="1053"/>
      <c r="BJ29" s="1053"/>
      <c r="BK29" s="1053"/>
      <c r="BL29" s="1053"/>
      <c r="BM29" s="1053"/>
      <c r="BN29" s="1053"/>
      <c r="BO29" s="1053"/>
      <c r="BP29" s="1054"/>
      <c r="BQ29" s="53"/>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93"/>
      <c r="AN30" s="39" t="s">
        <v>806</v>
      </c>
      <c r="AO30" s="672" t="s">
        <v>1539</v>
      </c>
      <c r="AP30" s="672"/>
      <c r="AQ30" s="672"/>
      <c r="AR30" s="672"/>
      <c r="AS30" s="672"/>
      <c r="AT30" s="672"/>
      <c r="AU30" s="672"/>
      <c r="AV30" s="672"/>
      <c r="AW30" s="672"/>
      <c r="AX30" s="672"/>
      <c r="AY30" s="672"/>
      <c r="AZ30" s="672"/>
      <c r="BA30" s="672"/>
      <c r="BB30" s="672"/>
      <c r="BC30" s="672"/>
      <c r="BD30" s="672"/>
      <c r="BE30" s="672"/>
      <c r="BF30" s="672"/>
      <c r="BG30" s="672"/>
      <c r="BH30" s="672"/>
      <c r="BI30" s="672"/>
      <c r="BJ30" s="672"/>
      <c r="BK30" s="672"/>
      <c r="BL30" s="672"/>
      <c r="BM30" s="672"/>
      <c r="BN30" s="672"/>
      <c r="BO30" s="672"/>
      <c r="BP30" s="673"/>
      <c r="BQ30" s="72"/>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93"/>
      <c r="AN31" s="39" t="s">
        <v>16</v>
      </c>
      <c r="AO31" s="351" t="s">
        <v>1540</v>
      </c>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54"/>
      <c r="BR31" s="292" t="s">
        <v>265</v>
      </c>
      <c r="BS31" s="293"/>
      <c r="BT31" s="293"/>
      <c r="BU31" s="293"/>
      <c r="BV31" s="293"/>
      <c r="BW31" s="293"/>
      <c r="BX31" s="294"/>
      <c r="BY31" s="292" t="s">
        <v>266</v>
      </c>
      <c r="BZ31" s="293"/>
      <c r="CA31" s="293"/>
      <c r="CB31" s="293"/>
      <c r="CC31" s="293"/>
      <c r="CD31" s="293"/>
      <c r="CE31" s="293"/>
      <c r="CF31" s="293"/>
      <c r="CG31" s="294"/>
      <c r="CH31" s="287" t="s">
        <v>411</v>
      </c>
      <c r="CI31" s="287"/>
      <c r="CJ31" s="287"/>
      <c r="CK31" s="287"/>
      <c r="CL31" s="287"/>
      <c r="CM31" s="287"/>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93"/>
      <c r="AN32" s="39" t="s">
        <v>835</v>
      </c>
      <c r="AO32" s="351" t="s">
        <v>1541</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53"/>
      <c r="BR32" s="295"/>
      <c r="BS32" s="296"/>
      <c r="BT32" s="296"/>
      <c r="BU32" s="296"/>
      <c r="BV32" s="296"/>
      <c r="BW32" s="296"/>
      <c r="BX32" s="297"/>
      <c r="BY32" s="295"/>
      <c r="BZ32" s="296"/>
      <c r="CA32" s="296"/>
      <c r="CB32" s="296"/>
      <c r="CC32" s="296"/>
      <c r="CD32" s="296"/>
      <c r="CE32" s="296"/>
      <c r="CF32" s="296"/>
      <c r="CG32" s="297"/>
      <c r="CH32" s="287"/>
      <c r="CI32" s="287"/>
      <c r="CJ32" s="287"/>
      <c r="CK32" s="287"/>
      <c r="CL32" s="287"/>
      <c r="CM32" s="287"/>
      <c r="CQ32" s="3" ph="1"/>
      <c r="CR32" s="3" ph="1"/>
      <c r="CS32" s="3" ph="1"/>
      <c r="CT32" s="3" ph="1"/>
      <c r="CU32" s="3" ph="1"/>
      <c r="CV32" s="3" ph="1"/>
    </row>
    <row r="33" spans="1:100" ht="17.25" customHeight="1" x14ac:dyDescent="0.15">
      <c r="A33" s="469"/>
      <c r="B33" s="470"/>
      <c r="C33" s="470"/>
      <c r="D33" s="470"/>
      <c r="E33" s="470"/>
      <c r="F33" s="470"/>
      <c r="G33" s="470"/>
      <c r="H33" s="470"/>
      <c r="I33" s="470"/>
      <c r="J33" s="470"/>
      <c r="K33" s="470"/>
      <c r="L33" s="470"/>
      <c r="M33" s="470"/>
      <c r="N33" s="470"/>
      <c r="O33" s="470"/>
      <c r="P33" s="470"/>
      <c r="Q33" s="470"/>
      <c r="R33" s="470"/>
      <c r="S33" s="470"/>
      <c r="T33" s="470"/>
      <c r="U33" s="470"/>
      <c r="V33" s="470"/>
      <c r="W33" s="470"/>
      <c r="X33" s="470"/>
      <c r="Y33" s="470"/>
      <c r="Z33" s="470"/>
      <c r="AA33" s="470"/>
      <c r="AB33" s="470"/>
      <c r="AC33" s="470"/>
      <c r="AD33" s="470"/>
      <c r="AE33" s="470"/>
      <c r="AF33" s="470"/>
      <c r="AG33" s="470"/>
      <c r="AH33" s="470"/>
      <c r="AI33" s="470"/>
      <c r="AJ33" s="470"/>
      <c r="AK33" s="470"/>
      <c r="AL33" s="471"/>
      <c r="AM33" s="93"/>
      <c r="AN33" s="40"/>
      <c r="AO33" s="353"/>
      <c r="AP33" s="353"/>
      <c r="AQ33" s="353"/>
      <c r="AR33" s="353"/>
      <c r="AS33" s="353"/>
      <c r="AT33" s="353"/>
      <c r="AU33" s="353"/>
      <c r="AV33" s="353"/>
      <c r="AW33" s="353"/>
      <c r="AX33" s="353"/>
      <c r="AY33" s="353"/>
      <c r="AZ33" s="353"/>
      <c r="BA33" s="353"/>
      <c r="BB33" s="353"/>
      <c r="BC33" s="353"/>
      <c r="BD33" s="353"/>
      <c r="BE33" s="353"/>
      <c r="BF33" s="353"/>
      <c r="BG33" s="353"/>
      <c r="BH33" s="353"/>
      <c r="BI33" s="353"/>
      <c r="BJ33" s="353"/>
      <c r="BK33" s="353"/>
      <c r="BL33" s="353"/>
      <c r="BM33" s="353"/>
      <c r="BN33" s="353"/>
      <c r="BO33" s="353"/>
      <c r="BP33" s="354"/>
      <c r="BQ33" s="160"/>
      <c r="BR33" s="292" t="s">
        <v>267</v>
      </c>
      <c r="BS33" s="293"/>
      <c r="BT33" s="293"/>
      <c r="BU33" s="293"/>
      <c r="BV33" s="293"/>
      <c r="BW33" s="293"/>
      <c r="BX33" s="294"/>
      <c r="BY33" s="284">
        <v>107</v>
      </c>
      <c r="BZ33" s="285"/>
      <c r="CA33" s="285"/>
      <c r="CB33" s="285"/>
      <c r="CC33" s="285"/>
      <c r="CD33" s="285"/>
      <c r="CE33" s="285"/>
      <c r="CF33" s="285"/>
      <c r="CG33" s="288"/>
      <c r="CH33" s="286">
        <v>0.44119999999999998</v>
      </c>
      <c r="CI33" s="286"/>
      <c r="CJ33" s="286"/>
      <c r="CK33" s="286"/>
      <c r="CL33" s="286"/>
      <c r="CM33" s="286"/>
      <c r="CQ33" s="3" ph="1"/>
      <c r="CR33" s="3" ph="1"/>
      <c r="CS33" s="3" ph="1"/>
      <c r="CT33" s="3" ph="1"/>
      <c r="CU33" s="3" ph="1"/>
      <c r="CV33" s="3" ph="1"/>
    </row>
    <row r="34" spans="1:100" ht="17.25" customHeight="1" x14ac:dyDescent="0.15">
      <c r="A34" s="469"/>
      <c r="B34" s="470"/>
      <c r="C34" s="470"/>
      <c r="D34" s="470"/>
      <c r="E34" s="470"/>
      <c r="F34" s="470"/>
      <c r="G34" s="470"/>
      <c r="H34" s="470"/>
      <c r="I34" s="470"/>
      <c r="J34" s="470"/>
      <c r="K34" s="470"/>
      <c r="L34" s="470"/>
      <c r="M34" s="470"/>
      <c r="N34" s="470"/>
      <c r="O34" s="470"/>
      <c r="P34" s="470"/>
      <c r="Q34" s="470"/>
      <c r="R34" s="470"/>
      <c r="S34" s="470"/>
      <c r="T34" s="470"/>
      <c r="U34" s="470"/>
      <c r="V34" s="470"/>
      <c r="W34" s="470"/>
      <c r="X34" s="470"/>
      <c r="Y34" s="470"/>
      <c r="Z34" s="470"/>
      <c r="AA34" s="470"/>
      <c r="AB34" s="470"/>
      <c r="AC34" s="470"/>
      <c r="AD34" s="470"/>
      <c r="AE34" s="470"/>
      <c r="AF34" s="470"/>
      <c r="AG34" s="470"/>
      <c r="AH34" s="470"/>
      <c r="AI34" s="470"/>
      <c r="AJ34" s="470"/>
      <c r="AK34" s="470"/>
      <c r="AL34" s="471"/>
      <c r="AM34" s="93"/>
      <c r="AN34" s="518" t="s">
        <v>269</v>
      </c>
      <c r="AO34" s="518"/>
      <c r="AP34" s="518"/>
      <c r="AQ34" s="518"/>
      <c r="AR34" s="518"/>
      <c r="AS34" s="518"/>
      <c r="AT34" s="518"/>
      <c r="AU34" s="518"/>
      <c r="AV34" s="518"/>
      <c r="AW34" s="518"/>
      <c r="AX34" s="518"/>
      <c r="AY34" s="518"/>
      <c r="AZ34" s="518"/>
      <c r="BA34" s="518"/>
      <c r="BB34" s="518"/>
      <c r="BC34" s="518"/>
      <c r="BD34" s="518"/>
      <c r="BE34" s="518"/>
      <c r="BF34" s="518"/>
      <c r="BG34" s="518"/>
      <c r="BH34" s="518"/>
      <c r="BI34" s="518"/>
      <c r="BJ34" s="518"/>
      <c r="BK34" s="518"/>
      <c r="BL34" s="518"/>
      <c r="BM34" s="518"/>
      <c r="BN34" s="518"/>
      <c r="BO34" s="518"/>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472"/>
      <c r="B35" s="473"/>
      <c r="C35" s="473"/>
      <c r="D35" s="473"/>
      <c r="E35" s="473"/>
      <c r="F35" s="473"/>
      <c r="G35" s="473"/>
      <c r="H35" s="473"/>
      <c r="I35" s="473"/>
      <c r="J35" s="473"/>
      <c r="K35" s="473"/>
      <c r="L35" s="473"/>
      <c r="M35" s="473"/>
      <c r="N35" s="473"/>
      <c r="O35" s="473"/>
      <c r="P35" s="473"/>
      <c r="Q35" s="473"/>
      <c r="R35" s="473"/>
      <c r="S35" s="473"/>
      <c r="T35" s="473"/>
      <c r="U35" s="473"/>
      <c r="V35" s="473"/>
      <c r="W35" s="473"/>
      <c r="X35" s="473"/>
      <c r="Y35" s="473"/>
      <c r="Z35" s="473"/>
      <c r="AA35" s="473"/>
      <c r="AB35" s="473"/>
      <c r="AC35" s="473"/>
      <c r="AD35" s="473"/>
      <c r="AE35" s="473"/>
      <c r="AF35" s="473"/>
      <c r="AG35" s="473"/>
      <c r="AH35" s="473"/>
      <c r="AI35" s="473"/>
      <c r="AJ35" s="473"/>
      <c r="AK35" s="473"/>
      <c r="AL35" s="474"/>
      <c r="AM35" s="93"/>
      <c r="AN35" s="680" t="s">
        <v>265</v>
      </c>
      <c r="AO35" s="680"/>
      <c r="AP35" s="680"/>
      <c r="AQ35" s="680"/>
      <c r="AR35" s="680"/>
      <c r="AS35" s="680"/>
      <c r="AT35" s="680"/>
      <c r="AU35" s="680"/>
      <c r="AV35" s="680"/>
      <c r="AW35" s="1061" t="s">
        <v>270</v>
      </c>
      <c r="AX35" s="1062"/>
      <c r="AY35" s="1062"/>
      <c r="AZ35" s="1062"/>
      <c r="BA35" s="1062"/>
      <c r="BB35" s="1062"/>
      <c r="BC35" s="1062"/>
      <c r="BD35" s="1062"/>
      <c r="BE35" s="1062"/>
      <c r="BF35" s="1063"/>
      <c r="BG35" s="1061" t="s">
        <v>271</v>
      </c>
      <c r="BH35" s="1062"/>
      <c r="BI35" s="1062"/>
      <c r="BJ35" s="1062"/>
      <c r="BK35" s="1062"/>
      <c r="BL35" s="1062"/>
      <c r="BM35" s="1062"/>
      <c r="BN35" s="1062"/>
      <c r="BO35" s="1062"/>
      <c r="BP35" s="1063"/>
      <c r="BQ35" s="148"/>
      <c r="BR35" s="1061" t="s">
        <v>272</v>
      </c>
      <c r="BS35" s="1062"/>
      <c r="BT35" s="1062"/>
      <c r="BU35" s="1062"/>
      <c r="BV35" s="1062"/>
      <c r="BW35" s="1062"/>
      <c r="BX35" s="1063"/>
      <c r="BY35" s="1055">
        <v>3449</v>
      </c>
      <c r="BZ35" s="1056"/>
      <c r="CA35" s="1056"/>
      <c r="CB35" s="1056"/>
      <c r="CC35" s="1056"/>
      <c r="CD35" s="1056"/>
      <c r="CE35" s="1056"/>
      <c r="CF35" s="1056"/>
      <c r="CG35" s="1057"/>
      <c r="CH35" s="683">
        <v>14.22151</v>
      </c>
      <c r="CI35" s="683"/>
      <c r="CJ35" s="683"/>
      <c r="CK35" s="683"/>
      <c r="CL35" s="683"/>
      <c r="CM35" s="683"/>
      <c r="CQ35" s="3" ph="1"/>
    </row>
    <row r="36" spans="1:100" ht="17.25" customHeight="1" x14ac:dyDescent="0.15">
      <c r="A36" s="518" t="s">
        <v>274</v>
      </c>
      <c r="B36" s="518"/>
      <c r="C36" s="518"/>
      <c r="D36" s="518"/>
      <c r="E36" s="518"/>
      <c r="F36" s="518"/>
      <c r="G36" s="518"/>
      <c r="H36" s="518"/>
      <c r="I36" s="518"/>
      <c r="J36" s="518"/>
      <c r="K36" s="518"/>
      <c r="L36" s="518"/>
      <c r="M36" s="518"/>
      <c r="N36" s="182"/>
      <c r="O36" s="1068" t="s">
        <v>275</v>
      </c>
      <c r="P36" s="1068"/>
      <c r="Q36" s="1068"/>
      <c r="R36" s="1068"/>
      <c r="S36" s="1068"/>
      <c r="T36" s="1068"/>
      <c r="U36" s="1068"/>
      <c r="V36" s="1068"/>
      <c r="W36" s="1068"/>
      <c r="X36" s="1068"/>
      <c r="Y36" s="1068"/>
      <c r="Z36" s="1068"/>
      <c r="AA36" s="1068"/>
      <c r="AB36" s="1068"/>
      <c r="AC36" s="1068"/>
      <c r="AD36" s="1068"/>
      <c r="AE36" s="1068"/>
      <c r="AF36" s="1068"/>
      <c r="AG36" s="1068"/>
      <c r="AH36" s="1068"/>
      <c r="AI36" s="1068"/>
      <c r="AJ36" s="1068"/>
      <c r="AK36" s="1068"/>
      <c r="AL36" s="1068"/>
      <c r="AM36" s="93"/>
      <c r="AN36" s="680"/>
      <c r="AO36" s="680"/>
      <c r="AP36" s="680"/>
      <c r="AQ36" s="680"/>
      <c r="AR36" s="680"/>
      <c r="AS36" s="680"/>
      <c r="AT36" s="680"/>
      <c r="AU36" s="680"/>
      <c r="AV36" s="680"/>
      <c r="AW36" s="1064"/>
      <c r="AX36" s="1065"/>
      <c r="AY36" s="1065"/>
      <c r="AZ36" s="1065"/>
      <c r="BA36" s="1065"/>
      <c r="BB36" s="1065"/>
      <c r="BC36" s="1065"/>
      <c r="BD36" s="1065"/>
      <c r="BE36" s="1065"/>
      <c r="BF36" s="1066"/>
      <c r="BG36" s="1064"/>
      <c r="BH36" s="1065"/>
      <c r="BI36" s="1065"/>
      <c r="BJ36" s="1065"/>
      <c r="BK36" s="1065"/>
      <c r="BL36" s="1065"/>
      <c r="BM36" s="1065"/>
      <c r="BN36" s="1065"/>
      <c r="BO36" s="1065"/>
      <c r="BP36" s="1066"/>
      <c r="BQ36" s="148"/>
      <c r="BR36" s="1064"/>
      <c r="BS36" s="1065"/>
      <c r="BT36" s="1065"/>
      <c r="BU36" s="1065"/>
      <c r="BV36" s="1065"/>
      <c r="BW36" s="1065"/>
      <c r="BX36" s="1066"/>
      <c r="BY36" s="1058"/>
      <c r="BZ36" s="1059"/>
      <c r="CA36" s="1059"/>
      <c r="CB36" s="1059"/>
      <c r="CC36" s="1059"/>
      <c r="CD36" s="1059"/>
      <c r="CE36" s="1059"/>
      <c r="CF36" s="1059"/>
      <c r="CG36" s="1060"/>
      <c r="CH36" s="683"/>
      <c r="CI36" s="683"/>
      <c r="CJ36" s="683"/>
      <c r="CK36" s="683"/>
      <c r="CL36" s="683"/>
      <c r="CM36" s="683"/>
      <c r="CQ36" s="3" ph="1"/>
    </row>
    <row r="37" spans="1:100" ht="17.25" customHeight="1" x14ac:dyDescent="0.15">
      <c r="A37" s="486" t="s">
        <v>883</v>
      </c>
      <c r="B37" s="487"/>
      <c r="C37" s="487"/>
      <c r="D37" s="487"/>
      <c r="E37" s="487"/>
      <c r="F37" s="487"/>
      <c r="G37" s="487"/>
      <c r="H37" s="487"/>
      <c r="I37" s="487"/>
      <c r="J37" s="487"/>
      <c r="K37" s="487"/>
      <c r="L37" s="487"/>
      <c r="M37" s="488"/>
      <c r="N37" s="68"/>
      <c r="O37" s="1069" t="s">
        <v>230</v>
      </c>
      <c r="P37" s="1070"/>
      <c r="Q37" s="1070"/>
      <c r="R37" s="1070"/>
      <c r="S37" s="1070"/>
      <c r="T37" s="1070"/>
      <c r="U37" s="1070"/>
      <c r="V37" s="1070"/>
      <c r="W37" s="1070"/>
      <c r="X37" s="1070"/>
      <c r="Y37" s="1070"/>
      <c r="Z37" s="1070"/>
      <c r="AA37" s="1070"/>
      <c r="AB37" s="1070"/>
      <c r="AC37" s="1070"/>
      <c r="AD37" s="1070"/>
      <c r="AE37" s="1070"/>
      <c r="AF37" s="1070"/>
      <c r="AG37" s="1070"/>
      <c r="AH37" s="1070"/>
      <c r="AI37" s="1070"/>
      <c r="AJ37" s="1070"/>
      <c r="AK37" s="1070"/>
      <c r="AL37" s="1071"/>
      <c r="AM37" s="93"/>
      <c r="AN37" s="287" t="s">
        <v>811</v>
      </c>
      <c r="AO37" s="287"/>
      <c r="AP37" s="287"/>
      <c r="AQ37" s="287"/>
      <c r="AR37" s="287"/>
      <c r="AS37" s="287"/>
      <c r="AT37" s="287"/>
      <c r="AU37" s="287"/>
      <c r="AV37" s="287"/>
      <c r="AW37" s="1055">
        <v>57425</v>
      </c>
      <c r="AX37" s="1056"/>
      <c r="AY37" s="1056"/>
      <c r="AZ37" s="1056"/>
      <c r="BA37" s="1056"/>
      <c r="BB37" s="1056"/>
      <c r="BC37" s="1056"/>
      <c r="BD37" s="1056"/>
      <c r="BE37" s="1056"/>
      <c r="BF37" s="1057"/>
      <c r="BG37" s="1055">
        <v>24103</v>
      </c>
      <c r="BH37" s="1056"/>
      <c r="BI37" s="1056"/>
      <c r="BJ37" s="1056"/>
      <c r="BK37" s="1056"/>
      <c r="BL37" s="1056"/>
      <c r="BM37" s="1056"/>
      <c r="BN37" s="1056"/>
      <c r="BO37" s="1056"/>
      <c r="BP37" s="1057"/>
      <c r="BQ37" s="149"/>
      <c r="BR37" s="1061" t="s">
        <v>273</v>
      </c>
      <c r="BS37" s="1062"/>
      <c r="BT37" s="1062"/>
      <c r="BU37" s="1062"/>
      <c r="BV37" s="1062"/>
      <c r="BW37" s="1062"/>
      <c r="BX37" s="1063"/>
      <c r="BY37" s="1055">
        <v>20696</v>
      </c>
      <c r="BZ37" s="1056"/>
      <c r="CA37" s="1056"/>
      <c r="CB37" s="1056"/>
      <c r="CC37" s="1056"/>
      <c r="CD37" s="1056"/>
      <c r="CE37" s="1056"/>
      <c r="CF37" s="1056"/>
      <c r="CG37" s="1057"/>
      <c r="CH37" s="683">
        <v>85.337289999999996</v>
      </c>
      <c r="CI37" s="683"/>
      <c r="CJ37" s="683"/>
      <c r="CK37" s="683"/>
      <c r="CL37" s="683"/>
      <c r="CM37" s="683"/>
      <c r="CQ37" s="3" ph="1"/>
    </row>
    <row r="38" spans="1:100" ht="17.25" customHeight="1" x14ac:dyDescent="0.15">
      <c r="A38" s="1067" t="s">
        <v>884</v>
      </c>
      <c r="B38" s="556"/>
      <c r="C38" s="556"/>
      <c r="D38" s="556"/>
      <c r="E38" s="556"/>
      <c r="F38" s="556"/>
      <c r="G38" s="556"/>
      <c r="H38" s="556"/>
      <c r="I38" s="556"/>
      <c r="J38" s="556"/>
      <c r="K38" s="556"/>
      <c r="L38" s="556"/>
      <c r="M38" s="557"/>
      <c r="N38" s="68"/>
      <c r="O38" s="761" t="s">
        <v>318</v>
      </c>
      <c r="P38" s="774"/>
      <c r="Q38" s="774"/>
      <c r="R38" s="774"/>
      <c r="S38" s="774"/>
      <c r="T38" s="774"/>
      <c r="U38" s="774"/>
      <c r="V38" s="774"/>
      <c r="W38" s="774"/>
      <c r="X38" s="774"/>
      <c r="Y38" s="774"/>
      <c r="Z38" s="774"/>
      <c r="AA38" s="774"/>
      <c r="AB38" s="774"/>
      <c r="AC38" s="774"/>
      <c r="AD38" s="774"/>
      <c r="AE38" s="774"/>
      <c r="AF38" s="774"/>
      <c r="AG38" s="774"/>
      <c r="AH38" s="774"/>
      <c r="AI38" s="774"/>
      <c r="AJ38" s="774"/>
      <c r="AK38" s="774"/>
      <c r="AL38" s="775"/>
      <c r="AM38" s="93"/>
      <c r="AN38" s="287"/>
      <c r="AO38" s="287"/>
      <c r="AP38" s="287"/>
      <c r="AQ38" s="287"/>
      <c r="AR38" s="287"/>
      <c r="AS38" s="287"/>
      <c r="AT38" s="287"/>
      <c r="AU38" s="287"/>
      <c r="AV38" s="287"/>
      <c r="AW38" s="1058"/>
      <c r="AX38" s="1059"/>
      <c r="AY38" s="1059"/>
      <c r="AZ38" s="1059"/>
      <c r="BA38" s="1059"/>
      <c r="BB38" s="1059"/>
      <c r="BC38" s="1059"/>
      <c r="BD38" s="1059"/>
      <c r="BE38" s="1059"/>
      <c r="BF38" s="1060"/>
      <c r="BG38" s="1058"/>
      <c r="BH38" s="1059"/>
      <c r="BI38" s="1059"/>
      <c r="BJ38" s="1059"/>
      <c r="BK38" s="1059"/>
      <c r="BL38" s="1059"/>
      <c r="BM38" s="1059"/>
      <c r="BN38" s="1059"/>
      <c r="BO38" s="1059"/>
      <c r="BP38" s="1060"/>
      <c r="BQ38" s="149"/>
      <c r="BR38" s="1064"/>
      <c r="BS38" s="1065"/>
      <c r="BT38" s="1065"/>
      <c r="BU38" s="1065"/>
      <c r="BV38" s="1065"/>
      <c r="BW38" s="1065"/>
      <c r="BX38" s="1066"/>
      <c r="BY38" s="1058"/>
      <c r="BZ38" s="1059"/>
      <c r="CA38" s="1059"/>
      <c r="CB38" s="1059"/>
      <c r="CC38" s="1059"/>
      <c r="CD38" s="1059"/>
      <c r="CE38" s="1059"/>
      <c r="CF38" s="1059"/>
      <c r="CG38" s="1060"/>
      <c r="CH38" s="683"/>
      <c r="CI38" s="683"/>
      <c r="CJ38" s="683"/>
      <c r="CK38" s="683"/>
      <c r="CL38" s="683"/>
      <c r="CM38" s="683"/>
      <c r="CQ38" s="3" ph="1"/>
    </row>
    <row r="39" spans="1:100" ht="17.25" customHeight="1" x14ac:dyDescent="0.15">
      <c r="A39" s="779">
        <v>27134</v>
      </c>
      <c r="B39" s="780"/>
      <c r="C39" s="780"/>
      <c r="D39" s="780"/>
      <c r="E39" s="780"/>
      <c r="F39" s="780"/>
      <c r="G39" s="780"/>
      <c r="H39" s="780"/>
      <c r="I39" s="780"/>
      <c r="J39" s="780"/>
      <c r="K39" s="780"/>
      <c r="L39" s="780"/>
      <c r="M39" s="781"/>
      <c r="N39" s="105"/>
      <c r="O39" s="761" t="s">
        <v>1237</v>
      </c>
      <c r="P39" s="774"/>
      <c r="Q39" s="774"/>
      <c r="R39" s="774"/>
      <c r="S39" s="774"/>
      <c r="T39" s="774"/>
      <c r="U39" s="774"/>
      <c r="V39" s="774"/>
      <c r="W39" s="774"/>
      <c r="X39" s="774"/>
      <c r="Y39" s="774"/>
      <c r="Z39" s="774"/>
      <c r="AA39" s="774"/>
      <c r="AB39" s="774"/>
      <c r="AC39" s="774"/>
      <c r="AD39" s="774"/>
      <c r="AE39" s="774"/>
      <c r="AF39" s="774"/>
      <c r="AG39" s="774"/>
      <c r="AH39" s="774"/>
      <c r="AI39" s="774"/>
      <c r="AJ39" s="774"/>
      <c r="AK39" s="774"/>
      <c r="AL39" s="775"/>
      <c r="AM39" s="93"/>
      <c r="AN39" s="300" t="s">
        <v>1059</v>
      </c>
      <c r="AO39" s="300"/>
      <c r="AP39" s="300"/>
      <c r="AQ39" s="300"/>
      <c r="AR39" s="300"/>
      <c r="AS39" s="300"/>
      <c r="AT39" s="300"/>
      <c r="AU39" s="300"/>
      <c r="AV39" s="300"/>
      <c r="AW39" s="1055">
        <v>57060</v>
      </c>
      <c r="AX39" s="1056"/>
      <c r="AY39" s="1056"/>
      <c r="AZ39" s="1056"/>
      <c r="BA39" s="1056"/>
      <c r="BB39" s="1056"/>
      <c r="BC39" s="1056"/>
      <c r="BD39" s="1056"/>
      <c r="BE39" s="1056"/>
      <c r="BF39" s="1057"/>
      <c r="BG39" s="1055">
        <v>24869</v>
      </c>
      <c r="BH39" s="1056"/>
      <c r="BI39" s="1056"/>
      <c r="BJ39" s="1056"/>
      <c r="BK39" s="1056"/>
      <c r="BL39" s="1056"/>
      <c r="BM39" s="1056"/>
      <c r="BN39" s="1056"/>
      <c r="BO39" s="1056"/>
      <c r="BP39" s="1057"/>
      <c r="BQ39" s="149"/>
      <c r="BR39" s="301" t="s">
        <v>1119</v>
      </c>
      <c r="BS39" s="293"/>
      <c r="BT39" s="293"/>
      <c r="BU39" s="293"/>
      <c r="BV39" s="293"/>
      <c r="BW39" s="293"/>
      <c r="BX39" s="294"/>
      <c r="BY39" s="1055">
        <v>24940</v>
      </c>
      <c r="BZ39" s="1056"/>
      <c r="CA39" s="1056"/>
      <c r="CB39" s="1056"/>
      <c r="CC39" s="1056"/>
      <c r="CD39" s="1056"/>
      <c r="CE39" s="1056"/>
      <c r="CF39" s="1056"/>
      <c r="CG39" s="1057"/>
      <c r="CH39" s="683">
        <v>100</v>
      </c>
      <c r="CI39" s="683"/>
      <c r="CJ39" s="683"/>
      <c r="CK39" s="683"/>
      <c r="CL39" s="683"/>
      <c r="CM39" s="683"/>
    </row>
    <row r="40" spans="1:100" ht="17.25" customHeight="1" x14ac:dyDescent="0.15">
      <c r="A40" s="779" t="s">
        <v>106</v>
      </c>
      <c r="B40" s="780"/>
      <c r="C40" s="780"/>
      <c r="D40" s="780"/>
      <c r="E40" s="780"/>
      <c r="F40" s="780"/>
      <c r="G40" s="780"/>
      <c r="H40" s="780"/>
      <c r="I40" s="780"/>
      <c r="J40" s="780"/>
      <c r="K40" s="780"/>
      <c r="L40" s="780"/>
      <c r="M40" s="781"/>
      <c r="N40" s="105"/>
      <c r="O40" s="761" t="s">
        <v>1565</v>
      </c>
      <c r="P40" s="774"/>
      <c r="Q40" s="774"/>
      <c r="R40" s="774"/>
      <c r="S40" s="774"/>
      <c r="T40" s="774"/>
      <c r="U40" s="774"/>
      <c r="V40" s="774"/>
      <c r="W40" s="774"/>
      <c r="X40" s="774"/>
      <c r="Y40" s="774"/>
      <c r="Z40" s="774"/>
      <c r="AA40" s="774"/>
      <c r="AB40" s="774"/>
      <c r="AC40" s="774"/>
      <c r="AD40" s="774"/>
      <c r="AE40" s="774"/>
      <c r="AF40" s="774"/>
      <c r="AG40" s="774"/>
      <c r="AH40" s="774"/>
      <c r="AI40" s="774"/>
      <c r="AJ40" s="774"/>
      <c r="AK40" s="774"/>
      <c r="AL40" s="775"/>
      <c r="AM40" s="93"/>
      <c r="AN40" s="300"/>
      <c r="AO40" s="300"/>
      <c r="AP40" s="300"/>
      <c r="AQ40" s="300"/>
      <c r="AR40" s="300"/>
      <c r="AS40" s="300"/>
      <c r="AT40" s="300"/>
      <c r="AU40" s="300"/>
      <c r="AV40" s="300"/>
      <c r="AW40" s="1058"/>
      <c r="AX40" s="1059"/>
      <c r="AY40" s="1059"/>
      <c r="AZ40" s="1059"/>
      <c r="BA40" s="1059"/>
      <c r="BB40" s="1059"/>
      <c r="BC40" s="1059"/>
      <c r="BD40" s="1059"/>
      <c r="BE40" s="1059"/>
      <c r="BF40" s="1060"/>
      <c r="BG40" s="1058"/>
      <c r="BH40" s="1059"/>
      <c r="BI40" s="1059"/>
      <c r="BJ40" s="1059"/>
      <c r="BK40" s="1059"/>
      <c r="BL40" s="1059"/>
      <c r="BM40" s="1059"/>
      <c r="BN40" s="1059"/>
      <c r="BO40" s="1059"/>
      <c r="BP40" s="1060"/>
      <c r="BQ40" s="149"/>
      <c r="BR40" s="295"/>
      <c r="BS40" s="296"/>
      <c r="BT40" s="296"/>
      <c r="BU40" s="296"/>
      <c r="BV40" s="296"/>
      <c r="BW40" s="296"/>
      <c r="BX40" s="297"/>
      <c r="BY40" s="1058"/>
      <c r="BZ40" s="1059"/>
      <c r="CA40" s="1059"/>
      <c r="CB40" s="1059"/>
      <c r="CC40" s="1059"/>
      <c r="CD40" s="1059"/>
      <c r="CE40" s="1059"/>
      <c r="CF40" s="1059"/>
      <c r="CG40" s="1060"/>
      <c r="CH40" s="683"/>
      <c r="CI40" s="683"/>
      <c r="CJ40" s="683"/>
      <c r="CK40" s="683"/>
      <c r="CL40" s="683"/>
      <c r="CM40" s="683"/>
    </row>
    <row r="41" spans="1:100" ht="17.25" customHeight="1" x14ac:dyDescent="0.15">
      <c r="A41" s="779">
        <v>30815</v>
      </c>
      <c r="B41" s="780"/>
      <c r="C41" s="780"/>
      <c r="D41" s="780"/>
      <c r="E41" s="780"/>
      <c r="F41" s="780"/>
      <c r="G41" s="780"/>
      <c r="H41" s="780"/>
      <c r="I41" s="780"/>
      <c r="J41" s="780"/>
      <c r="K41" s="780"/>
      <c r="L41" s="780"/>
      <c r="M41" s="781"/>
      <c r="N41" s="83"/>
      <c r="O41" s="761" t="s">
        <v>452</v>
      </c>
      <c r="P41" s="774"/>
      <c r="Q41" s="774"/>
      <c r="R41" s="774"/>
      <c r="S41" s="774"/>
      <c r="T41" s="774"/>
      <c r="U41" s="774"/>
      <c r="V41" s="774"/>
      <c r="W41" s="774"/>
      <c r="X41" s="774"/>
      <c r="Y41" s="774"/>
      <c r="Z41" s="774"/>
      <c r="AA41" s="774"/>
      <c r="AB41" s="774"/>
      <c r="AC41" s="774"/>
      <c r="AD41" s="774"/>
      <c r="AE41" s="774"/>
      <c r="AF41" s="774"/>
      <c r="AG41" s="774"/>
      <c r="AH41" s="774"/>
      <c r="AI41" s="774"/>
      <c r="AJ41" s="774"/>
      <c r="AK41" s="774"/>
      <c r="AL41" s="775"/>
      <c r="AM41" s="93"/>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761" t="s">
        <v>107</v>
      </c>
      <c r="B42" s="774"/>
      <c r="C42" s="774"/>
      <c r="D42" s="774"/>
      <c r="E42" s="774"/>
      <c r="F42" s="774"/>
      <c r="G42" s="774"/>
      <c r="H42" s="774"/>
      <c r="I42" s="774"/>
      <c r="J42" s="774"/>
      <c r="K42" s="774"/>
      <c r="L42" s="774"/>
      <c r="M42" s="775"/>
      <c r="N42" s="84"/>
      <c r="O42" s="1072"/>
      <c r="P42" s="1073"/>
      <c r="Q42" s="1073"/>
      <c r="R42" s="1073"/>
      <c r="S42" s="1073"/>
      <c r="T42" s="1073"/>
      <c r="U42" s="1073"/>
      <c r="V42" s="1073"/>
      <c r="W42" s="1073"/>
      <c r="X42" s="1073"/>
      <c r="Y42" s="1073"/>
      <c r="Z42" s="1073"/>
      <c r="AA42" s="1073"/>
      <c r="AB42" s="1073"/>
      <c r="AC42" s="1073"/>
      <c r="AD42" s="1073"/>
      <c r="AE42" s="1073"/>
      <c r="AF42" s="1073"/>
      <c r="AG42" s="1073"/>
      <c r="AH42" s="1073"/>
      <c r="AI42" s="1073"/>
      <c r="AJ42" s="1073"/>
      <c r="AK42" s="1073"/>
      <c r="AL42" s="1074"/>
      <c r="AM42" s="93"/>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779">
        <v>38092</v>
      </c>
      <c r="B43" s="780"/>
      <c r="C43" s="780"/>
      <c r="D43" s="780"/>
      <c r="E43" s="780"/>
      <c r="F43" s="780"/>
      <c r="G43" s="780"/>
      <c r="H43" s="780"/>
      <c r="I43" s="780"/>
      <c r="J43" s="780"/>
      <c r="K43" s="780"/>
      <c r="L43" s="780"/>
      <c r="M43" s="781"/>
      <c r="N43" s="83"/>
      <c r="O43" s="1084"/>
      <c r="P43" s="1085"/>
      <c r="Q43" s="1085"/>
      <c r="R43" s="1085"/>
      <c r="S43" s="1085"/>
      <c r="T43" s="1085"/>
      <c r="U43" s="1085"/>
      <c r="V43" s="1085"/>
      <c r="W43" s="1085"/>
      <c r="X43" s="1085"/>
      <c r="Y43" s="1085"/>
      <c r="Z43" s="1085"/>
      <c r="AA43" s="1085"/>
      <c r="AB43" s="1085"/>
      <c r="AC43" s="1085"/>
      <c r="AD43" s="1085"/>
      <c r="AE43" s="1085"/>
      <c r="AF43" s="1085"/>
      <c r="AG43" s="1085"/>
      <c r="AH43" s="1085"/>
      <c r="AI43" s="1085"/>
      <c r="AJ43" s="1085"/>
      <c r="AK43" s="1085"/>
      <c r="AL43" s="1086"/>
      <c r="AM43" s="93"/>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752"/>
      <c r="B44" s="753"/>
      <c r="C44" s="753"/>
      <c r="D44" s="753"/>
      <c r="E44" s="753"/>
      <c r="F44" s="753"/>
      <c r="G44" s="753"/>
      <c r="H44" s="753"/>
      <c r="I44" s="753"/>
      <c r="J44" s="753"/>
      <c r="K44" s="753"/>
      <c r="L44" s="753"/>
      <c r="M44" s="754"/>
      <c r="N44" s="93"/>
      <c r="O44" s="1075"/>
      <c r="P44" s="934"/>
      <c r="Q44" s="934"/>
      <c r="R44" s="934"/>
      <c r="S44" s="934"/>
      <c r="T44" s="934"/>
      <c r="U44" s="934"/>
      <c r="V44" s="934"/>
      <c r="W44" s="934"/>
      <c r="X44" s="934"/>
      <c r="Y44" s="934"/>
      <c r="Z44" s="934"/>
      <c r="AA44" s="934"/>
      <c r="AB44" s="934"/>
      <c r="AC44" s="934"/>
      <c r="AD44" s="934"/>
      <c r="AE44" s="934"/>
      <c r="AF44" s="934"/>
      <c r="AG44" s="934"/>
      <c r="AH44" s="934"/>
      <c r="AI44" s="934"/>
      <c r="AJ44" s="934"/>
      <c r="AK44" s="934"/>
      <c r="AL44" s="935"/>
      <c r="AM44" s="93"/>
      <c r="AN44" s="764">
        <v>3302.1</v>
      </c>
      <c r="AO44" s="765"/>
      <c r="AP44" s="765"/>
      <c r="AQ44" s="765"/>
      <c r="AR44" s="765"/>
      <c r="AS44" s="727" t="s">
        <v>791</v>
      </c>
      <c r="AT44" s="727"/>
      <c r="AU44" s="727"/>
      <c r="AV44" s="728"/>
      <c r="AW44" s="1079">
        <v>32.4</v>
      </c>
      <c r="AX44" s="1080"/>
      <c r="AY44" s="1080"/>
      <c r="AZ44" s="1080"/>
      <c r="BA44" s="1080"/>
      <c r="BB44" s="1080"/>
      <c r="BC44" s="1077" t="s">
        <v>384</v>
      </c>
      <c r="BD44" s="1077"/>
      <c r="BE44" s="1077"/>
      <c r="BF44" s="1078"/>
      <c r="BG44" s="1079">
        <v>81.599999999999994</v>
      </c>
      <c r="BH44" s="1080"/>
      <c r="BI44" s="1080"/>
      <c r="BJ44" s="1080"/>
      <c r="BK44" s="1080"/>
      <c r="BL44" s="1080"/>
      <c r="BM44" s="1077" t="s">
        <v>792</v>
      </c>
      <c r="BN44" s="1077"/>
      <c r="BO44" s="1077"/>
      <c r="BP44" s="1078"/>
      <c r="BQ44" s="130"/>
      <c r="BR44" s="714">
        <v>17.28</v>
      </c>
      <c r="BS44" s="1081"/>
      <c r="BT44" s="1081"/>
      <c r="BU44" s="1081"/>
      <c r="BV44" s="1081"/>
      <c r="BW44" s="1081"/>
      <c r="BX44" s="1081"/>
      <c r="BY44" s="696" t="s">
        <v>857</v>
      </c>
      <c r="BZ44" s="696"/>
      <c r="CA44" s="696"/>
      <c r="CB44" s="697"/>
      <c r="CC44" s="718">
        <v>832</v>
      </c>
      <c r="CD44" s="719"/>
      <c r="CE44" s="719"/>
      <c r="CF44" s="719"/>
      <c r="CG44" s="719"/>
      <c r="CH44" s="719"/>
      <c r="CI44" s="719"/>
      <c r="CJ44" s="696" t="s">
        <v>813</v>
      </c>
      <c r="CK44" s="696"/>
      <c r="CL44" s="696"/>
      <c r="CM44" s="697"/>
    </row>
    <row r="45" spans="1:100" ht="17.25" customHeight="1" x14ac:dyDescent="0.15">
      <c r="A45" s="752"/>
      <c r="B45" s="753"/>
      <c r="C45" s="753"/>
      <c r="D45" s="753"/>
      <c r="E45" s="753"/>
      <c r="F45" s="753"/>
      <c r="G45" s="753"/>
      <c r="H45" s="753"/>
      <c r="I45" s="753"/>
      <c r="J45" s="753"/>
      <c r="K45" s="753"/>
      <c r="L45" s="753"/>
      <c r="M45" s="754"/>
      <c r="N45" s="93"/>
      <c r="O45" s="1075"/>
      <c r="P45" s="934"/>
      <c r="Q45" s="934"/>
      <c r="R45" s="934"/>
      <c r="S45" s="934"/>
      <c r="T45" s="934"/>
      <c r="U45" s="934"/>
      <c r="V45" s="934"/>
      <c r="W45" s="934"/>
      <c r="X45" s="934"/>
      <c r="Y45" s="934"/>
      <c r="Z45" s="934"/>
      <c r="AA45" s="934"/>
      <c r="AB45" s="934"/>
      <c r="AC45" s="934"/>
      <c r="AD45" s="934"/>
      <c r="AE45" s="934"/>
      <c r="AF45" s="934"/>
      <c r="AG45" s="934"/>
      <c r="AH45" s="934"/>
      <c r="AI45" s="934"/>
      <c r="AJ45" s="934"/>
      <c r="AK45" s="934"/>
      <c r="AL45" s="935"/>
      <c r="AM45" s="93"/>
      <c r="AN45" s="766"/>
      <c r="AO45" s="767"/>
      <c r="AP45" s="767"/>
      <c r="AQ45" s="767"/>
      <c r="AR45" s="767"/>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1082"/>
      <c r="BS45" s="1083"/>
      <c r="BT45" s="1083"/>
      <c r="BU45" s="1083"/>
      <c r="BV45" s="1083"/>
      <c r="BW45" s="1083"/>
      <c r="BX45" s="1083"/>
      <c r="BY45" s="698"/>
      <c r="BZ45" s="698"/>
      <c r="CA45" s="698"/>
      <c r="CB45" s="699"/>
      <c r="CC45" s="720"/>
      <c r="CD45" s="721"/>
      <c r="CE45" s="721"/>
      <c r="CF45" s="721"/>
      <c r="CG45" s="721"/>
      <c r="CH45" s="721"/>
      <c r="CI45" s="721"/>
      <c r="CJ45" s="698"/>
      <c r="CK45" s="698"/>
      <c r="CL45" s="698"/>
      <c r="CM45" s="699"/>
    </row>
    <row r="46" spans="1:100" ht="17.25" customHeight="1" x14ac:dyDescent="0.15">
      <c r="A46" s="752"/>
      <c r="B46" s="753"/>
      <c r="C46" s="753"/>
      <c r="D46" s="753"/>
      <c r="E46" s="753"/>
      <c r="F46" s="753"/>
      <c r="G46" s="753"/>
      <c r="H46" s="753"/>
      <c r="I46" s="753"/>
      <c r="J46" s="753"/>
      <c r="K46" s="753"/>
      <c r="L46" s="753"/>
      <c r="M46" s="754"/>
      <c r="N46" s="93"/>
      <c r="O46" s="1075"/>
      <c r="P46" s="934"/>
      <c r="Q46" s="934"/>
      <c r="R46" s="934"/>
      <c r="S46" s="934"/>
      <c r="T46" s="934"/>
      <c r="U46" s="934"/>
      <c r="V46" s="934"/>
      <c r="W46" s="934"/>
      <c r="X46" s="934"/>
      <c r="Y46" s="934"/>
      <c r="Z46" s="934"/>
      <c r="AA46" s="934"/>
      <c r="AB46" s="934"/>
      <c r="AC46" s="934"/>
      <c r="AD46" s="934"/>
      <c r="AE46" s="934"/>
      <c r="AF46" s="934"/>
      <c r="AG46" s="934"/>
      <c r="AH46" s="934"/>
      <c r="AI46" s="934"/>
      <c r="AJ46" s="934"/>
      <c r="AK46" s="934"/>
      <c r="AL46" s="935"/>
      <c r="AM46" s="93"/>
      <c r="AN46" s="703" t="s">
        <v>794</v>
      </c>
      <c r="AO46" s="703"/>
      <c r="AP46" s="703"/>
      <c r="AQ46" s="703"/>
      <c r="AR46" s="703"/>
      <c r="AS46" s="703"/>
      <c r="AT46" s="703"/>
      <c r="AU46" s="703"/>
      <c r="AV46" s="703"/>
      <c r="AW46" s="1076" t="s">
        <v>1682</v>
      </c>
      <c r="AX46" s="1076"/>
      <c r="AY46" s="1076"/>
      <c r="AZ46" s="1076"/>
      <c r="BA46" s="1076"/>
      <c r="BB46" s="1076"/>
      <c r="BC46" s="1076"/>
      <c r="BD46" s="107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257" t="s">
        <v>871</v>
      </c>
      <c r="CE46" s="257"/>
      <c r="CF46" s="257"/>
      <c r="CG46" s="257"/>
      <c r="CH46" s="257"/>
      <c r="CI46" s="257"/>
      <c r="CJ46" s="257"/>
      <c r="CK46" s="257"/>
      <c r="CL46" s="257"/>
      <c r="CM46" s="257"/>
    </row>
    <row r="47" spans="1:100" ht="17.25" customHeight="1" x14ac:dyDescent="0.15">
      <c r="A47" s="752"/>
      <c r="B47" s="753"/>
      <c r="C47" s="753"/>
      <c r="D47" s="753"/>
      <c r="E47" s="753"/>
      <c r="F47" s="753"/>
      <c r="G47" s="753"/>
      <c r="H47" s="753"/>
      <c r="I47" s="753"/>
      <c r="J47" s="753"/>
      <c r="K47" s="753"/>
      <c r="L47" s="753"/>
      <c r="M47" s="754"/>
      <c r="N47" s="93"/>
      <c r="O47" s="1075"/>
      <c r="P47" s="934"/>
      <c r="Q47" s="934"/>
      <c r="R47" s="934"/>
      <c r="S47" s="934"/>
      <c r="T47" s="934"/>
      <c r="U47" s="934"/>
      <c r="V47" s="934"/>
      <c r="W47" s="934"/>
      <c r="X47" s="934"/>
      <c r="Y47" s="934"/>
      <c r="Z47" s="934"/>
      <c r="AA47" s="934"/>
      <c r="AB47" s="934"/>
      <c r="AC47" s="934"/>
      <c r="AD47" s="934"/>
      <c r="AE47" s="934"/>
      <c r="AF47" s="934"/>
      <c r="AG47" s="934"/>
      <c r="AH47" s="934"/>
      <c r="AI47" s="934"/>
      <c r="AJ47" s="934"/>
      <c r="AK47" s="934"/>
      <c r="AL47" s="935"/>
      <c r="AM47" s="93"/>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885</v>
      </c>
      <c r="BP47" s="734"/>
      <c r="BQ47" s="734"/>
      <c r="BR47" s="734"/>
      <c r="BS47" s="734"/>
      <c r="BT47" s="733" t="s">
        <v>84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752"/>
      <c r="B48" s="753"/>
      <c r="C48" s="753"/>
      <c r="D48" s="753"/>
      <c r="E48" s="753"/>
      <c r="F48" s="753"/>
      <c r="G48" s="753"/>
      <c r="H48" s="753"/>
      <c r="I48" s="753"/>
      <c r="J48" s="753"/>
      <c r="K48" s="753"/>
      <c r="L48" s="753"/>
      <c r="M48" s="754"/>
      <c r="N48" s="93"/>
      <c r="O48" s="1075"/>
      <c r="P48" s="934"/>
      <c r="Q48" s="934"/>
      <c r="R48" s="934"/>
      <c r="S48" s="934"/>
      <c r="T48" s="934"/>
      <c r="U48" s="934"/>
      <c r="V48" s="934"/>
      <c r="W48" s="934"/>
      <c r="X48" s="934"/>
      <c r="Y48" s="934"/>
      <c r="Z48" s="934"/>
      <c r="AA48" s="934"/>
      <c r="AB48" s="934"/>
      <c r="AC48" s="934"/>
      <c r="AD48" s="934"/>
      <c r="AE48" s="934"/>
      <c r="AF48" s="934"/>
      <c r="AG48" s="934"/>
      <c r="AH48" s="934"/>
      <c r="AI48" s="934"/>
      <c r="AJ48" s="934"/>
      <c r="AK48" s="934"/>
      <c r="AL48" s="935"/>
      <c r="AM48" s="93"/>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752"/>
      <c r="B49" s="753"/>
      <c r="C49" s="753"/>
      <c r="D49" s="753"/>
      <c r="E49" s="753"/>
      <c r="F49" s="753"/>
      <c r="G49" s="753"/>
      <c r="H49" s="753"/>
      <c r="I49" s="753"/>
      <c r="J49" s="753"/>
      <c r="K49" s="753"/>
      <c r="L49" s="753"/>
      <c r="M49" s="754"/>
      <c r="N49" s="93"/>
      <c r="O49" s="1075"/>
      <c r="P49" s="934"/>
      <c r="Q49" s="934"/>
      <c r="R49" s="934"/>
      <c r="S49" s="934"/>
      <c r="T49" s="934"/>
      <c r="U49" s="934"/>
      <c r="V49" s="934"/>
      <c r="W49" s="934"/>
      <c r="X49" s="934"/>
      <c r="Y49" s="934"/>
      <c r="Z49" s="934"/>
      <c r="AA49" s="934"/>
      <c r="AB49" s="934"/>
      <c r="AC49" s="934"/>
      <c r="AD49" s="934"/>
      <c r="AE49" s="934"/>
      <c r="AF49" s="934"/>
      <c r="AG49" s="934"/>
      <c r="AH49" s="934"/>
      <c r="AI49" s="934"/>
      <c r="AJ49" s="934"/>
      <c r="AK49" s="934"/>
      <c r="AL49" s="935"/>
      <c r="AM49" s="93"/>
      <c r="AN49" s="223">
        <v>13239.388999999999</v>
      </c>
      <c r="AO49" s="224"/>
      <c r="AP49" s="224"/>
      <c r="AQ49" s="224"/>
      <c r="AR49" s="224"/>
      <c r="AS49" s="224"/>
      <c r="AT49" s="225"/>
      <c r="AU49" s="229">
        <v>0.78900000000000003</v>
      </c>
      <c r="AV49" s="230"/>
      <c r="AW49" s="230"/>
      <c r="AX49" s="230"/>
      <c r="AY49" s="231"/>
      <c r="AZ49" s="210">
        <v>10.8</v>
      </c>
      <c r="BA49" s="211"/>
      <c r="BB49" s="211"/>
      <c r="BC49" s="211"/>
      <c r="BD49" s="212"/>
      <c r="BE49" s="210">
        <v>6.6</v>
      </c>
      <c r="BF49" s="211"/>
      <c r="BG49" s="211"/>
      <c r="BH49" s="211"/>
      <c r="BI49" s="212"/>
      <c r="BJ49" s="210" t="s">
        <v>628</v>
      </c>
      <c r="BK49" s="211"/>
      <c r="BL49" s="211"/>
      <c r="BM49" s="211"/>
      <c r="BN49" s="212"/>
      <c r="BO49" s="210">
        <v>10.7</v>
      </c>
      <c r="BP49" s="211"/>
      <c r="BQ49" s="211"/>
      <c r="BR49" s="211"/>
      <c r="BS49" s="212"/>
      <c r="BT49" s="210">
        <v>94.3</v>
      </c>
      <c r="BU49" s="211"/>
      <c r="BV49" s="211"/>
      <c r="BW49" s="211"/>
      <c r="BX49" s="212"/>
      <c r="BY49" s="210">
        <v>29.2</v>
      </c>
      <c r="BZ49" s="211"/>
      <c r="CA49" s="211"/>
      <c r="CB49" s="211"/>
      <c r="CC49" s="212"/>
      <c r="CD49" s="210">
        <v>50.5</v>
      </c>
      <c r="CE49" s="211"/>
      <c r="CF49" s="211"/>
      <c r="CG49" s="211"/>
      <c r="CH49" s="212"/>
      <c r="CI49" s="210">
        <v>54.4</v>
      </c>
      <c r="CJ49" s="211"/>
      <c r="CK49" s="211"/>
      <c r="CL49" s="211"/>
      <c r="CM49" s="212"/>
    </row>
    <row r="50" spans="1:91" ht="17.25" customHeight="1" x14ac:dyDescent="0.15">
      <c r="A50" s="755"/>
      <c r="B50" s="756"/>
      <c r="C50" s="756"/>
      <c r="D50" s="756"/>
      <c r="E50" s="756"/>
      <c r="F50" s="756"/>
      <c r="G50" s="756"/>
      <c r="H50" s="756"/>
      <c r="I50" s="756"/>
      <c r="J50" s="756"/>
      <c r="K50" s="756"/>
      <c r="L50" s="756"/>
      <c r="M50" s="757"/>
      <c r="N50" s="95"/>
      <c r="O50" s="755"/>
      <c r="P50" s="756"/>
      <c r="Q50" s="756"/>
      <c r="R50" s="756"/>
      <c r="S50" s="756"/>
      <c r="T50" s="756"/>
      <c r="U50" s="756"/>
      <c r="V50" s="756"/>
      <c r="W50" s="756"/>
      <c r="X50" s="756"/>
      <c r="Y50" s="756"/>
      <c r="Z50" s="756"/>
      <c r="AA50" s="756"/>
      <c r="AB50" s="756"/>
      <c r="AC50" s="756"/>
      <c r="AD50" s="756"/>
      <c r="AE50" s="756"/>
      <c r="AF50" s="756"/>
      <c r="AG50" s="756"/>
      <c r="AH50" s="756"/>
      <c r="AI50" s="756"/>
      <c r="AJ50" s="756"/>
      <c r="AK50" s="756"/>
      <c r="AL50" s="757"/>
      <c r="AM50" s="93"/>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6">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BR42:CB43"/>
    <mergeCell ref="CC42:CM43"/>
    <mergeCell ref="A46:M46"/>
    <mergeCell ref="O46:AL46"/>
    <mergeCell ref="AN46:AV46"/>
    <mergeCell ref="AW46:BD46"/>
    <mergeCell ref="CD46:CM46"/>
    <mergeCell ref="BC44:BF45"/>
    <mergeCell ref="BG44:BL45"/>
    <mergeCell ref="BM44:BP45"/>
    <mergeCell ref="BR44:BX45"/>
    <mergeCell ref="BY44:CB45"/>
    <mergeCell ref="CC44:CI45"/>
    <mergeCell ref="A43:M43"/>
    <mergeCell ref="O43:AL43"/>
    <mergeCell ref="A44:M44"/>
    <mergeCell ref="O44:AL44"/>
    <mergeCell ref="AN44:AR45"/>
    <mergeCell ref="AS44:AV45"/>
    <mergeCell ref="AW44:BB45"/>
    <mergeCell ref="A42:M42"/>
    <mergeCell ref="O42:AL42"/>
    <mergeCell ref="AN42:AV43"/>
    <mergeCell ref="AW42:BF43"/>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BG42:BP43"/>
    <mergeCell ref="BG37:BP38"/>
    <mergeCell ref="BR37:BX38"/>
    <mergeCell ref="BY37:CG38"/>
    <mergeCell ref="CH37:CM38"/>
    <mergeCell ref="A38:M38"/>
    <mergeCell ref="O38:AL38"/>
    <mergeCell ref="A36:M36"/>
    <mergeCell ref="O36:AL36"/>
    <mergeCell ref="A37:M37"/>
    <mergeCell ref="O37:AL37"/>
    <mergeCell ref="AN37:AV38"/>
    <mergeCell ref="AW37:BF38"/>
    <mergeCell ref="AN35:AV36"/>
    <mergeCell ref="AW35:BF36"/>
    <mergeCell ref="BG35:BP36"/>
    <mergeCell ref="BR35:BX36"/>
    <mergeCell ref="BY35:CG36"/>
    <mergeCell ref="CH35:CM36"/>
    <mergeCell ref="AO32:BP32"/>
    <mergeCell ref="AO33:BP33"/>
    <mergeCell ref="BR33:BX34"/>
    <mergeCell ref="BY33:CG34"/>
    <mergeCell ref="CH33:CM34"/>
    <mergeCell ref="AN34:BO34"/>
    <mergeCell ref="A28:AL28"/>
    <mergeCell ref="AN28:BP28"/>
    <mergeCell ref="A29:AL35"/>
    <mergeCell ref="AO29:BP29"/>
    <mergeCell ref="AO30:BP30"/>
    <mergeCell ref="BY30:CI30"/>
    <mergeCell ref="AO31:BP31"/>
    <mergeCell ref="BR31:BX32"/>
    <mergeCell ref="BY31:CG32"/>
    <mergeCell ref="CH31:CM32"/>
    <mergeCell ref="A22:E24"/>
    <mergeCell ref="F22:M22"/>
    <mergeCell ref="O22:P23"/>
    <mergeCell ref="Q22:T22"/>
    <mergeCell ref="U22:X22"/>
    <mergeCell ref="Y22:AL22"/>
    <mergeCell ref="AN22:CM22"/>
    <mergeCell ref="A25:E27"/>
    <mergeCell ref="F25:M25"/>
    <mergeCell ref="Q25:AL25"/>
    <mergeCell ref="AO25:CM25"/>
    <mergeCell ref="F26:M27"/>
    <mergeCell ref="O26:P27"/>
    <mergeCell ref="Q26:AL26"/>
    <mergeCell ref="AO26:CM26"/>
    <mergeCell ref="Q27:AL27"/>
    <mergeCell ref="AO27:CM27"/>
    <mergeCell ref="AN20:AS21"/>
    <mergeCell ref="F23:M24"/>
    <mergeCell ref="Q23:AL23"/>
    <mergeCell ref="AO23:CM23"/>
    <mergeCell ref="O24:P25"/>
    <mergeCell ref="Q24:AL24"/>
    <mergeCell ref="AO24:CM24"/>
    <mergeCell ref="AT20:CM21"/>
    <mergeCell ref="Q21:AL21"/>
    <mergeCell ref="AN16:AS17"/>
    <mergeCell ref="AT16:CM17"/>
    <mergeCell ref="F17:M18"/>
    <mergeCell ref="Q17:T17"/>
    <mergeCell ref="U17:X17"/>
    <mergeCell ref="Y17:AL17"/>
    <mergeCell ref="Q18:T18"/>
    <mergeCell ref="U18:X18"/>
    <mergeCell ref="Y18:AL18"/>
    <mergeCell ref="AN18:AS19"/>
    <mergeCell ref="AT18:CM19"/>
    <mergeCell ref="F19:M19"/>
    <mergeCell ref="Q19:T19"/>
    <mergeCell ref="U19:X19"/>
    <mergeCell ref="Y19:AL19"/>
    <mergeCell ref="A16:E21"/>
    <mergeCell ref="F16:M16"/>
    <mergeCell ref="Q16:T16"/>
    <mergeCell ref="U16:X16"/>
    <mergeCell ref="Y16:AL16"/>
    <mergeCell ref="A14:E14"/>
    <mergeCell ref="Q14:T14"/>
    <mergeCell ref="U14:X14"/>
    <mergeCell ref="Y14:AL14"/>
    <mergeCell ref="F20:M21"/>
    <mergeCell ref="Q20:T20"/>
    <mergeCell ref="U20:X20"/>
    <mergeCell ref="Y20:AL20"/>
    <mergeCell ref="Q12:T12"/>
    <mergeCell ref="AN14:AS15"/>
    <mergeCell ref="AT14:CM15"/>
    <mergeCell ref="A15:E15"/>
    <mergeCell ref="F15:M15"/>
    <mergeCell ref="Q15:T15"/>
    <mergeCell ref="U15:X15"/>
    <mergeCell ref="U12:X12"/>
    <mergeCell ref="Y12:AL13"/>
    <mergeCell ref="F13:M14"/>
    <mergeCell ref="Q13:T13"/>
    <mergeCell ref="U13:X13"/>
    <mergeCell ref="AN13:CM13"/>
    <mergeCell ref="Y15:AL15"/>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s>
  <phoneticPr fontId="3"/>
  <hyperlinks>
    <hyperlink ref="E11:AL11" r:id="rId1" display="http://www.city.zush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0―</oddFooter>
  </headerFooter>
  <drawing r:id="rId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zoomScale="70" zoomScaleNormal="8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501" t="s" ph="1">
        <v>120</v>
      </c>
      <c r="B1" s="502"/>
      <c r="C1" s="502"/>
      <c r="D1" s="502"/>
      <c r="E1" s="502"/>
      <c r="F1" s="502"/>
      <c r="G1" s="502"/>
      <c r="H1" s="503"/>
      <c r="I1" s="645"/>
      <c r="J1" s="645"/>
      <c r="K1" s="645"/>
      <c r="L1" s="645"/>
      <c r="M1" s="645"/>
      <c r="N1" s="454" t="s">
        <v>111</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255" t="s">
        <v>235</v>
      </c>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Q1" s="3" ph="1"/>
    </row>
    <row r="2" spans="1:100" ht="17.25" customHeight="1" x14ac:dyDescent="0.15">
      <c r="A2" s="504"/>
      <c r="B2" s="505"/>
      <c r="C2" s="505"/>
      <c r="D2" s="505"/>
      <c r="E2" s="505"/>
      <c r="F2" s="505"/>
      <c r="G2" s="505"/>
      <c r="H2" s="506"/>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722</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507"/>
      <c r="B3" s="508"/>
      <c r="C3" s="508"/>
      <c r="D3" s="508"/>
      <c r="E3" s="508"/>
      <c r="F3" s="508"/>
      <c r="G3" s="508"/>
      <c r="H3" s="509"/>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1" t="s">
        <v>236</v>
      </c>
      <c r="B4" s="641"/>
      <c r="C4" s="641"/>
      <c r="D4" s="641"/>
      <c r="E4" s="458">
        <v>142107</v>
      </c>
      <c r="F4" s="458"/>
      <c r="G4" s="458"/>
      <c r="H4" s="458"/>
      <c r="I4" s="647"/>
      <c r="J4" s="647"/>
      <c r="K4" s="647"/>
      <c r="L4" s="647"/>
      <c r="M4" s="647"/>
      <c r="N4" s="459" t="s">
        <v>112</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428" t="s">
        <v>237</v>
      </c>
      <c r="B5" s="428"/>
      <c r="C5" s="428"/>
      <c r="D5" s="428"/>
      <c r="E5" s="428"/>
      <c r="F5" s="428"/>
      <c r="G5" s="428"/>
      <c r="H5" s="428"/>
      <c r="I5" s="486" t="s">
        <v>113</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428"/>
      <c r="B6" s="428"/>
      <c r="C6" s="428"/>
      <c r="D6" s="428"/>
      <c r="E6" s="428"/>
      <c r="F6" s="428"/>
      <c r="G6" s="428"/>
      <c r="H6" s="428"/>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05" t="s">
        <v>238</v>
      </c>
      <c r="B7" s="406"/>
      <c r="C7" s="406"/>
      <c r="D7" s="407"/>
      <c r="E7" s="65" t="s">
        <v>0</v>
      </c>
      <c r="F7" s="492" t="s">
        <v>114</v>
      </c>
      <c r="G7" s="492"/>
      <c r="H7" s="492"/>
      <c r="I7" s="492"/>
      <c r="J7" s="492"/>
      <c r="K7" s="492"/>
      <c r="L7" s="493"/>
      <c r="M7" s="642"/>
      <c r="N7" s="642"/>
      <c r="O7" s="642"/>
      <c r="P7" s="642"/>
      <c r="Q7" s="642"/>
      <c r="R7" s="642"/>
      <c r="S7" s="642"/>
      <c r="T7" s="642"/>
      <c r="U7" s="642"/>
      <c r="V7" s="642"/>
      <c r="W7" s="642"/>
      <c r="X7" s="642"/>
      <c r="Y7" s="643"/>
      <c r="Z7" s="332" t="s">
        <v>239</v>
      </c>
      <c r="AA7" s="332"/>
      <c r="AB7" s="332"/>
      <c r="AC7" s="431" t="s">
        <v>115</v>
      </c>
      <c r="AD7" s="431"/>
      <c r="AE7" s="431"/>
      <c r="AF7" s="431"/>
      <c r="AG7" s="431"/>
      <c r="AH7" s="431"/>
      <c r="AI7" s="431"/>
      <c r="AJ7" s="431"/>
      <c r="AK7" s="431"/>
      <c r="AL7" s="43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c r="B8" s="406"/>
      <c r="C8" s="406"/>
      <c r="D8" s="407"/>
      <c r="E8" s="433" t="s">
        <v>116</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405" t="s">
        <v>240</v>
      </c>
      <c r="B9" s="406"/>
      <c r="C9" s="406"/>
      <c r="D9" s="407"/>
      <c r="E9" s="445" t="s">
        <v>1455</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518" t="s">
        <v>245</v>
      </c>
      <c r="AO9" s="518"/>
      <c r="AP9" s="1096"/>
      <c r="AQ9" s="1096"/>
      <c r="AR9" s="1096"/>
      <c r="AS9" s="1096"/>
      <c r="AT9" s="1096"/>
      <c r="AU9" s="1096"/>
      <c r="AV9" s="1096"/>
      <c r="AW9" s="1096"/>
      <c r="AX9" s="1096"/>
      <c r="AY9" s="1096"/>
      <c r="AZ9" s="1096"/>
      <c r="BA9" s="1096"/>
      <c r="BB9" s="1096"/>
      <c r="BC9" s="1096"/>
      <c r="BD9" s="1096"/>
      <c r="BE9" s="1096"/>
      <c r="BF9" s="1096"/>
      <c r="BG9" s="1096"/>
      <c r="BH9" s="1096"/>
      <c r="BI9" s="1096"/>
      <c r="BJ9" s="1096"/>
      <c r="BK9" s="1096"/>
      <c r="BL9" s="1096"/>
      <c r="BM9" s="1096"/>
      <c r="BN9" s="1096"/>
      <c r="BO9" s="1096"/>
      <c r="BP9" s="1096"/>
      <c r="BQ9" s="1096"/>
      <c r="BR9" s="1096"/>
      <c r="BS9" s="1096"/>
      <c r="BT9" s="1096"/>
      <c r="BU9" s="1096"/>
      <c r="BV9" s="1096"/>
      <c r="BW9" s="1096"/>
      <c r="BX9" s="1096"/>
      <c r="BY9" s="1096"/>
      <c r="BZ9" s="1096"/>
      <c r="CA9" s="1096"/>
      <c r="CB9" s="1096"/>
      <c r="CC9" s="1096"/>
      <c r="CD9" s="1096"/>
      <c r="CE9" s="1096"/>
      <c r="CF9" s="1096"/>
      <c r="CG9" s="1096"/>
      <c r="CH9" s="1096"/>
      <c r="CI9" s="1096"/>
      <c r="CJ9" s="1096"/>
      <c r="CK9" s="1096"/>
      <c r="CL9" s="1096"/>
      <c r="CM9" s="1096"/>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287" t="s">
        <v>219</v>
      </c>
      <c r="AO10" s="287"/>
      <c r="AP10" s="287"/>
      <c r="AQ10" s="287"/>
      <c r="AR10" s="287"/>
      <c r="AS10" s="287"/>
      <c r="AT10" s="856" t="s">
        <v>1339</v>
      </c>
      <c r="AU10" s="856"/>
      <c r="AV10" s="856"/>
      <c r="AW10" s="856"/>
      <c r="AX10" s="856"/>
      <c r="AY10" s="856"/>
      <c r="AZ10" s="856"/>
      <c r="BA10" s="856"/>
      <c r="BB10" s="856"/>
      <c r="BC10" s="856"/>
      <c r="BD10" s="856"/>
      <c r="BE10" s="856"/>
      <c r="BF10" s="856"/>
      <c r="BG10" s="856"/>
      <c r="BH10" s="856"/>
      <c r="BI10" s="856"/>
      <c r="BJ10" s="856"/>
      <c r="BK10" s="856"/>
      <c r="BL10" s="856"/>
      <c r="BM10" s="856"/>
      <c r="BN10" s="856"/>
      <c r="BO10" s="856"/>
      <c r="BP10" s="856"/>
      <c r="BQ10" s="856"/>
      <c r="BR10" s="856"/>
      <c r="BS10" s="856"/>
      <c r="BT10" s="856"/>
      <c r="BU10" s="856"/>
      <c r="BV10" s="856"/>
      <c r="BW10" s="856"/>
      <c r="BX10" s="856"/>
      <c r="BY10" s="856"/>
      <c r="BZ10" s="856"/>
      <c r="CA10" s="856"/>
      <c r="CB10" s="856"/>
      <c r="CC10" s="856"/>
      <c r="CD10" s="856"/>
      <c r="CE10" s="856"/>
      <c r="CF10" s="856"/>
      <c r="CG10" s="856"/>
      <c r="CH10" s="856"/>
      <c r="CI10" s="856"/>
      <c r="CJ10" s="856"/>
      <c r="CK10" s="856"/>
      <c r="CL10" s="856"/>
      <c r="CM10" s="856"/>
    </row>
    <row r="11" spans="1:100" ht="17.25" customHeight="1" x14ac:dyDescent="0.15">
      <c r="A11" s="405" t="s">
        <v>37</v>
      </c>
      <c r="B11" s="406"/>
      <c r="C11" s="406"/>
      <c r="D11" s="407"/>
      <c r="E11" s="615" t="s">
        <v>886</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287"/>
      <c r="AO11" s="287"/>
      <c r="AP11" s="287"/>
      <c r="AQ11" s="287"/>
      <c r="AR11" s="287"/>
      <c r="AS11" s="287"/>
      <c r="AT11" s="856"/>
      <c r="AU11" s="856"/>
      <c r="AV11" s="856"/>
      <c r="AW11" s="856"/>
      <c r="AX11" s="856"/>
      <c r="AY11" s="856"/>
      <c r="AZ11" s="856"/>
      <c r="BA11" s="856"/>
      <c r="BB11" s="856"/>
      <c r="BC11" s="856"/>
      <c r="BD11" s="856"/>
      <c r="BE11" s="856"/>
      <c r="BF11" s="856"/>
      <c r="BG11" s="856"/>
      <c r="BH11" s="856"/>
      <c r="BI11" s="856"/>
      <c r="BJ11" s="856"/>
      <c r="BK11" s="856"/>
      <c r="BL11" s="856"/>
      <c r="BM11" s="856"/>
      <c r="BN11" s="856"/>
      <c r="BO11" s="856"/>
      <c r="BP11" s="856"/>
      <c r="BQ11" s="856"/>
      <c r="BR11" s="856"/>
      <c r="BS11" s="856"/>
      <c r="BT11" s="856"/>
      <c r="BU11" s="856"/>
      <c r="BV11" s="856"/>
      <c r="BW11" s="856"/>
      <c r="BX11" s="856"/>
      <c r="BY11" s="856"/>
      <c r="BZ11" s="856"/>
      <c r="CA11" s="856"/>
      <c r="CB11" s="856"/>
      <c r="CC11" s="856"/>
      <c r="CD11" s="856"/>
      <c r="CE11" s="856"/>
      <c r="CF11" s="856"/>
      <c r="CG11" s="856"/>
      <c r="CH11" s="856"/>
      <c r="CI11" s="856"/>
      <c r="CJ11" s="856"/>
      <c r="CK11" s="856"/>
      <c r="CL11" s="856"/>
      <c r="CM11" s="856"/>
    </row>
    <row r="12" spans="1:100" ht="17.25" customHeight="1" x14ac:dyDescent="0.15">
      <c r="A12" s="332" t="s">
        <v>241</v>
      </c>
      <c r="B12" s="332"/>
      <c r="C12" s="332"/>
      <c r="D12" s="332"/>
      <c r="E12" s="328"/>
      <c r="F12" s="844" t="s">
        <v>1659</v>
      </c>
      <c r="G12" s="845"/>
      <c r="H12" s="845"/>
      <c r="I12" s="845"/>
      <c r="J12" s="845"/>
      <c r="K12" s="845"/>
      <c r="L12" s="845"/>
      <c r="M12" s="845"/>
      <c r="N12" s="522"/>
      <c r="O12" s="416" t="s">
        <v>242</v>
      </c>
      <c r="P12" s="417"/>
      <c r="Q12" s="377">
        <v>20090</v>
      </c>
      <c r="R12" s="220"/>
      <c r="S12" s="220"/>
      <c r="T12" s="220"/>
      <c r="U12" s="371" t="s">
        <v>378</v>
      </c>
      <c r="V12" s="220"/>
      <c r="W12" s="220"/>
      <c r="X12" s="220"/>
      <c r="Y12" s="220"/>
      <c r="Z12" s="220"/>
      <c r="AA12" s="220"/>
      <c r="AB12" s="220"/>
      <c r="AC12" s="220"/>
      <c r="AD12" s="220"/>
      <c r="AE12" s="220"/>
      <c r="AF12" s="220"/>
      <c r="AG12" s="220"/>
      <c r="AH12" s="220"/>
      <c r="AI12" s="220"/>
      <c r="AJ12" s="220"/>
      <c r="AK12" s="220"/>
      <c r="AL12" s="372"/>
      <c r="AM12" s="5"/>
      <c r="AN12" s="287"/>
      <c r="AO12" s="287"/>
      <c r="AP12" s="287"/>
      <c r="AQ12" s="287"/>
      <c r="AR12" s="287"/>
      <c r="AS12" s="287"/>
      <c r="AT12" s="856"/>
      <c r="AU12" s="856"/>
      <c r="AV12" s="856"/>
      <c r="AW12" s="856"/>
      <c r="AX12" s="856"/>
      <c r="AY12" s="856"/>
      <c r="AZ12" s="856"/>
      <c r="BA12" s="856"/>
      <c r="BB12" s="856"/>
      <c r="BC12" s="856"/>
      <c r="BD12" s="856"/>
      <c r="BE12" s="856"/>
      <c r="BF12" s="856"/>
      <c r="BG12" s="856"/>
      <c r="BH12" s="856"/>
      <c r="BI12" s="856"/>
      <c r="BJ12" s="856"/>
      <c r="BK12" s="856"/>
      <c r="BL12" s="856"/>
      <c r="BM12" s="856"/>
      <c r="BN12" s="856"/>
      <c r="BO12" s="856"/>
      <c r="BP12" s="856"/>
      <c r="BQ12" s="856"/>
      <c r="BR12" s="856"/>
      <c r="BS12" s="856"/>
      <c r="BT12" s="856"/>
      <c r="BU12" s="856"/>
      <c r="BV12" s="856"/>
      <c r="BW12" s="856"/>
      <c r="BX12" s="856"/>
      <c r="BY12" s="856"/>
      <c r="BZ12" s="856"/>
      <c r="CA12" s="856"/>
      <c r="CB12" s="856"/>
      <c r="CC12" s="856"/>
      <c r="CD12" s="856"/>
      <c r="CE12" s="856"/>
      <c r="CF12" s="856"/>
      <c r="CG12" s="856"/>
      <c r="CH12" s="856"/>
      <c r="CI12" s="856"/>
      <c r="CJ12" s="856"/>
      <c r="CK12" s="856"/>
      <c r="CL12" s="856"/>
      <c r="CM12" s="856"/>
      <c r="CQ12" s="3" ph="1"/>
      <c r="CR12" s="3" ph="1"/>
      <c r="CS12" s="3" ph="1"/>
      <c r="CT12" s="3" ph="1"/>
      <c r="CU12" s="3" ph="1"/>
      <c r="CV12" s="3" ph="1"/>
    </row>
    <row r="13" spans="1:100" ht="17.25" customHeight="1" x14ac:dyDescent="0.15">
      <c r="A13" s="328"/>
      <c r="B13" s="328"/>
      <c r="C13" s="328"/>
      <c r="D13" s="328"/>
      <c r="E13" s="328"/>
      <c r="F13" s="398" t="s">
        <v>1658</v>
      </c>
      <c r="G13" s="369"/>
      <c r="H13" s="369"/>
      <c r="I13" s="369"/>
      <c r="J13" s="369"/>
      <c r="K13" s="369"/>
      <c r="L13" s="369"/>
      <c r="M13" s="369"/>
      <c r="N13" s="523"/>
      <c r="O13" s="418"/>
      <c r="P13" s="419"/>
      <c r="Q13" s="377"/>
      <c r="R13" s="220"/>
      <c r="S13" s="220"/>
      <c r="T13" s="220"/>
      <c r="U13" s="371"/>
      <c r="V13" s="220"/>
      <c r="W13" s="220"/>
      <c r="X13" s="220"/>
      <c r="Y13" s="371"/>
      <c r="Z13" s="852"/>
      <c r="AA13" s="852"/>
      <c r="AB13" s="852"/>
      <c r="AC13" s="852"/>
      <c r="AD13" s="852"/>
      <c r="AE13" s="852"/>
      <c r="AF13" s="852"/>
      <c r="AG13" s="852"/>
      <c r="AH13" s="852"/>
      <c r="AI13" s="852"/>
      <c r="AJ13" s="852"/>
      <c r="AK13" s="852"/>
      <c r="AL13" s="853"/>
      <c r="AM13" s="5"/>
      <c r="AN13" s="287" t="s">
        <v>220</v>
      </c>
      <c r="AO13" s="287"/>
      <c r="AP13" s="287"/>
      <c r="AQ13" s="287"/>
      <c r="AR13" s="287"/>
      <c r="AS13" s="287"/>
      <c r="AT13" s="856" t="s">
        <v>445</v>
      </c>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426">
        <v>1</v>
      </c>
      <c r="B14" s="651"/>
      <c r="C14" s="651"/>
      <c r="D14" s="651"/>
      <c r="E14" s="651"/>
      <c r="F14" s="370"/>
      <c r="G14" s="370"/>
      <c r="H14" s="370"/>
      <c r="I14" s="370"/>
      <c r="J14" s="370"/>
      <c r="K14" s="370"/>
      <c r="L14" s="370"/>
      <c r="M14" s="370"/>
      <c r="N14" s="523"/>
      <c r="O14" s="418"/>
      <c r="P14" s="419"/>
      <c r="Q14" s="377"/>
      <c r="R14" s="220"/>
      <c r="S14" s="220"/>
      <c r="T14" s="220"/>
      <c r="U14" s="371"/>
      <c r="V14" s="220"/>
      <c r="W14" s="220"/>
      <c r="X14" s="220"/>
      <c r="Y14" s="371"/>
      <c r="Z14" s="220"/>
      <c r="AA14" s="220"/>
      <c r="AB14" s="220"/>
      <c r="AC14" s="220"/>
      <c r="AD14" s="220"/>
      <c r="AE14" s="220"/>
      <c r="AF14" s="220"/>
      <c r="AG14" s="220"/>
      <c r="AH14" s="220"/>
      <c r="AI14" s="220"/>
      <c r="AJ14" s="220"/>
      <c r="AK14" s="220"/>
      <c r="AL14" s="372"/>
      <c r="AM14" s="5"/>
      <c r="AN14" s="287"/>
      <c r="AO14" s="287"/>
      <c r="AP14" s="287"/>
      <c r="AQ14" s="287"/>
      <c r="AR14" s="287"/>
      <c r="AS14" s="287"/>
      <c r="AT14" s="856"/>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7297</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87"/>
      <c r="AO15" s="287"/>
      <c r="AP15" s="287"/>
      <c r="AQ15" s="287"/>
      <c r="AR15" s="287"/>
      <c r="AS15" s="287"/>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49</v>
      </c>
      <c r="B16" s="484"/>
      <c r="C16" s="484"/>
      <c r="D16" s="484"/>
      <c r="E16" s="485"/>
      <c r="F16" s="345"/>
      <c r="G16" s="346"/>
      <c r="H16" s="346"/>
      <c r="I16" s="346"/>
      <c r="J16" s="346"/>
      <c r="K16" s="346"/>
      <c r="L16" s="346"/>
      <c r="M16" s="346"/>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87" t="s">
        <v>221</v>
      </c>
      <c r="AO16" s="287"/>
      <c r="AP16" s="287"/>
      <c r="AQ16" s="287"/>
      <c r="AR16" s="287"/>
      <c r="AS16" s="287"/>
      <c r="AT16" s="856" t="s">
        <v>711</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c r="AO17" s="287"/>
      <c r="AP17" s="287"/>
      <c r="AQ17" s="287"/>
      <c r="AR17" s="287"/>
      <c r="AS17" s="28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87"/>
      <c r="AO18" s="287"/>
      <c r="AP18" s="287"/>
      <c r="AQ18" s="287"/>
      <c r="AR18" s="287"/>
      <c r="AS18" s="287"/>
      <c r="AT18" s="856"/>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522" t="s">
        <v>520</v>
      </c>
      <c r="G19" s="1092"/>
      <c r="H19" s="1092"/>
      <c r="I19" s="1092"/>
      <c r="J19" s="1092"/>
      <c r="K19" s="1092"/>
      <c r="L19" s="1092"/>
      <c r="M19" s="1092"/>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87" t="s">
        <v>222</v>
      </c>
      <c r="AO19" s="287"/>
      <c r="AP19" s="287"/>
      <c r="AQ19" s="287"/>
      <c r="AR19" s="287"/>
      <c r="AS19" s="287"/>
      <c r="AT19" s="856" t="s">
        <v>1340</v>
      </c>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1093" t="s">
        <v>520</v>
      </c>
      <c r="G20" s="1094"/>
      <c r="H20" s="1094"/>
      <c r="I20" s="1094"/>
      <c r="J20" s="1094"/>
      <c r="K20" s="1094"/>
      <c r="L20" s="1094"/>
      <c r="M20" s="1094"/>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c r="AO20" s="287"/>
      <c r="AP20" s="287"/>
      <c r="AQ20" s="287"/>
      <c r="AR20" s="287"/>
      <c r="AS20" s="287"/>
      <c r="AT20" s="856"/>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1095"/>
      <c r="G21" s="1095"/>
      <c r="H21" s="1095"/>
      <c r="I21" s="1095"/>
      <c r="J21" s="1095"/>
      <c r="K21" s="1095"/>
      <c r="L21" s="1095"/>
      <c r="M21" s="1095"/>
      <c r="N21" s="523"/>
      <c r="O21" s="418"/>
      <c r="P21" s="419"/>
      <c r="Q21" s="378" t="s">
        <v>461</v>
      </c>
      <c r="R21" s="378"/>
      <c r="S21" s="378"/>
      <c r="T21" s="378"/>
      <c r="U21" s="378"/>
      <c r="V21" s="378"/>
      <c r="W21" s="378"/>
      <c r="X21" s="378"/>
      <c r="Y21" s="378"/>
      <c r="Z21" s="378"/>
      <c r="AA21" s="378"/>
      <c r="AB21" s="378"/>
      <c r="AC21" s="378"/>
      <c r="AD21" s="378"/>
      <c r="AE21" s="378"/>
      <c r="AF21" s="378"/>
      <c r="AG21" s="378"/>
      <c r="AH21" s="378"/>
      <c r="AI21" s="378"/>
      <c r="AJ21" s="378"/>
      <c r="AK21" s="378"/>
      <c r="AL21" s="379"/>
      <c r="AM21" s="5"/>
      <c r="AN21" s="287"/>
      <c r="AO21" s="287"/>
      <c r="AP21" s="287"/>
      <c r="AQ21" s="287"/>
      <c r="AR21" s="287"/>
      <c r="AS21" s="287"/>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345" t="s">
        <v>1684</v>
      </c>
      <c r="G22" s="346"/>
      <c r="H22" s="346"/>
      <c r="I22" s="346"/>
      <c r="J22" s="346"/>
      <c r="K22" s="346"/>
      <c r="L22" s="346"/>
      <c r="M22" s="346"/>
      <c r="N22" s="523"/>
      <c r="O22" s="1031" t="s">
        <v>258</v>
      </c>
      <c r="P22" s="1031"/>
      <c r="Q22" s="916" t="s">
        <v>887</v>
      </c>
      <c r="R22" s="917"/>
      <c r="S22" s="917"/>
      <c r="T22" s="917"/>
      <c r="U22" s="917"/>
      <c r="V22" s="917"/>
      <c r="W22" s="917"/>
      <c r="X22" s="917"/>
      <c r="Y22" s="917"/>
      <c r="Z22" s="917"/>
      <c r="AA22" s="917"/>
      <c r="AB22" s="917"/>
      <c r="AC22" s="917"/>
      <c r="AD22" s="917"/>
      <c r="AE22" s="917"/>
      <c r="AF22" s="917"/>
      <c r="AG22" s="917"/>
      <c r="AH22" s="917"/>
      <c r="AI22" s="917"/>
      <c r="AJ22" s="917"/>
      <c r="AK22" s="917"/>
      <c r="AL22" s="918"/>
      <c r="AM22" s="176"/>
      <c r="AN22" s="919" t="s">
        <v>462</v>
      </c>
      <c r="AO22" s="919"/>
      <c r="AP22" s="919"/>
      <c r="AQ22" s="919"/>
      <c r="AR22" s="919"/>
      <c r="AS22" s="919"/>
      <c r="AT22" s="919"/>
      <c r="AU22" s="919"/>
      <c r="AV22" s="919"/>
      <c r="AW22" s="919"/>
      <c r="AX22" s="919"/>
      <c r="AY22" s="919"/>
      <c r="AZ22" s="919"/>
      <c r="BA22" s="919"/>
      <c r="BB22" s="919"/>
      <c r="BC22" s="919"/>
      <c r="BD22" s="919"/>
      <c r="BE22" s="919"/>
      <c r="BF22" s="919"/>
      <c r="BG22" s="919"/>
      <c r="BH22" s="919"/>
      <c r="BI22" s="919"/>
      <c r="BJ22" s="919"/>
      <c r="BK22" s="919"/>
      <c r="BL22" s="919"/>
      <c r="BM22" s="919"/>
      <c r="BN22" s="919"/>
      <c r="BO22" s="919"/>
      <c r="BP22" s="919"/>
      <c r="BQ22" s="919"/>
      <c r="BR22" s="919"/>
      <c r="BS22" s="919"/>
      <c r="BT22" s="919"/>
      <c r="BU22" s="919"/>
      <c r="BV22" s="919"/>
      <c r="BW22" s="919"/>
      <c r="BX22" s="919"/>
      <c r="BY22" s="919"/>
      <c r="BZ22" s="919"/>
      <c r="CA22" s="919"/>
      <c r="CB22" s="919"/>
      <c r="CC22" s="919"/>
      <c r="CD22" s="919"/>
      <c r="CE22" s="919"/>
      <c r="CF22" s="919"/>
      <c r="CG22" s="919"/>
      <c r="CH22" s="919"/>
      <c r="CI22" s="919"/>
      <c r="CJ22" s="919"/>
      <c r="CK22" s="919"/>
      <c r="CL22" s="919"/>
      <c r="CM22" s="919"/>
      <c r="CQ22" s="3" ph="1"/>
      <c r="CR22" s="3" ph="1"/>
      <c r="CS22" s="3" ph="1"/>
      <c r="CT22" s="3" ph="1"/>
      <c r="CU22" s="3" ph="1"/>
      <c r="CV22" s="3" ph="1"/>
    </row>
    <row r="23" spans="1:100" ht="17.25" customHeight="1" x14ac:dyDescent="0.15">
      <c r="A23" s="328"/>
      <c r="B23" s="328"/>
      <c r="C23" s="328"/>
      <c r="D23" s="328"/>
      <c r="E23" s="328"/>
      <c r="F23" s="336" t="s">
        <v>1683</v>
      </c>
      <c r="G23" s="337"/>
      <c r="H23" s="337"/>
      <c r="I23" s="337"/>
      <c r="J23" s="337"/>
      <c r="K23" s="337"/>
      <c r="L23" s="337"/>
      <c r="M23" s="338"/>
      <c r="N23" s="523"/>
      <c r="O23" s="1031"/>
      <c r="P23" s="1031"/>
      <c r="Q23" s="355">
        <v>27551</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 t="s">
        <v>16</v>
      </c>
      <c r="AO23" s="110" t="s">
        <v>1665</v>
      </c>
      <c r="AP23" s="110"/>
      <c r="AQ23" s="110"/>
      <c r="AR23" s="110"/>
      <c r="AS23" s="110"/>
      <c r="AT23" s="110"/>
      <c r="AU23" s="110"/>
      <c r="AV23" s="110"/>
      <c r="AW23" s="110"/>
      <c r="AX23" s="110"/>
      <c r="AY23" s="110"/>
      <c r="AZ23" s="110"/>
      <c r="BA23" s="110"/>
      <c r="BB23" s="110"/>
      <c r="BC23" s="110"/>
      <c r="BD23" s="110"/>
      <c r="BE23" s="110"/>
      <c r="BF23" s="110"/>
      <c r="BG23" s="110"/>
      <c r="BH23" s="110"/>
      <c r="BI23" s="110"/>
      <c r="BJ23" s="110"/>
      <c r="BK23" s="110"/>
      <c r="BL23" s="110"/>
      <c r="BM23" s="110"/>
      <c r="BN23" s="110"/>
      <c r="BO23" s="110"/>
      <c r="BP23" s="110"/>
      <c r="BQ23" s="110"/>
      <c r="BR23" s="110"/>
      <c r="BS23" s="110"/>
      <c r="BT23" s="110"/>
      <c r="BU23" s="110"/>
      <c r="BV23" s="110"/>
      <c r="BW23" s="110"/>
      <c r="BX23" s="110"/>
      <c r="BY23" s="110"/>
      <c r="BZ23" s="110"/>
      <c r="CA23" s="110"/>
      <c r="CB23" s="110"/>
      <c r="CC23" s="110"/>
      <c r="CD23" s="110"/>
      <c r="CE23" s="110"/>
      <c r="CF23" s="110"/>
      <c r="CG23" s="110"/>
      <c r="CH23" s="110"/>
      <c r="CI23" s="110"/>
      <c r="CJ23" s="110"/>
      <c r="CK23" s="110"/>
      <c r="CL23" s="110"/>
      <c r="CM23" s="111"/>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030" t="s">
        <v>429</v>
      </c>
      <c r="R24" s="862"/>
      <c r="S24" s="862"/>
      <c r="T24" s="862"/>
      <c r="U24" s="862"/>
      <c r="V24" s="862"/>
      <c r="W24" s="862"/>
      <c r="X24" s="862"/>
      <c r="Y24" s="862"/>
      <c r="Z24" s="862"/>
      <c r="AA24" s="862"/>
      <c r="AB24" s="862"/>
      <c r="AC24" s="862"/>
      <c r="AD24" s="862"/>
      <c r="AE24" s="862"/>
      <c r="AF24" s="862"/>
      <c r="AG24" s="862"/>
      <c r="AH24" s="862"/>
      <c r="AI24" s="862"/>
      <c r="AJ24" s="862"/>
      <c r="AK24" s="862"/>
      <c r="AL24" s="863"/>
      <c r="AM24" s="5"/>
      <c r="AN24" s="37" t="s">
        <v>16</v>
      </c>
      <c r="AO24" s="101" t="s">
        <v>1666</v>
      </c>
      <c r="AP24" s="101"/>
      <c r="AQ24" s="101"/>
      <c r="AR24" s="101"/>
      <c r="AS24" s="101"/>
      <c r="AT24" s="101"/>
      <c r="AU24" s="101"/>
      <c r="AV24" s="101"/>
      <c r="AW24" s="101"/>
      <c r="AX24" s="101"/>
      <c r="AY24" s="101"/>
      <c r="AZ24" s="101"/>
      <c r="BA24" s="101"/>
      <c r="BB24" s="101"/>
      <c r="BC24" s="101"/>
      <c r="BD24" s="101"/>
      <c r="BE24" s="101"/>
      <c r="BF24" s="101"/>
      <c r="BG24" s="101"/>
      <c r="BH24" s="101"/>
      <c r="BI24" s="101"/>
      <c r="BJ24" s="101"/>
      <c r="BK24" s="101"/>
      <c r="BL24" s="101"/>
      <c r="BM24" s="101"/>
      <c r="BN24" s="101"/>
      <c r="BO24" s="101"/>
      <c r="BP24" s="101"/>
      <c r="BQ24" s="101"/>
      <c r="BR24" s="101"/>
      <c r="BS24" s="101"/>
      <c r="BT24" s="101"/>
      <c r="BU24" s="101"/>
      <c r="BV24" s="101"/>
      <c r="BW24" s="101"/>
      <c r="BX24" s="101"/>
      <c r="BY24" s="101"/>
      <c r="BZ24" s="101"/>
      <c r="CA24" s="101"/>
      <c r="CB24" s="101"/>
      <c r="CC24" s="101"/>
      <c r="CD24" s="101"/>
      <c r="CE24" s="101"/>
      <c r="CF24" s="101"/>
      <c r="CG24" s="101"/>
      <c r="CH24" s="101"/>
      <c r="CI24" s="101"/>
      <c r="CJ24" s="101"/>
      <c r="CK24" s="101"/>
      <c r="CL24" s="101"/>
      <c r="CM24" s="102"/>
      <c r="CQ24" s="3" ph="1"/>
      <c r="CR24" s="3" ph="1"/>
      <c r="CS24" s="3" ph="1"/>
      <c r="CT24" s="3" ph="1"/>
      <c r="CU24" s="3" ph="1"/>
      <c r="CV24" s="3" ph="1"/>
    </row>
    <row r="25" spans="1:100" ht="17.25" customHeight="1" x14ac:dyDescent="0.15">
      <c r="A25" s="328" t="s">
        <v>263</v>
      </c>
      <c r="B25" s="328"/>
      <c r="C25" s="328"/>
      <c r="D25" s="328"/>
      <c r="E25" s="328"/>
      <c r="F25" s="844" t="s">
        <v>1686</v>
      </c>
      <c r="G25" s="845"/>
      <c r="H25" s="845"/>
      <c r="I25" s="845"/>
      <c r="J25" s="845"/>
      <c r="K25" s="845"/>
      <c r="L25" s="845"/>
      <c r="M25" s="845"/>
      <c r="N25" s="523"/>
      <c r="O25" s="428"/>
      <c r="P25" s="428"/>
      <c r="Q25" s="342">
        <v>27551</v>
      </c>
      <c r="R25" s="343"/>
      <c r="S25" s="343"/>
      <c r="T25" s="343"/>
      <c r="U25" s="343"/>
      <c r="V25" s="343"/>
      <c r="W25" s="343"/>
      <c r="X25" s="343"/>
      <c r="Y25" s="343"/>
      <c r="Z25" s="343"/>
      <c r="AA25" s="343"/>
      <c r="AB25" s="343"/>
      <c r="AC25" s="343"/>
      <c r="AD25" s="343"/>
      <c r="AE25" s="343"/>
      <c r="AF25" s="343"/>
      <c r="AG25" s="343"/>
      <c r="AH25" s="343"/>
      <c r="AI25" s="343"/>
      <c r="AJ25" s="343"/>
      <c r="AK25" s="343"/>
      <c r="AL25" s="344"/>
      <c r="AM25" s="5"/>
      <c r="AN25" s="37" t="s">
        <v>16</v>
      </c>
      <c r="AO25" s="101" t="s">
        <v>1667</v>
      </c>
      <c r="AP25" s="101"/>
      <c r="AQ25" s="101"/>
      <c r="AR25" s="101"/>
      <c r="AS25" s="101"/>
      <c r="AT25" s="101"/>
      <c r="AU25" s="101"/>
      <c r="AV25" s="101"/>
      <c r="AW25" s="101"/>
      <c r="AX25" s="101"/>
      <c r="AY25" s="101"/>
      <c r="AZ25" s="101"/>
      <c r="BA25" s="101"/>
      <c r="BB25" s="101"/>
      <c r="BC25" s="101"/>
      <c r="BD25" s="101"/>
      <c r="BE25" s="101"/>
      <c r="BF25" s="101"/>
      <c r="BG25" s="101"/>
      <c r="BH25" s="101"/>
      <c r="BI25" s="101"/>
      <c r="BJ25" s="101"/>
      <c r="BK25" s="101"/>
      <c r="BL25" s="101"/>
      <c r="BM25" s="101"/>
      <c r="BN25" s="101"/>
      <c r="BO25" s="101"/>
      <c r="BP25" s="101"/>
      <c r="BQ25" s="101"/>
      <c r="BR25" s="101"/>
      <c r="BS25" s="101"/>
      <c r="BT25" s="101"/>
      <c r="BU25" s="101"/>
      <c r="BV25" s="101"/>
      <c r="BW25" s="101"/>
      <c r="BX25" s="101"/>
      <c r="BY25" s="101"/>
      <c r="BZ25" s="101"/>
      <c r="CA25" s="101"/>
      <c r="CB25" s="101"/>
      <c r="CC25" s="101"/>
      <c r="CD25" s="101"/>
      <c r="CE25" s="101"/>
      <c r="CF25" s="101"/>
      <c r="CG25" s="101"/>
      <c r="CH25" s="101"/>
      <c r="CI25" s="101"/>
      <c r="CJ25" s="101"/>
      <c r="CK25" s="101"/>
      <c r="CL25" s="101"/>
      <c r="CM25" s="102"/>
      <c r="CQ25" s="3" ph="1"/>
      <c r="CR25" s="3" ph="1"/>
      <c r="CS25" s="3" ph="1"/>
      <c r="CT25" s="3" ph="1"/>
      <c r="CU25" s="3" ph="1"/>
      <c r="CV25" s="3" ph="1"/>
    </row>
    <row r="26" spans="1:100" ht="17.25" customHeight="1" x14ac:dyDescent="0.15">
      <c r="A26" s="328"/>
      <c r="B26" s="328"/>
      <c r="C26" s="328"/>
      <c r="D26" s="328"/>
      <c r="E26" s="328"/>
      <c r="F26" s="336" t="s">
        <v>1685</v>
      </c>
      <c r="G26" s="337"/>
      <c r="H26" s="337"/>
      <c r="I26" s="337"/>
      <c r="J26" s="337"/>
      <c r="K26" s="337"/>
      <c r="L26" s="337"/>
      <c r="M26" s="338"/>
      <c r="N26" s="523"/>
      <c r="O26" s="428" t="s">
        <v>264</v>
      </c>
      <c r="P26" s="428"/>
      <c r="Q26" s="1030" t="s">
        <v>888</v>
      </c>
      <c r="R26" s="862"/>
      <c r="S26" s="862"/>
      <c r="T26" s="862"/>
      <c r="U26" s="862"/>
      <c r="V26" s="862"/>
      <c r="W26" s="862"/>
      <c r="X26" s="862"/>
      <c r="Y26" s="862"/>
      <c r="Z26" s="862"/>
      <c r="AA26" s="862"/>
      <c r="AB26" s="862"/>
      <c r="AC26" s="862"/>
      <c r="AD26" s="862"/>
      <c r="AE26" s="862"/>
      <c r="AF26" s="862"/>
      <c r="AG26" s="862"/>
      <c r="AH26" s="862"/>
      <c r="AI26" s="862"/>
      <c r="AJ26" s="862"/>
      <c r="AK26" s="862"/>
      <c r="AL26" s="863"/>
      <c r="AM26" s="5"/>
      <c r="AN26" s="37" t="s">
        <v>16</v>
      </c>
      <c r="AO26" s="101" t="s">
        <v>1668</v>
      </c>
      <c r="AP26" s="101"/>
      <c r="AQ26" s="101"/>
      <c r="AR26" s="101"/>
      <c r="AS26" s="101"/>
      <c r="AT26" s="101"/>
      <c r="AU26" s="101"/>
      <c r="AV26" s="101"/>
      <c r="AW26" s="101"/>
      <c r="AX26" s="101"/>
      <c r="AY26" s="101"/>
      <c r="AZ26" s="101"/>
      <c r="BA26" s="101"/>
      <c r="BB26" s="101"/>
      <c r="BC26" s="101"/>
      <c r="BD26" s="101"/>
      <c r="BE26" s="101"/>
      <c r="BF26" s="101"/>
      <c r="BG26" s="101"/>
      <c r="BH26" s="101"/>
      <c r="BI26" s="101"/>
      <c r="BJ26" s="101"/>
      <c r="BK26" s="101"/>
      <c r="BL26" s="101"/>
      <c r="BM26" s="101"/>
      <c r="BN26" s="101"/>
      <c r="BO26" s="101"/>
      <c r="BP26" s="101"/>
      <c r="BQ26" s="101"/>
      <c r="BR26" s="101"/>
      <c r="BS26" s="101"/>
      <c r="BT26" s="101"/>
      <c r="BU26" s="101"/>
      <c r="BV26" s="101"/>
      <c r="BW26" s="101"/>
      <c r="BX26" s="101"/>
      <c r="BY26" s="101"/>
      <c r="BZ26" s="101"/>
      <c r="CA26" s="101"/>
      <c r="CB26" s="101"/>
      <c r="CC26" s="101"/>
      <c r="CD26" s="101"/>
      <c r="CE26" s="101"/>
      <c r="CF26" s="101"/>
      <c r="CG26" s="101"/>
      <c r="CH26" s="101"/>
      <c r="CI26" s="101"/>
      <c r="CJ26" s="101"/>
      <c r="CK26" s="101"/>
      <c r="CL26" s="101"/>
      <c r="CM26" s="102"/>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42">
        <v>27551</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17" t="s">
        <v>738</v>
      </c>
      <c r="AO27" s="112" t="s">
        <v>1669</v>
      </c>
      <c r="AP27" s="112"/>
      <c r="AQ27" s="112"/>
      <c r="AR27" s="112"/>
      <c r="AS27" s="112"/>
      <c r="AT27" s="112"/>
      <c r="AU27" s="112"/>
      <c r="AV27" s="112"/>
      <c r="AW27" s="112"/>
      <c r="AX27" s="112"/>
      <c r="AY27" s="112"/>
      <c r="AZ27" s="112"/>
      <c r="BA27" s="112"/>
      <c r="BB27" s="112"/>
      <c r="BC27" s="112"/>
      <c r="BD27" s="112"/>
      <c r="BE27" s="112"/>
      <c r="BF27" s="112"/>
      <c r="BG27" s="112"/>
      <c r="BH27" s="112"/>
      <c r="BI27" s="112"/>
      <c r="BJ27" s="112"/>
      <c r="BK27" s="112"/>
      <c r="BL27" s="112"/>
      <c r="BM27" s="112"/>
      <c r="BN27" s="112"/>
      <c r="BO27" s="112"/>
      <c r="BP27" s="112"/>
      <c r="BQ27" s="112"/>
      <c r="BR27" s="112"/>
      <c r="BS27" s="112"/>
      <c r="BT27" s="112"/>
      <c r="BU27" s="112"/>
      <c r="BV27" s="112"/>
      <c r="BW27" s="112"/>
      <c r="BX27" s="112"/>
      <c r="BY27" s="112"/>
      <c r="BZ27" s="112"/>
      <c r="CA27" s="112"/>
      <c r="CB27" s="112"/>
      <c r="CC27" s="112"/>
      <c r="CD27" s="112"/>
      <c r="CE27" s="112"/>
      <c r="CF27" s="112"/>
      <c r="CG27" s="112"/>
      <c r="CH27" s="112"/>
      <c r="CI27" s="112"/>
      <c r="CJ27" s="112"/>
      <c r="CK27" s="112"/>
      <c r="CL27" s="112"/>
      <c r="CM27" s="113"/>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255" t="s">
        <v>261</v>
      </c>
      <c r="AO28" s="255"/>
      <c r="AP28" s="255"/>
      <c r="AQ28" s="255"/>
      <c r="AR28" s="255"/>
      <c r="AS28" s="255"/>
      <c r="AT28" s="255"/>
      <c r="AU28" s="255"/>
      <c r="AV28" s="255"/>
      <c r="AW28" s="255"/>
      <c r="AX28" s="255"/>
      <c r="AY28" s="255"/>
      <c r="AZ28" s="255"/>
      <c r="BA28" s="255"/>
      <c r="BB28" s="255"/>
      <c r="BC28" s="255"/>
      <c r="BD28" s="255"/>
      <c r="BE28" s="255"/>
      <c r="BF28" s="255"/>
      <c r="BG28" s="255"/>
      <c r="BH28" s="255"/>
      <c r="BI28" s="255"/>
      <c r="BJ28" s="255"/>
      <c r="BK28" s="255"/>
      <c r="BL28" s="255"/>
      <c r="BM28" s="255"/>
      <c r="BN28" s="255"/>
      <c r="BO28" s="255"/>
      <c r="BP28" s="255"/>
      <c r="BQ28" s="134"/>
      <c r="BR28" s="135"/>
      <c r="BS28" s="1"/>
      <c r="BT28" s="1"/>
      <c r="BU28" s="1"/>
      <c r="BV28" s="1"/>
      <c r="BW28" s="1"/>
      <c r="BX28" s="1"/>
      <c r="BY28" s="1"/>
      <c r="BZ28" s="1"/>
      <c r="CA28" s="1"/>
      <c r="CB28" s="1"/>
      <c r="CC28" s="1"/>
      <c r="CD28" s="1"/>
      <c r="CE28" s="1"/>
      <c r="CF28" s="1"/>
      <c r="CG28" s="1"/>
      <c r="CH28" s="1"/>
      <c r="CI28" s="1"/>
      <c r="CJ28" s="1"/>
      <c r="CK28" s="1"/>
      <c r="CL28" s="1"/>
      <c r="CM28" s="181"/>
      <c r="CN28" s="33"/>
      <c r="CQ28" s="3" ph="1"/>
      <c r="CR28" s="3" ph="1"/>
      <c r="CS28" s="3" ph="1"/>
      <c r="CT28" s="3" ph="1"/>
      <c r="CU28" s="3" ph="1"/>
      <c r="CV28" s="3" ph="1"/>
    </row>
    <row r="29" spans="1:100" ht="17.25" customHeight="1" x14ac:dyDescent="0.15">
      <c r="A29" s="466" t="s">
        <v>117</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8" t="s">
        <v>16</v>
      </c>
      <c r="AO29" s="867" t="s">
        <v>1670</v>
      </c>
      <c r="AP29" s="867"/>
      <c r="AQ29" s="867"/>
      <c r="AR29" s="867"/>
      <c r="AS29" s="867"/>
      <c r="AT29" s="867"/>
      <c r="AU29" s="867"/>
      <c r="AV29" s="867"/>
      <c r="AW29" s="867"/>
      <c r="AX29" s="867"/>
      <c r="AY29" s="867"/>
      <c r="AZ29" s="867"/>
      <c r="BA29" s="867"/>
      <c r="BB29" s="867"/>
      <c r="BC29" s="867"/>
      <c r="BD29" s="867"/>
      <c r="BE29" s="867"/>
      <c r="BF29" s="867"/>
      <c r="BG29" s="867"/>
      <c r="BH29" s="867"/>
      <c r="BI29" s="867"/>
      <c r="BJ29" s="867"/>
      <c r="BK29" s="867"/>
      <c r="BL29" s="867"/>
      <c r="BM29" s="867"/>
      <c r="BN29" s="867"/>
      <c r="BO29" s="867"/>
      <c r="BP29" s="868"/>
      <c r="BQ29" s="72"/>
      <c r="BR29" s="101"/>
      <c r="BS29" s="15"/>
      <c r="BT29" s="1"/>
      <c r="BU29" s="1"/>
      <c r="BV29" s="1"/>
      <c r="BW29" s="1"/>
      <c r="BX29" s="1"/>
      <c r="BY29" s="1"/>
      <c r="BZ29" s="1"/>
      <c r="CA29" s="1"/>
      <c r="CB29" s="129"/>
      <c r="CC29" s="129"/>
      <c r="CD29" s="129"/>
      <c r="CE29" s="129"/>
      <c r="CF29" s="129"/>
      <c r="CG29" s="129"/>
      <c r="CH29" s="129"/>
      <c r="CI29" s="129"/>
      <c r="CJ29" s="129"/>
      <c r="CK29" s="129"/>
      <c r="CL29" s="129"/>
      <c r="CM29" s="15"/>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4" t="s">
        <v>16</v>
      </c>
      <c r="AO30" s="672" t="s">
        <v>1671</v>
      </c>
      <c r="AP30" s="672"/>
      <c r="AQ30" s="672"/>
      <c r="AR30" s="672"/>
      <c r="AS30" s="672"/>
      <c r="AT30" s="672"/>
      <c r="AU30" s="672"/>
      <c r="AV30" s="672"/>
      <c r="AW30" s="672"/>
      <c r="AX30" s="672"/>
      <c r="AY30" s="672"/>
      <c r="AZ30" s="672"/>
      <c r="BA30" s="672"/>
      <c r="BB30" s="672"/>
      <c r="BC30" s="672"/>
      <c r="BD30" s="672"/>
      <c r="BE30" s="672"/>
      <c r="BF30" s="672"/>
      <c r="BG30" s="672"/>
      <c r="BH30" s="672"/>
      <c r="BI30" s="672"/>
      <c r="BJ30" s="672"/>
      <c r="BK30" s="672"/>
      <c r="BL30" s="672"/>
      <c r="BM30" s="672"/>
      <c r="BN30" s="672"/>
      <c r="BO30" s="672"/>
      <c r="BP30" s="673"/>
      <c r="BQ30" s="53"/>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64"/>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4" t="s">
        <v>16</v>
      </c>
      <c r="AO31" s="672" t="s">
        <v>1672</v>
      </c>
      <c r="AP31" s="672"/>
      <c r="AQ31" s="672"/>
      <c r="AR31" s="672"/>
      <c r="AS31" s="672"/>
      <c r="AT31" s="672"/>
      <c r="AU31" s="672"/>
      <c r="AV31" s="672"/>
      <c r="AW31" s="672"/>
      <c r="AX31" s="672"/>
      <c r="AY31" s="672"/>
      <c r="AZ31" s="672"/>
      <c r="BA31" s="672"/>
      <c r="BB31" s="672"/>
      <c r="BC31" s="672"/>
      <c r="BD31" s="672"/>
      <c r="BE31" s="672"/>
      <c r="BF31" s="672"/>
      <c r="BG31" s="672"/>
      <c r="BH31" s="672"/>
      <c r="BI31" s="672"/>
      <c r="BJ31" s="672"/>
      <c r="BK31" s="672"/>
      <c r="BL31" s="672"/>
      <c r="BM31" s="672"/>
      <c r="BN31" s="672"/>
      <c r="BO31" s="672"/>
      <c r="BP31" s="673"/>
      <c r="BQ31" s="54"/>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4" t="s">
        <v>16</v>
      </c>
      <c r="AO32" s="672" t="s">
        <v>1673</v>
      </c>
      <c r="AP32" s="672"/>
      <c r="AQ32" s="672"/>
      <c r="AR32" s="672"/>
      <c r="AS32" s="672"/>
      <c r="AT32" s="672"/>
      <c r="AU32" s="672"/>
      <c r="AV32" s="672"/>
      <c r="AW32" s="672"/>
      <c r="AX32" s="672"/>
      <c r="AY32" s="672"/>
      <c r="AZ32" s="672"/>
      <c r="BA32" s="672"/>
      <c r="BB32" s="672"/>
      <c r="BC32" s="672"/>
      <c r="BD32" s="672"/>
      <c r="BE32" s="672"/>
      <c r="BF32" s="672"/>
      <c r="BG32" s="672"/>
      <c r="BH32" s="672"/>
      <c r="BI32" s="672"/>
      <c r="BJ32" s="672"/>
      <c r="BK32" s="672"/>
      <c r="BL32" s="672"/>
      <c r="BM32" s="672"/>
      <c r="BN32" s="672"/>
      <c r="BO32" s="672"/>
      <c r="BP32" s="673"/>
      <c r="BQ32" s="53"/>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69"/>
      <c r="B33" s="470"/>
      <c r="C33" s="470"/>
      <c r="D33" s="470"/>
      <c r="E33" s="470"/>
      <c r="F33" s="470"/>
      <c r="G33" s="470"/>
      <c r="H33" s="470"/>
      <c r="I33" s="470"/>
      <c r="J33" s="470"/>
      <c r="K33" s="470"/>
      <c r="L33" s="470"/>
      <c r="M33" s="470"/>
      <c r="N33" s="470"/>
      <c r="O33" s="470"/>
      <c r="P33" s="470"/>
      <c r="Q33" s="470"/>
      <c r="R33" s="470"/>
      <c r="S33" s="470"/>
      <c r="T33" s="470"/>
      <c r="U33" s="470"/>
      <c r="V33" s="470"/>
      <c r="W33" s="470"/>
      <c r="X33" s="470"/>
      <c r="Y33" s="470"/>
      <c r="Z33" s="470"/>
      <c r="AA33" s="470"/>
      <c r="AB33" s="470"/>
      <c r="AC33" s="470"/>
      <c r="AD33" s="470"/>
      <c r="AE33" s="470"/>
      <c r="AF33" s="470"/>
      <c r="AG33" s="470"/>
      <c r="AH33" s="470"/>
      <c r="AI33" s="470"/>
      <c r="AJ33" s="470"/>
      <c r="AK33" s="470"/>
      <c r="AL33" s="471"/>
      <c r="AM33" s="5"/>
      <c r="AN33" s="40"/>
      <c r="AO33" s="1089"/>
      <c r="AP33" s="1089"/>
      <c r="AQ33" s="1089"/>
      <c r="AR33" s="1089"/>
      <c r="AS33" s="1089"/>
      <c r="AT33" s="1089"/>
      <c r="AU33" s="1089"/>
      <c r="AV33" s="1089"/>
      <c r="AW33" s="1089"/>
      <c r="AX33" s="1089"/>
      <c r="AY33" s="1089"/>
      <c r="AZ33" s="1089"/>
      <c r="BA33" s="1089"/>
      <c r="BB33" s="1089"/>
      <c r="BC33" s="1089"/>
      <c r="BD33" s="1089"/>
      <c r="BE33" s="1089"/>
      <c r="BF33" s="1089"/>
      <c r="BG33" s="1089"/>
      <c r="BH33" s="1089"/>
      <c r="BI33" s="1089"/>
      <c r="BJ33" s="1089"/>
      <c r="BK33" s="1089"/>
      <c r="BL33" s="1089"/>
      <c r="BM33" s="1089"/>
      <c r="BN33" s="1089"/>
      <c r="BO33" s="1089"/>
      <c r="BP33" s="1090"/>
      <c r="BQ33" s="160"/>
      <c r="BR33" s="292" t="s">
        <v>267</v>
      </c>
      <c r="BS33" s="293"/>
      <c r="BT33" s="293"/>
      <c r="BU33" s="293"/>
      <c r="BV33" s="293"/>
      <c r="BW33" s="293"/>
      <c r="BX33" s="294"/>
      <c r="BY33" s="284">
        <v>2094</v>
      </c>
      <c r="BZ33" s="285"/>
      <c r="CA33" s="285"/>
      <c r="CB33" s="285"/>
      <c r="CC33" s="285"/>
      <c r="CD33" s="285"/>
      <c r="CE33" s="285"/>
      <c r="CF33" s="285"/>
      <c r="CG33" s="288"/>
      <c r="CH33" s="286">
        <v>11.224869999999999</v>
      </c>
      <c r="CI33" s="286"/>
      <c r="CJ33" s="286"/>
      <c r="CK33" s="286"/>
      <c r="CL33" s="286"/>
      <c r="CM33" s="286"/>
      <c r="CQ33" s="3" ph="1"/>
      <c r="CR33" s="3" ph="1"/>
      <c r="CS33" s="3" ph="1"/>
      <c r="CT33" s="3" ph="1"/>
      <c r="CU33" s="3" ph="1"/>
      <c r="CV33" s="3" ph="1"/>
    </row>
    <row r="34" spans="1:100" ht="17.25" customHeight="1" x14ac:dyDescent="0.15">
      <c r="A34" s="469"/>
      <c r="B34" s="470"/>
      <c r="C34" s="470"/>
      <c r="D34" s="470"/>
      <c r="E34" s="470"/>
      <c r="F34" s="470"/>
      <c r="G34" s="470"/>
      <c r="H34" s="470"/>
      <c r="I34" s="470"/>
      <c r="J34" s="470"/>
      <c r="K34" s="470"/>
      <c r="L34" s="470"/>
      <c r="M34" s="470"/>
      <c r="N34" s="470"/>
      <c r="O34" s="470"/>
      <c r="P34" s="470"/>
      <c r="Q34" s="470"/>
      <c r="R34" s="470"/>
      <c r="S34" s="470"/>
      <c r="T34" s="470"/>
      <c r="U34" s="470"/>
      <c r="V34" s="470"/>
      <c r="W34" s="470"/>
      <c r="X34" s="470"/>
      <c r="Y34" s="470"/>
      <c r="Z34" s="470"/>
      <c r="AA34" s="470"/>
      <c r="AB34" s="470"/>
      <c r="AC34" s="470"/>
      <c r="AD34" s="470"/>
      <c r="AE34" s="470"/>
      <c r="AF34" s="470"/>
      <c r="AG34" s="470"/>
      <c r="AH34" s="470"/>
      <c r="AI34" s="470"/>
      <c r="AJ34" s="470"/>
      <c r="AK34" s="470"/>
      <c r="AL34" s="471"/>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472"/>
      <c r="B35" s="473"/>
      <c r="C35" s="473"/>
      <c r="D35" s="473"/>
      <c r="E35" s="473"/>
      <c r="F35" s="473"/>
      <c r="G35" s="473"/>
      <c r="H35" s="473"/>
      <c r="I35" s="473"/>
      <c r="J35" s="473"/>
      <c r="K35" s="473"/>
      <c r="L35" s="473"/>
      <c r="M35" s="473"/>
      <c r="N35" s="473"/>
      <c r="O35" s="473"/>
      <c r="P35" s="473"/>
      <c r="Q35" s="473"/>
      <c r="R35" s="473"/>
      <c r="S35" s="473"/>
      <c r="T35" s="473"/>
      <c r="U35" s="473"/>
      <c r="V35" s="473"/>
      <c r="W35" s="473"/>
      <c r="X35" s="473"/>
      <c r="Y35" s="473"/>
      <c r="Z35" s="473"/>
      <c r="AA35" s="473"/>
      <c r="AB35" s="473"/>
      <c r="AC35" s="473"/>
      <c r="AD35" s="473"/>
      <c r="AE35" s="473"/>
      <c r="AF35" s="473"/>
      <c r="AG35" s="473"/>
      <c r="AH35" s="473"/>
      <c r="AI35" s="473"/>
      <c r="AJ35" s="473"/>
      <c r="AK35" s="473"/>
      <c r="AL35" s="474"/>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3014</v>
      </c>
      <c r="BZ35" s="681"/>
      <c r="CA35" s="682"/>
      <c r="CB35" s="682"/>
      <c r="CC35" s="682"/>
      <c r="CD35" s="682"/>
      <c r="CE35" s="682"/>
      <c r="CF35" s="682"/>
      <c r="CG35" s="682"/>
      <c r="CH35" s="683">
        <v>16.15653</v>
      </c>
      <c r="CI35" s="683"/>
      <c r="CJ35" s="683"/>
      <c r="CK35" s="683"/>
      <c r="CL35" s="683"/>
      <c r="CM35" s="683"/>
      <c r="CQ35" s="3" ph="1"/>
    </row>
    <row r="36" spans="1:100" ht="17.25" customHeight="1" x14ac:dyDescent="0.15">
      <c r="A36" s="255" t="s">
        <v>274</v>
      </c>
      <c r="B36" s="255"/>
      <c r="C36" s="255"/>
      <c r="D36" s="255"/>
      <c r="E36" s="255"/>
      <c r="F36" s="255"/>
      <c r="G36" s="255"/>
      <c r="H36" s="255"/>
      <c r="I36" s="255"/>
      <c r="J36" s="255"/>
      <c r="K36" s="255"/>
      <c r="L36" s="255"/>
      <c r="M36" s="255"/>
      <c r="N36" s="145"/>
      <c r="O36" s="255" t="s">
        <v>275</v>
      </c>
      <c r="P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11" t="s">
        <v>118</v>
      </c>
      <c r="B37" s="312"/>
      <c r="C37" s="312"/>
      <c r="D37" s="312"/>
      <c r="E37" s="312"/>
      <c r="F37" s="312"/>
      <c r="G37" s="312"/>
      <c r="H37" s="312"/>
      <c r="I37" s="312"/>
      <c r="J37" s="312"/>
      <c r="K37" s="312"/>
      <c r="L37" s="312"/>
      <c r="M37" s="313"/>
      <c r="N37" s="6"/>
      <c r="O37" s="1091" t="s">
        <v>230</v>
      </c>
      <c r="P37" s="862"/>
      <c r="Q37" s="862"/>
      <c r="R37" s="862"/>
      <c r="S37" s="862"/>
      <c r="T37" s="862"/>
      <c r="U37" s="862"/>
      <c r="V37" s="862"/>
      <c r="W37" s="862"/>
      <c r="X37" s="862"/>
      <c r="Y37" s="862"/>
      <c r="Z37" s="862"/>
      <c r="AA37" s="862"/>
      <c r="AB37" s="862"/>
      <c r="AC37" s="862"/>
      <c r="AD37" s="862"/>
      <c r="AE37" s="862"/>
      <c r="AF37" s="862"/>
      <c r="AG37" s="862"/>
      <c r="AH37" s="862"/>
      <c r="AI37" s="862"/>
      <c r="AJ37" s="862"/>
      <c r="AK37" s="862"/>
      <c r="AL37" s="863"/>
      <c r="AM37" s="5"/>
      <c r="AN37" s="287" t="s">
        <v>399</v>
      </c>
      <c r="AO37" s="287"/>
      <c r="AP37" s="287"/>
      <c r="AQ37" s="287"/>
      <c r="AR37" s="287"/>
      <c r="AS37" s="287"/>
      <c r="AT37" s="287"/>
      <c r="AU37" s="287"/>
      <c r="AV37" s="287"/>
      <c r="AW37" s="681">
        <v>45289</v>
      </c>
      <c r="AX37" s="681"/>
      <c r="AY37" s="681"/>
      <c r="AZ37" s="681"/>
      <c r="BA37" s="681"/>
      <c r="BB37" s="681"/>
      <c r="BC37" s="681"/>
      <c r="BD37" s="681"/>
      <c r="BE37" s="681"/>
      <c r="BF37" s="681"/>
      <c r="BG37" s="681">
        <v>17567</v>
      </c>
      <c r="BH37" s="681"/>
      <c r="BI37" s="681"/>
      <c r="BJ37" s="681"/>
      <c r="BK37" s="681"/>
      <c r="BL37" s="681"/>
      <c r="BM37" s="681"/>
      <c r="BN37" s="681"/>
      <c r="BO37" s="681"/>
      <c r="BP37" s="681"/>
      <c r="BQ37" s="149"/>
      <c r="BR37" s="680" t="s">
        <v>273</v>
      </c>
      <c r="BS37" s="680"/>
      <c r="BT37" s="680"/>
      <c r="BU37" s="680"/>
      <c r="BV37" s="680"/>
      <c r="BW37" s="680"/>
      <c r="BX37" s="680"/>
      <c r="BY37" s="681">
        <v>13547</v>
      </c>
      <c r="BZ37" s="681"/>
      <c r="CA37" s="682"/>
      <c r="CB37" s="682"/>
      <c r="CC37" s="682"/>
      <c r="CD37" s="682"/>
      <c r="CE37" s="682"/>
      <c r="CF37" s="682"/>
      <c r="CG37" s="682"/>
      <c r="CH37" s="683">
        <v>72.618600000000001</v>
      </c>
      <c r="CI37" s="683"/>
      <c r="CJ37" s="683"/>
      <c r="CK37" s="683"/>
      <c r="CL37" s="683"/>
      <c r="CM37" s="683"/>
      <c r="CQ37" s="3" ph="1"/>
    </row>
    <row r="38" spans="1:100" ht="17.25" customHeight="1" x14ac:dyDescent="0.15">
      <c r="A38" s="251">
        <v>33315</v>
      </c>
      <c r="B38" s="252"/>
      <c r="C38" s="252"/>
      <c r="D38" s="252"/>
      <c r="E38" s="252"/>
      <c r="F38" s="252"/>
      <c r="G38" s="252"/>
      <c r="H38" s="252"/>
      <c r="I38" s="252"/>
      <c r="J38" s="252"/>
      <c r="K38" s="252"/>
      <c r="L38" s="252"/>
      <c r="M38" s="253"/>
      <c r="N38" s="107"/>
      <c r="O38" s="1067" t="s">
        <v>1687</v>
      </c>
      <c r="P38" s="772"/>
      <c r="Q38" s="772"/>
      <c r="R38" s="772"/>
      <c r="S38" s="772"/>
      <c r="T38" s="772"/>
      <c r="U38" s="772"/>
      <c r="V38" s="772"/>
      <c r="W38" s="772"/>
      <c r="X38" s="772"/>
      <c r="Y38" s="772"/>
      <c r="Z38" s="772"/>
      <c r="AA38" s="772"/>
      <c r="AB38" s="772"/>
      <c r="AC38" s="772"/>
      <c r="AD38" s="772"/>
      <c r="AE38" s="772"/>
      <c r="AF38" s="772"/>
      <c r="AG38" s="772"/>
      <c r="AH38" s="772"/>
      <c r="AI38" s="772"/>
      <c r="AJ38" s="772"/>
      <c r="AK38" s="772"/>
      <c r="AL38" s="773"/>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324" t="s">
        <v>119</v>
      </c>
      <c r="B39" s="692"/>
      <c r="C39" s="692"/>
      <c r="D39" s="692"/>
      <c r="E39" s="692"/>
      <c r="F39" s="692"/>
      <c r="G39" s="692"/>
      <c r="H39" s="692"/>
      <c r="I39" s="692"/>
      <c r="J39" s="692"/>
      <c r="K39" s="692"/>
      <c r="L39" s="692"/>
      <c r="M39" s="693"/>
      <c r="N39" s="107"/>
      <c r="O39" s="1067" t="s">
        <v>1688</v>
      </c>
      <c r="P39" s="772"/>
      <c r="Q39" s="772"/>
      <c r="R39" s="772"/>
      <c r="S39" s="772"/>
      <c r="T39" s="772"/>
      <c r="U39" s="772"/>
      <c r="V39" s="772"/>
      <c r="W39" s="772"/>
      <c r="X39" s="772"/>
      <c r="Y39" s="772"/>
      <c r="Z39" s="772"/>
      <c r="AA39" s="772"/>
      <c r="AB39" s="772"/>
      <c r="AC39" s="772"/>
      <c r="AD39" s="772"/>
      <c r="AE39" s="772"/>
      <c r="AF39" s="772"/>
      <c r="AG39" s="772"/>
      <c r="AH39" s="772"/>
      <c r="AI39" s="772"/>
      <c r="AJ39" s="772"/>
      <c r="AK39" s="772"/>
      <c r="AL39" s="773"/>
      <c r="AM39" s="5"/>
      <c r="AN39" s="300" t="s">
        <v>1059</v>
      </c>
      <c r="AO39" s="300"/>
      <c r="AP39" s="300"/>
      <c r="AQ39" s="300"/>
      <c r="AR39" s="300"/>
      <c r="AS39" s="300"/>
      <c r="AT39" s="300"/>
      <c r="AU39" s="300"/>
      <c r="AV39" s="300"/>
      <c r="AW39" s="681">
        <v>42069</v>
      </c>
      <c r="AX39" s="681"/>
      <c r="AY39" s="681"/>
      <c r="AZ39" s="682"/>
      <c r="BA39" s="682"/>
      <c r="BB39" s="682"/>
      <c r="BC39" s="682"/>
      <c r="BD39" s="682"/>
      <c r="BE39" s="682"/>
      <c r="BF39" s="682"/>
      <c r="BG39" s="681">
        <v>17210</v>
      </c>
      <c r="BH39" s="681"/>
      <c r="BI39" s="681"/>
      <c r="BJ39" s="681"/>
      <c r="BK39" s="681"/>
      <c r="BL39" s="681"/>
      <c r="BM39" s="681"/>
      <c r="BN39" s="681"/>
      <c r="BO39" s="681"/>
      <c r="BP39" s="681"/>
      <c r="BQ39" s="149"/>
      <c r="BR39" s="301" t="s">
        <v>1119</v>
      </c>
      <c r="BS39" s="293"/>
      <c r="BT39" s="293"/>
      <c r="BU39" s="293"/>
      <c r="BV39" s="293"/>
      <c r="BW39" s="293"/>
      <c r="BX39" s="294"/>
      <c r="BY39" s="681">
        <v>19391</v>
      </c>
      <c r="BZ39" s="681"/>
      <c r="CA39" s="682"/>
      <c r="CB39" s="682"/>
      <c r="CC39" s="682"/>
      <c r="CD39" s="682"/>
      <c r="CE39" s="682"/>
      <c r="CF39" s="682"/>
      <c r="CG39" s="682"/>
      <c r="CH39" s="683">
        <v>100</v>
      </c>
      <c r="CI39" s="683"/>
      <c r="CJ39" s="683"/>
      <c r="CK39" s="683"/>
      <c r="CL39" s="683"/>
      <c r="CM39" s="683"/>
    </row>
    <row r="40" spans="1:100" ht="17.25" customHeight="1" x14ac:dyDescent="0.15">
      <c r="A40" s="251">
        <v>35055</v>
      </c>
      <c r="B40" s="252"/>
      <c r="C40" s="252"/>
      <c r="D40" s="252"/>
      <c r="E40" s="252"/>
      <c r="F40" s="252"/>
      <c r="G40" s="252"/>
      <c r="H40" s="252"/>
      <c r="I40" s="252"/>
      <c r="J40" s="252"/>
      <c r="K40" s="252"/>
      <c r="L40" s="252"/>
      <c r="M40" s="253"/>
      <c r="N40" s="107"/>
      <c r="O40" s="771" t="s">
        <v>1689</v>
      </c>
      <c r="P40" s="772"/>
      <c r="Q40" s="772"/>
      <c r="R40" s="772"/>
      <c r="S40" s="772"/>
      <c r="T40" s="772"/>
      <c r="U40" s="772"/>
      <c r="V40" s="772"/>
      <c r="W40" s="772"/>
      <c r="X40" s="772"/>
      <c r="Y40" s="772"/>
      <c r="Z40" s="772"/>
      <c r="AA40" s="772"/>
      <c r="AB40" s="772"/>
      <c r="AC40" s="772"/>
      <c r="AD40" s="772"/>
      <c r="AE40" s="772"/>
      <c r="AF40" s="772"/>
      <c r="AG40" s="772"/>
      <c r="AH40" s="772"/>
      <c r="AI40" s="772"/>
      <c r="AJ40" s="772"/>
      <c r="AK40" s="772"/>
      <c r="AL40" s="773"/>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752"/>
      <c r="B41" s="753"/>
      <c r="C41" s="753"/>
      <c r="D41" s="753"/>
      <c r="E41" s="753"/>
      <c r="F41" s="753"/>
      <c r="G41" s="753"/>
      <c r="H41" s="753"/>
      <c r="I41" s="753"/>
      <c r="J41" s="753"/>
      <c r="K41" s="753"/>
      <c r="L41" s="753"/>
      <c r="M41" s="754"/>
      <c r="N41" s="6"/>
      <c r="O41" s="1067" t="s">
        <v>1690</v>
      </c>
      <c r="P41" s="1087"/>
      <c r="Q41" s="1087"/>
      <c r="R41" s="1087"/>
      <c r="S41" s="1087"/>
      <c r="T41" s="1087"/>
      <c r="U41" s="1087"/>
      <c r="V41" s="1087"/>
      <c r="W41" s="1087"/>
      <c r="X41" s="1087"/>
      <c r="Y41" s="1087"/>
      <c r="Z41" s="1087"/>
      <c r="AA41" s="1087"/>
      <c r="AB41" s="1087"/>
      <c r="AC41" s="1087"/>
      <c r="AD41" s="1087"/>
      <c r="AE41" s="1087"/>
      <c r="AF41" s="1087"/>
      <c r="AG41" s="1087"/>
      <c r="AH41" s="1087"/>
      <c r="AI41" s="1087"/>
      <c r="AJ41" s="1087"/>
      <c r="AK41" s="1087"/>
      <c r="AL41" s="1088"/>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752"/>
      <c r="B42" s="753"/>
      <c r="C42" s="753"/>
      <c r="D42" s="753"/>
      <c r="E42" s="753"/>
      <c r="F42" s="753"/>
      <c r="G42" s="753"/>
      <c r="H42" s="753"/>
      <c r="I42" s="753"/>
      <c r="J42" s="753"/>
      <c r="K42" s="753"/>
      <c r="L42" s="753"/>
      <c r="M42" s="754"/>
      <c r="N42" s="107"/>
      <c r="O42" s="771"/>
      <c r="P42" s="772"/>
      <c r="Q42" s="772"/>
      <c r="R42" s="772"/>
      <c r="S42" s="772"/>
      <c r="T42" s="772"/>
      <c r="U42" s="772"/>
      <c r="V42" s="772"/>
      <c r="W42" s="772"/>
      <c r="X42" s="772"/>
      <c r="Y42" s="772"/>
      <c r="Z42" s="772"/>
      <c r="AA42" s="772"/>
      <c r="AB42" s="772"/>
      <c r="AC42" s="772"/>
      <c r="AD42" s="772"/>
      <c r="AE42" s="772"/>
      <c r="AF42" s="772"/>
      <c r="AG42" s="772"/>
      <c r="AH42" s="772"/>
      <c r="AI42" s="772"/>
      <c r="AJ42" s="772"/>
      <c r="AK42" s="772"/>
      <c r="AL42" s="773"/>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752"/>
      <c r="B43" s="753"/>
      <c r="C43" s="753"/>
      <c r="D43" s="753"/>
      <c r="E43" s="753"/>
      <c r="F43" s="753"/>
      <c r="G43" s="753"/>
      <c r="H43" s="753"/>
      <c r="I43" s="753"/>
      <c r="J43" s="753"/>
      <c r="K43" s="753"/>
      <c r="L43" s="753"/>
      <c r="M43" s="754"/>
      <c r="N43" s="169"/>
      <c r="O43" s="771"/>
      <c r="P43" s="772"/>
      <c r="Q43" s="772"/>
      <c r="R43" s="772"/>
      <c r="S43" s="772"/>
      <c r="T43" s="772"/>
      <c r="U43" s="772"/>
      <c r="V43" s="772"/>
      <c r="W43" s="772"/>
      <c r="X43" s="772"/>
      <c r="Y43" s="772"/>
      <c r="Z43" s="772"/>
      <c r="AA43" s="772"/>
      <c r="AB43" s="772"/>
      <c r="AC43" s="772"/>
      <c r="AD43" s="772"/>
      <c r="AE43" s="772"/>
      <c r="AF43" s="772"/>
      <c r="AG43" s="772"/>
      <c r="AH43" s="772"/>
      <c r="AI43" s="772"/>
      <c r="AJ43" s="772"/>
      <c r="AK43" s="772"/>
      <c r="AL43" s="773"/>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752"/>
      <c r="B44" s="753"/>
      <c r="C44" s="753"/>
      <c r="D44" s="753"/>
      <c r="E44" s="753"/>
      <c r="F44" s="753"/>
      <c r="G44" s="753"/>
      <c r="H44" s="753"/>
      <c r="I44" s="753"/>
      <c r="J44" s="753"/>
      <c r="K44" s="753"/>
      <c r="L44" s="753"/>
      <c r="M44" s="754"/>
      <c r="N44" s="140"/>
      <c r="O44" s="771"/>
      <c r="P44" s="772"/>
      <c r="Q44" s="772"/>
      <c r="R44" s="772"/>
      <c r="S44" s="772"/>
      <c r="T44" s="772"/>
      <c r="U44" s="772"/>
      <c r="V44" s="772"/>
      <c r="W44" s="772"/>
      <c r="X44" s="772"/>
      <c r="Y44" s="772"/>
      <c r="Z44" s="772"/>
      <c r="AA44" s="772"/>
      <c r="AB44" s="772"/>
      <c r="AC44" s="772"/>
      <c r="AD44" s="772"/>
      <c r="AE44" s="772"/>
      <c r="AF44" s="772"/>
      <c r="AG44" s="772"/>
      <c r="AH44" s="772"/>
      <c r="AI44" s="772"/>
      <c r="AJ44" s="772"/>
      <c r="AK44" s="772"/>
      <c r="AL44" s="773"/>
      <c r="AM44" s="5"/>
      <c r="AN44" s="764">
        <v>1312.6</v>
      </c>
      <c r="AO44" s="765"/>
      <c r="AP44" s="765"/>
      <c r="AQ44" s="765"/>
      <c r="AR44" s="765"/>
      <c r="AS44" s="727" t="s">
        <v>383</v>
      </c>
      <c r="AT44" s="727"/>
      <c r="AU44" s="727"/>
      <c r="AV44" s="728"/>
      <c r="AW44" s="879">
        <v>41</v>
      </c>
      <c r="AX44" s="880"/>
      <c r="AY44" s="880"/>
      <c r="AZ44" s="880"/>
      <c r="BA44" s="880"/>
      <c r="BB44" s="880"/>
      <c r="BC44" s="706" t="s">
        <v>384</v>
      </c>
      <c r="BD44" s="706"/>
      <c r="BE44" s="706"/>
      <c r="BF44" s="707"/>
      <c r="BG44" s="729">
        <v>87.6</v>
      </c>
      <c r="BH44" s="730"/>
      <c r="BI44" s="730"/>
      <c r="BJ44" s="730"/>
      <c r="BK44" s="730"/>
      <c r="BL44" s="730"/>
      <c r="BM44" s="706" t="s">
        <v>384</v>
      </c>
      <c r="BN44" s="706"/>
      <c r="BO44" s="706"/>
      <c r="BP44" s="707"/>
      <c r="BQ44" s="130"/>
      <c r="BR44" s="714">
        <v>32.06</v>
      </c>
      <c r="BS44" s="715"/>
      <c r="BT44" s="715"/>
      <c r="BU44" s="715"/>
      <c r="BV44" s="715"/>
      <c r="BW44" s="715"/>
      <c r="BX44" s="715"/>
      <c r="BY44" s="696" t="s">
        <v>385</v>
      </c>
      <c r="BZ44" s="696"/>
      <c r="CA44" s="696"/>
      <c r="CB44" s="697"/>
      <c r="CC44" s="718">
        <v>729</v>
      </c>
      <c r="CD44" s="719"/>
      <c r="CE44" s="719"/>
      <c r="CF44" s="719"/>
      <c r="CG44" s="719"/>
      <c r="CH44" s="719"/>
      <c r="CI44" s="719"/>
      <c r="CJ44" s="696" t="s">
        <v>386</v>
      </c>
      <c r="CK44" s="696"/>
      <c r="CL44" s="696"/>
      <c r="CM44" s="697"/>
    </row>
    <row r="45" spans="1:100" ht="17.25" customHeight="1" x14ac:dyDescent="0.15">
      <c r="A45" s="752"/>
      <c r="B45" s="753"/>
      <c r="C45" s="753"/>
      <c r="D45" s="753"/>
      <c r="E45" s="753"/>
      <c r="F45" s="753"/>
      <c r="G45" s="753"/>
      <c r="H45" s="753"/>
      <c r="I45" s="753"/>
      <c r="J45" s="753"/>
      <c r="K45" s="753"/>
      <c r="L45" s="753"/>
      <c r="M45" s="754"/>
      <c r="N45" s="84"/>
      <c r="O45" s="752"/>
      <c r="P45" s="753"/>
      <c r="Q45" s="753"/>
      <c r="R45" s="753"/>
      <c r="S45" s="753"/>
      <c r="T45" s="753"/>
      <c r="U45" s="753"/>
      <c r="V45" s="753"/>
      <c r="W45" s="753"/>
      <c r="X45" s="753"/>
      <c r="Y45" s="753"/>
      <c r="Z45" s="753"/>
      <c r="AA45" s="753"/>
      <c r="AB45" s="753"/>
      <c r="AC45" s="753"/>
      <c r="AD45" s="753"/>
      <c r="AE45" s="753"/>
      <c r="AF45" s="753"/>
      <c r="AG45" s="753"/>
      <c r="AH45" s="753"/>
      <c r="AI45" s="753"/>
      <c r="AJ45" s="753"/>
      <c r="AK45" s="753"/>
      <c r="AL45" s="754"/>
      <c r="AM45" s="5"/>
      <c r="AN45" s="766"/>
      <c r="AO45" s="767"/>
      <c r="AP45" s="767"/>
      <c r="AQ45" s="767"/>
      <c r="AR45" s="767"/>
      <c r="AS45" s="282"/>
      <c r="AT45" s="282"/>
      <c r="AU45" s="282"/>
      <c r="AV45" s="283"/>
      <c r="AW45" s="881"/>
      <c r="AX45" s="882"/>
      <c r="AY45" s="882"/>
      <c r="AZ45" s="882"/>
      <c r="BA45" s="882"/>
      <c r="BB45" s="882"/>
      <c r="BC45" s="708"/>
      <c r="BD45" s="708"/>
      <c r="BE45" s="708"/>
      <c r="BF45" s="709"/>
      <c r="BG45" s="731"/>
      <c r="BH45" s="732"/>
      <c r="BI45" s="732"/>
      <c r="BJ45" s="732"/>
      <c r="BK45" s="732"/>
      <c r="BL45" s="732"/>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752"/>
      <c r="B46" s="753"/>
      <c r="C46" s="753"/>
      <c r="D46" s="753"/>
      <c r="E46" s="753"/>
      <c r="F46" s="753"/>
      <c r="G46" s="753"/>
      <c r="H46" s="753"/>
      <c r="I46" s="753"/>
      <c r="J46" s="753"/>
      <c r="K46" s="753"/>
      <c r="L46" s="753"/>
      <c r="M46" s="754"/>
      <c r="N46" s="140"/>
      <c r="O46" s="752"/>
      <c r="P46" s="753"/>
      <c r="Q46" s="753"/>
      <c r="R46" s="753"/>
      <c r="S46" s="753"/>
      <c r="T46" s="753"/>
      <c r="U46" s="753"/>
      <c r="V46" s="753"/>
      <c r="W46" s="753"/>
      <c r="X46" s="753"/>
      <c r="Y46" s="753"/>
      <c r="Z46" s="753"/>
      <c r="AA46" s="753"/>
      <c r="AB46" s="753"/>
      <c r="AC46" s="753"/>
      <c r="AD46" s="753"/>
      <c r="AE46" s="753"/>
      <c r="AF46" s="753"/>
      <c r="AG46" s="753"/>
      <c r="AH46" s="753"/>
      <c r="AI46" s="753"/>
      <c r="AJ46" s="753"/>
      <c r="AK46" s="753"/>
      <c r="AL46" s="754"/>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752"/>
      <c r="B47" s="753"/>
      <c r="C47" s="753"/>
      <c r="D47" s="753"/>
      <c r="E47" s="753"/>
      <c r="F47" s="753"/>
      <c r="G47" s="753"/>
      <c r="H47" s="753"/>
      <c r="I47" s="753"/>
      <c r="J47" s="753"/>
      <c r="K47" s="753"/>
      <c r="L47" s="753"/>
      <c r="M47" s="754"/>
      <c r="N47" s="84"/>
      <c r="O47" s="752"/>
      <c r="P47" s="753"/>
      <c r="Q47" s="753"/>
      <c r="R47" s="753"/>
      <c r="S47" s="753"/>
      <c r="T47" s="753"/>
      <c r="U47" s="753"/>
      <c r="V47" s="753"/>
      <c r="W47" s="753"/>
      <c r="X47" s="753"/>
      <c r="Y47" s="753"/>
      <c r="Z47" s="753"/>
      <c r="AA47" s="753"/>
      <c r="AB47" s="753"/>
      <c r="AC47" s="753"/>
      <c r="AD47" s="753"/>
      <c r="AE47" s="753"/>
      <c r="AF47" s="753"/>
      <c r="AG47" s="753"/>
      <c r="AH47" s="753"/>
      <c r="AI47" s="753"/>
      <c r="AJ47" s="753"/>
      <c r="AK47" s="753"/>
      <c r="AL47" s="754"/>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752"/>
      <c r="B48" s="753"/>
      <c r="C48" s="753"/>
      <c r="D48" s="753"/>
      <c r="E48" s="753"/>
      <c r="F48" s="753"/>
      <c r="G48" s="753"/>
      <c r="H48" s="753"/>
      <c r="I48" s="753"/>
      <c r="J48" s="753"/>
      <c r="K48" s="753"/>
      <c r="L48" s="753"/>
      <c r="M48" s="754"/>
      <c r="N48" s="84"/>
      <c r="O48" s="752"/>
      <c r="P48" s="753"/>
      <c r="Q48" s="753"/>
      <c r="R48" s="753"/>
      <c r="S48" s="753"/>
      <c r="T48" s="753"/>
      <c r="U48" s="753"/>
      <c r="V48" s="753"/>
      <c r="W48" s="753"/>
      <c r="X48" s="753"/>
      <c r="Y48" s="753"/>
      <c r="Z48" s="753"/>
      <c r="AA48" s="753"/>
      <c r="AB48" s="753"/>
      <c r="AC48" s="753"/>
      <c r="AD48" s="753"/>
      <c r="AE48" s="753"/>
      <c r="AF48" s="753"/>
      <c r="AG48" s="753"/>
      <c r="AH48" s="753"/>
      <c r="AI48" s="753"/>
      <c r="AJ48" s="753"/>
      <c r="AK48" s="753"/>
      <c r="AL48" s="754"/>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752"/>
      <c r="B49" s="753"/>
      <c r="C49" s="753"/>
      <c r="D49" s="753"/>
      <c r="E49" s="753"/>
      <c r="F49" s="753"/>
      <c r="G49" s="753"/>
      <c r="H49" s="753"/>
      <c r="I49" s="753"/>
      <c r="J49" s="753"/>
      <c r="K49" s="753"/>
      <c r="L49" s="753"/>
      <c r="M49" s="754"/>
      <c r="N49" s="84"/>
      <c r="O49" s="752"/>
      <c r="P49" s="753"/>
      <c r="Q49" s="753"/>
      <c r="R49" s="753"/>
      <c r="S49" s="753"/>
      <c r="T49" s="753"/>
      <c r="U49" s="753"/>
      <c r="V49" s="753"/>
      <c r="W49" s="753"/>
      <c r="X49" s="753"/>
      <c r="Y49" s="753"/>
      <c r="Z49" s="753"/>
      <c r="AA49" s="753"/>
      <c r="AB49" s="753"/>
      <c r="AC49" s="753"/>
      <c r="AD49" s="753"/>
      <c r="AE49" s="753"/>
      <c r="AF49" s="753"/>
      <c r="AG49" s="753"/>
      <c r="AH49" s="753"/>
      <c r="AI49" s="753"/>
      <c r="AJ49" s="753"/>
      <c r="AK49" s="753"/>
      <c r="AL49" s="754"/>
      <c r="AM49" s="5"/>
      <c r="AN49" s="223">
        <v>10611.200999999999</v>
      </c>
      <c r="AO49" s="224"/>
      <c r="AP49" s="224"/>
      <c r="AQ49" s="224"/>
      <c r="AR49" s="224"/>
      <c r="AS49" s="224"/>
      <c r="AT49" s="225"/>
      <c r="AU49" s="229">
        <v>0.54300000000000004</v>
      </c>
      <c r="AV49" s="230"/>
      <c r="AW49" s="230"/>
      <c r="AX49" s="230"/>
      <c r="AY49" s="231"/>
      <c r="AZ49" s="210">
        <v>14.9</v>
      </c>
      <c r="BA49" s="211"/>
      <c r="BB49" s="211"/>
      <c r="BC49" s="211"/>
      <c r="BD49" s="212"/>
      <c r="BE49" s="210">
        <v>11.7</v>
      </c>
      <c r="BF49" s="211"/>
      <c r="BG49" s="211"/>
      <c r="BH49" s="211"/>
      <c r="BI49" s="212"/>
      <c r="BJ49" s="210">
        <v>92.1</v>
      </c>
      <c r="BK49" s="211"/>
      <c r="BL49" s="211"/>
      <c r="BM49" s="211"/>
      <c r="BN49" s="212"/>
      <c r="BO49" s="210">
        <v>2.6</v>
      </c>
      <c r="BP49" s="211"/>
      <c r="BQ49" s="211"/>
      <c r="BR49" s="211"/>
      <c r="BS49" s="212"/>
      <c r="BT49" s="210">
        <v>100.4</v>
      </c>
      <c r="BU49" s="211"/>
      <c r="BV49" s="211"/>
      <c r="BW49" s="211"/>
      <c r="BX49" s="212"/>
      <c r="BY49" s="210">
        <v>11.4</v>
      </c>
      <c r="BZ49" s="211"/>
      <c r="CA49" s="211"/>
      <c r="CB49" s="211"/>
      <c r="CC49" s="212"/>
      <c r="CD49" s="210">
        <v>50.2</v>
      </c>
      <c r="CE49" s="211"/>
      <c r="CF49" s="211"/>
      <c r="CG49" s="211"/>
      <c r="CH49" s="212"/>
      <c r="CI49" s="210">
        <v>40.5</v>
      </c>
      <c r="CJ49" s="211"/>
      <c r="CK49" s="211"/>
      <c r="CL49" s="211"/>
      <c r="CM49" s="212"/>
    </row>
    <row r="50" spans="1:91" ht="17.25" customHeight="1" x14ac:dyDescent="0.15">
      <c r="A50" s="755"/>
      <c r="B50" s="756"/>
      <c r="C50" s="756"/>
      <c r="D50" s="756"/>
      <c r="E50" s="756"/>
      <c r="F50" s="756"/>
      <c r="G50" s="756"/>
      <c r="H50" s="756"/>
      <c r="I50" s="756"/>
      <c r="J50" s="756"/>
      <c r="K50" s="756"/>
      <c r="L50" s="756"/>
      <c r="M50" s="757"/>
      <c r="N50" s="84"/>
      <c r="O50" s="755"/>
      <c r="P50" s="756"/>
      <c r="Q50" s="756"/>
      <c r="R50" s="756"/>
      <c r="S50" s="756"/>
      <c r="T50" s="756"/>
      <c r="U50" s="756"/>
      <c r="V50" s="756"/>
      <c r="W50" s="756"/>
      <c r="X50" s="756"/>
      <c r="Y50" s="756"/>
      <c r="Z50" s="756"/>
      <c r="AA50" s="756"/>
      <c r="AB50" s="756"/>
      <c r="AC50" s="756"/>
      <c r="AD50" s="756"/>
      <c r="AE50" s="756"/>
      <c r="AF50" s="756"/>
      <c r="AG50" s="756"/>
      <c r="AH50" s="756"/>
      <c r="AI50" s="756"/>
      <c r="AJ50" s="756"/>
      <c r="AK50" s="756"/>
      <c r="AL50" s="757"/>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88">
    <mergeCell ref="AN10:AS12"/>
    <mergeCell ref="AT10:CM12"/>
    <mergeCell ref="A11:D11"/>
    <mergeCell ref="E11:AL11"/>
    <mergeCell ref="A12:E13"/>
    <mergeCell ref="Y15:AL15"/>
    <mergeCell ref="AT16:CM18"/>
    <mergeCell ref="F17:M18"/>
    <mergeCell ref="Q17:T17"/>
    <mergeCell ref="U17:X17"/>
    <mergeCell ref="E9:AL10"/>
    <mergeCell ref="A9:D10"/>
    <mergeCell ref="AN9:CM9"/>
    <mergeCell ref="A16:E21"/>
    <mergeCell ref="F16:M16"/>
    <mergeCell ref="Q16:T16"/>
    <mergeCell ref="U16:X16"/>
    <mergeCell ref="Y16:AL16"/>
    <mergeCell ref="F12:M12"/>
    <mergeCell ref="N12:N27"/>
    <mergeCell ref="AN13:AS15"/>
    <mergeCell ref="AT13:CM15"/>
    <mergeCell ref="A14:E14"/>
    <mergeCell ref="Q14:T14"/>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U14:X14"/>
    <mergeCell ref="Y14:AL14"/>
    <mergeCell ref="A15:E15"/>
    <mergeCell ref="F15:M15"/>
    <mergeCell ref="Q15:T15"/>
    <mergeCell ref="U15:X15"/>
    <mergeCell ref="O12:P21"/>
    <mergeCell ref="Q12:T12"/>
    <mergeCell ref="U12:AL12"/>
    <mergeCell ref="F13:M14"/>
    <mergeCell ref="Q13:T13"/>
    <mergeCell ref="U13:X13"/>
    <mergeCell ref="Y13:AL13"/>
    <mergeCell ref="AN16:AS18"/>
    <mergeCell ref="F19:M19"/>
    <mergeCell ref="Q19:T19"/>
    <mergeCell ref="U19:X19"/>
    <mergeCell ref="Y19:AL19"/>
    <mergeCell ref="AN19:AS21"/>
    <mergeCell ref="AT19:CM21"/>
    <mergeCell ref="F20:M21"/>
    <mergeCell ref="Q20:T20"/>
    <mergeCell ref="U20:X20"/>
    <mergeCell ref="Y20:AL20"/>
    <mergeCell ref="Q21:AL21"/>
    <mergeCell ref="Y17:AL17"/>
    <mergeCell ref="Q18:T18"/>
    <mergeCell ref="U18:X18"/>
    <mergeCell ref="Y18:AL18"/>
    <mergeCell ref="BY37:CG38"/>
    <mergeCell ref="CH37:CM38"/>
    <mergeCell ref="A38:M38"/>
    <mergeCell ref="BY31:CG32"/>
    <mergeCell ref="AO29:BP29"/>
    <mergeCell ref="AO30:BP30"/>
    <mergeCell ref="AO31:BP31"/>
    <mergeCell ref="AO32:BP33"/>
    <mergeCell ref="A25:E27"/>
    <mergeCell ref="F25:M25"/>
    <mergeCell ref="Q25:AL25"/>
    <mergeCell ref="F26:M27"/>
    <mergeCell ref="O26:P27"/>
    <mergeCell ref="Q26:AL26"/>
    <mergeCell ref="Q27:AL27"/>
    <mergeCell ref="AW37:BF38"/>
    <mergeCell ref="AN35:AV36"/>
    <mergeCell ref="AW35:BF36"/>
    <mergeCell ref="CH35:CM36"/>
    <mergeCell ref="O38:AL38"/>
    <mergeCell ref="A36:M36"/>
    <mergeCell ref="O36:AL36"/>
    <mergeCell ref="A37:M37"/>
    <mergeCell ref="O37:AL37"/>
    <mergeCell ref="A22:E24"/>
    <mergeCell ref="BG37:BP38"/>
    <mergeCell ref="F22:M22"/>
    <mergeCell ref="O22:P23"/>
    <mergeCell ref="Q22:AL22"/>
    <mergeCell ref="BR37:BX38"/>
    <mergeCell ref="AN22:CM22"/>
    <mergeCell ref="F23:M24"/>
    <mergeCell ref="Q23:AL23"/>
    <mergeCell ref="O24:P25"/>
    <mergeCell ref="Q24:AL24"/>
    <mergeCell ref="CH31:CM32"/>
    <mergeCell ref="BR33:BX34"/>
    <mergeCell ref="BY33:CG34"/>
    <mergeCell ref="CH33:CM34"/>
    <mergeCell ref="AN34:BO34"/>
    <mergeCell ref="A28:AL28"/>
    <mergeCell ref="AN28:BP28"/>
    <mergeCell ref="A29:AL35"/>
    <mergeCell ref="BY30:CI30"/>
    <mergeCell ref="BR31:BX32"/>
    <mergeCell ref="BG35:BP36"/>
    <mergeCell ref="BR35:BX36"/>
    <mergeCell ref="BY35:CG36"/>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CD46:CM46"/>
    <mergeCell ref="BC44:BF45"/>
    <mergeCell ref="BG44:BL45"/>
    <mergeCell ref="BM44:BP45"/>
    <mergeCell ref="BR44:BX45"/>
    <mergeCell ref="BY44:CB45"/>
    <mergeCell ref="CC44:CI45"/>
    <mergeCell ref="AN37:AV38"/>
    <mergeCell ref="A43:M43"/>
    <mergeCell ref="O43:AL43"/>
    <mergeCell ref="A44:M44"/>
    <mergeCell ref="O44:AL44"/>
    <mergeCell ref="AN44:AR45"/>
    <mergeCell ref="AS44:AV45"/>
    <mergeCell ref="AW44:BB45"/>
    <mergeCell ref="A42:M42"/>
    <mergeCell ref="O42:AL42"/>
    <mergeCell ref="AN42:AV43"/>
    <mergeCell ref="AW42:BF43"/>
    <mergeCell ref="BG42:BP43"/>
    <mergeCell ref="CJ44:CM45"/>
    <mergeCell ref="A45:M45"/>
    <mergeCell ref="O45:AL45"/>
    <mergeCell ref="BY39:CG40"/>
    <mergeCell ref="AN47:AT48"/>
    <mergeCell ref="AU47:AY48"/>
    <mergeCell ref="AZ47:BD48"/>
    <mergeCell ref="BE47:BI48"/>
    <mergeCell ref="A48:M48"/>
    <mergeCell ref="O48:AL48"/>
    <mergeCell ref="A46:M46"/>
    <mergeCell ref="O46:AL46"/>
    <mergeCell ref="AN46:AV46"/>
    <mergeCell ref="AW46:BD46"/>
    <mergeCell ref="BR42:CB43"/>
    <mergeCell ref="CC42:CM43"/>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s>
  <phoneticPr fontId="3"/>
  <hyperlinks>
    <hyperlink ref="E11:AL11" r:id="rId1" display="http://www.city.miura.kanagawa.jp/"/>
  </hyperlinks>
  <printOptions horizontalCentered="1" verticalCentered="1"/>
  <pageMargins left="0.19685039370078741" right="0.19685039370078741" top="0.59055118110236227" bottom="0.59055118110236227" header="0.51181102362204722" footer="0.19685039370078741"/>
  <pageSetup paperSize="9" scale="62" fitToWidth="2" orientation="landscape" useFirstPageNumber="1" r:id="rId2"/>
  <headerFooter alignWithMargins="0">
    <oddFooter>&amp;C&amp;"ＭＳ 明朝,標準"―11―</oddFooter>
  </headerFooter>
  <drawing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0"/>
  <sheetViews>
    <sheetView showZeros="0" tabSelected="1" view="pageBreakPreview"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501" t="s" ph="1">
        <v>10</v>
      </c>
      <c r="B1" s="502"/>
      <c r="C1" s="502"/>
      <c r="D1" s="502"/>
      <c r="E1" s="502"/>
      <c r="F1" s="502"/>
      <c r="G1" s="502"/>
      <c r="H1" s="503"/>
      <c r="I1" s="902"/>
      <c r="J1" s="903"/>
      <c r="K1" s="903"/>
      <c r="L1" s="903"/>
      <c r="M1" s="904"/>
      <c r="N1" s="466" t="s">
        <v>121</v>
      </c>
      <c r="O1" s="467"/>
      <c r="P1" s="467"/>
      <c r="Q1" s="467"/>
      <c r="R1" s="467"/>
      <c r="S1" s="467"/>
      <c r="T1" s="467"/>
      <c r="U1" s="467"/>
      <c r="V1" s="467"/>
      <c r="W1" s="467"/>
      <c r="X1" s="467"/>
      <c r="Y1" s="467"/>
      <c r="Z1" s="467"/>
      <c r="AA1" s="467"/>
      <c r="AB1" s="467"/>
      <c r="AC1" s="467"/>
      <c r="AD1" s="467"/>
      <c r="AE1" s="467"/>
      <c r="AF1" s="467"/>
      <c r="AG1" s="467"/>
      <c r="AH1" s="467"/>
      <c r="AI1" s="467"/>
      <c r="AJ1" s="467"/>
      <c r="AK1" s="467"/>
      <c r="AL1" s="468"/>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504"/>
      <c r="B2" s="505"/>
      <c r="C2" s="505"/>
      <c r="D2" s="505"/>
      <c r="E2" s="505"/>
      <c r="F2" s="505"/>
      <c r="G2" s="505"/>
      <c r="H2" s="506"/>
      <c r="I2" s="905"/>
      <c r="J2" s="906"/>
      <c r="K2" s="906"/>
      <c r="L2" s="906"/>
      <c r="M2" s="907"/>
      <c r="N2" s="469"/>
      <c r="O2" s="470"/>
      <c r="P2" s="470"/>
      <c r="Q2" s="470"/>
      <c r="R2" s="470"/>
      <c r="S2" s="470"/>
      <c r="T2" s="470"/>
      <c r="U2" s="470"/>
      <c r="V2" s="470"/>
      <c r="W2" s="470"/>
      <c r="X2" s="470"/>
      <c r="Y2" s="470"/>
      <c r="Z2" s="470"/>
      <c r="AA2" s="470"/>
      <c r="AB2" s="470"/>
      <c r="AC2" s="470"/>
      <c r="AD2" s="470"/>
      <c r="AE2" s="470"/>
      <c r="AF2" s="470"/>
      <c r="AG2" s="470"/>
      <c r="AH2" s="470"/>
      <c r="AI2" s="470"/>
      <c r="AJ2" s="470"/>
      <c r="AK2" s="470"/>
      <c r="AL2" s="471"/>
      <c r="AM2" s="5"/>
      <c r="AN2" s="466" t="s">
        <v>1110</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504"/>
      <c r="B3" s="505"/>
      <c r="C3" s="505"/>
      <c r="D3" s="505"/>
      <c r="E3" s="505"/>
      <c r="F3" s="505"/>
      <c r="G3" s="505"/>
      <c r="H3" s="506"/>
      <c r="I3" s="905"/>
      <c r="J3" s="906"/>
      <c r="K3" s="906"/>
      <c r="L3" s="906"/>
      <c r="M3" s="907"/>
      <c r="N3" s="469"/>
      <c r="O3" s="470"/>
      <c r="P3" s="470"/>
      <c r="Q3" s="470"/>
      <c r="R3" s="470"/>
      <c r="S3" s="470"/>
      <c r="T3" s="470"/>
      <c r="U3" s="470"/>
      <c r="V3" s="470"/>
      <c r="W3" s="470"/>
      <c r="X3" s="470"/>
      <c r="Y3" s="470"/>
      <c r="Z3" s="470"/>
      <c r="AA3" s="470"/>
      <c r="AB3" s="470"/>
      <c r="AC3" s="470"/>
      <c r="AD3" s="470"/>
      <c r="AE3" s="470"/>
      <c r="AF3" s="470"/>
      <c r="AG3" s="470"/>
      <c r="AH3" s="470"/>
      <c r="AI3" s="470"/>
      <c r="AJ3" s="470"/>
      <c r="AK3" s="470"/>
      <c r="AL3" s="471"/>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507"/>
      <c r="B4" s="508"/>
      <c r="C4" s="508"/>
      <c r="D4" s="508"/>
      <c r="E4" s="508"/>
      <c r="F4" s="508"/>
      <c r="G4" s="508"/>
      <c r="H4" s="509"/>
      <c r="I4" s="905"/>
      <c r="J4" s="906"/>
      <c r="K4" s="906"/>
      <c r="L4" s="906"/>
      <c r="M4" s="907"/>
      <c r="N4" s="469"/>
      <c r="O4" s="470"/>
      <c r="P4" s="470"/>
      <c r="Q4" s="470"/>
      <c r="R4" s="470"/>
      <c r="S4" s="470"/>
      <c r="T4" s="470"/>
      <c r="U4" s="470"/>
      <c r="V4" s="470"/>
      <c r="W4" s="470"/>
      <c r="X4" s="470"/>
      <c r="Y4" s="470"/>
      <c r="Z4" s="470"/>
      <c r="AA4" s="470"/>
      <c r="AB4" s="470"/>
      <c r="AC4" s="470"/>
      <c r="AD4" s="470"/>
      <c r="AE4" s="470"/>
      <c r="AF4" s="470"/>
      <c r="AG4" s="470"/>
      <c r="AH4" s="470"/>
      <c r="AI4" s="470"/>
      <c r="AJ4" s="470"/>
      <c r="AK4" s="470"/>
      <c r="AL4" s="471"/>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641" t="s">
        <v>236</v>
      </c>
      <c r="B5" s="641"/>
      <c r="C5" s="641"/>
      <c r="D5" s="641"/>
      <c r="E5" s="458">
        <v>142115</v>
      </c>
      <c r="F5" s="458"/>
      <c r="G5" s="458"/>
      <c r="H5" s="478"/>
      <c r="I5" s="905"/>
      <c r="J5" s="906"/>
      <c r="K5" s="906"/>
      <c r="L5" s="906"/>
      <c r="M5" s="907"/>
      <c r="N5" s="459" t="s">
        <v>122</v>
      </c>
      <c r="O5" s="459"/>
      <c r="P5" s="459"/>
      <c r="Q5" s="459"/>
      <c r="R5" s="459"/>
      <c r="S5" s="459"/>
      <c r="T5" s="459"/>
      <c r="U5" s="459"/>
      <c r="V5" s="459"/>
      <c r="W5" s="459"/>
      <c r="X5" s="459"/>
      <c r="Y5" s="459"/>
      <c r="Z5" s="459"/>
      <c r="AA5" s="459"/>
      <c r="AB5" s="459"/>
      <c r="AC5" s="459"/>
      <c r="AD5" s="459"/>
      <c r="AE5" s="459"/>
      <c r="AF5" s="459"/>
      <c r="AG5" s="459"/>
      <c r="AH5" s="459"/>
      <c r="AI5" s="459"/>
      <c r="AJ5" s="459"/>
      <c r="AK5" s="459"/>
      <c r="AL5" s="459"/>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428" t="s">
        <v>237</v>
      </c>
      <c r="B6" s="428"/>
      <c r="C6" s="428"/>
      <c r="D6" s="428"/>
      <c r="E6" s="428"/>
      <c r="F6" s="428"/>
      <c r="G6" s="428"/>
      <c r="H6" s="428"/>
      <c r="I6" s="973" t="s" ph="1">
        <v>767</v>
      </c>
      <c r="J6" s="974" ph="1"/>
      <c r="K6" s="974" ph="1"/>
      <c r="L6" s="974" ph="1"/>
      <c r="M6" s="974" ph="1"/>
      <c r="N6" s="974" ph="1"/>
      <c r="O6" s="974" ph="1"/>
      <c r="P6" s="974" ph="1"/>
      <c r="Q6" s="974" ph="1"/>
      <c r="R6" s="974" ph="1"/>
      <c r="S6" s="974" ph="1"/>
      <c r="T6" s="974" ph="1"/>
      <c r="U6" s="974" ph="1"/>
      <c r="V6" s="974" ph="1"/>
      <c r="W6" s="974" ph="1"/>
      <c r="X6" s="974" ph="1"/>
      <c r="Y6" s="974" ph="1"/>
      <c r="Z6" s="974" ph="1"/>
      <c r="AA6" s="974" ph="1"/>
      <c r="AB6" s="974" ph="1"/>
      <c r="AC6" s="974" ph="1"/>
      <c r="AD6" s="974" ph="1"/>
      <c r="AE6" s="974" ph="1"/>
      <c r="AF6" s="974" ph="1"/>
      <c r="AG6" s="974" ph="1"/>
      <c r="AH6" s="974" ph="1"/>
      <c r="AI6" s="974" ph="1"/>
      <c r="AJ6" s="974" ph="1"/>
      <c r="AK6" s="974" ph="1"/>
      <c r="AL6" s="975" ph="1"/>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28"/>
      <c r="B7" s="428"/>
      <c r="C7" s="428"/>
      <c r="D7" s="428"/>
      <c r="E7" s="428"/>
      <c r="F7" s="428"/>
      <c r="G7" s="428"/>
      <c r="H7" s="428"/>
      <c r="I7" s="433" ph="1"/>
      <c r="J7" s="434" ph="1"/>
      <c r="K7" s="434" ph="1"/>
      <c r="L7" s="434" ph="1"/>
      <c r="M7" s="434" ph="1"/>
      <c r="N7" s="434" ph="1"/>
      <c r="O7" s="434" ph="1"/>
      <c r="P7" s="434" ph="1"/>
      <c r="Q7" s="434" ph="1"/>
      <c r="R7" s="434" ph="1"/>
      <c r="S7" s="434" ph="1"/>
      <c r="T7" s="434" ph="1"/>
      <c r="U7" s="434" ph="1"/>
      <c r="V7" s="434" ph="1"/>
      <c r="W7" s="434" ph="1"/>
      <c r="X7" s="434" ph="1"/>
      <c r="Y7" s="434" ph="1"/>
      <c r="Z7" s="434" ph="1"/>
      <c r="AA7" s="434" ph="1"/>
      <c r="AB7" s="434" ph="1"/>
      <c r="AC7" s="434" ph="1"/>
      <c r="AD7" s="434" ph="1"/>
      <c r="AE7" s="434" ph="1"/>
      <c r="AF7" s="434" ph="1"/>
      <c r="AG7" s="434" ph="1"/>
      <c r="AH7" s="434" ph="1"/>
      <c r="AI7" s="434" ph="1"/>
      <c r="AJ7" s="434" ph="1"/>
      <c r="AK7" s="434" ph="1"/>
      <c r="AL7" s="435" ph="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t="s">
        <v>238</v>
      </c>
      <c r="B8" s="406"/>
      <c r="C8" s="406"/>
      <c r="D8" s="407"/>
      <c r="E8" s="65" t="s">
        <v>0</v>
      </c>
      <c r="F8" s="492" t="s">
        <v>1</v>
      </c>
      <c r="G8" s="492"/>
      <c r="H8" s="492"/>
      <c r="I8" s="492"/>
      <c r="J8" s="492"/>
      <c r="K8" s="492"/>
      <c r="L8" s="493"/>
      <c r="M8" s="642"/>
      <c r="N8" s="642"/>
      <c r="O8" s="642"/>
      <c r="P8" s="642"/>
      <c r="Q8" s="642"/>
      <c r="R8" s="642"/>
      <c r="S8" s="642"/>
      <c r="T8" s="642"/>
      <c r="U8" s="642"/>
      <c r="V8" s="642"/>
      <c r="W8" s="642"/>
      <c r="X8" s="642"/>
      <c r="Y8" s="643"/>
      <c r="Z8" s="332" t="s">
        <v>239</v>
      </c>
      <c r="AA8" s="332"/>
      <c r="AB8" s="332"/>
      <c r="AC8" s="431" t="s">
        <v>2</v>
      </c>
      <c r="AD8" s="431"/>
      <c r="AE8" s="431"/>
      <c r="AF8" s="431"/>
      <c r="AG8" s="431"/>
      <c r="AH8" s="431"/>
      <c r="AI8" s="431"/>
      <c r="AJ8" s="431"/>
      <c r="AK8" s="431"/>
      <c r="AL8" s="431"/>
      <c r="AM8" s="5"/>
      <c r="AN8" s="472"/>
      <c r="AO8" s="473"/>
      <c r="AP8" s="473"/>
      <c r="AQ8" s="473"/>
      <c r="AR8" s="473"/>
      <c r="AS8" s="473"/>
      <c r="AT8" s="473"/>
      <c r="AU8" s="473"/>
      <c r="AV8" s="473"/>
      <c r="AW8" s="473"/>
      <c r="AX8" s="473"/>
      <c r="AY8" s="473"/>
      <c r="AZ8" s="473"/>
      <c r="BA8" s="473"/>
      <c r="BB8" s="473"/>
      <c r="BC8" s="473"/>
      <c r="BD8" s="473"/>
      <c r="BE8" s="473"/>
      <c r="BF8" s="473"/>
      <c r="BG8" s="473"/>
      <c r="BH8" s="473"/>
      <c r="BI8" s="473"/>
      <c r="BJ8" s="473"/>
      <c r="BK8" s="473"/>
      <c r="BL8" s="473"/>
      <c r="BM8" s="473"/>
      <c r="BN8" s="473"/>
      <c r="BO8" s="473"/>
      <c r="BP8" s="473"/>
      <c r="BQ8" s="473"/>
      <c r="BR8" s="473"/>
      <c r="BS8" s="473"/>
      <c r="BT8" s="473"/>
      <c r="BU8" s="473"/>
      <c r="BV8" s="473"/>
      <c r="BW8" s="473"/>
      <c r="BX8" s="473"/>
      <c r="BY8" s="473"/>
      <c r="BZ8" s="473"/>
      <c r="CA8" s="473"/>
      <c r="CB8" s="473"/>
      <c r="CC8" s="473"/>
      <c r="CD8" s="473"/>
      <c r="CE8" s="473"/>
      <c r="CF8" s="473"/>
      <c r="CG8" s="473"/>
      <c r="CH8" s="473"/>
      <c r="CI8" s="473"/>
      <c r="CJ8" s="473"/>
      <c r="CK8" s="473"/>
      <c r="CL8" s="473"/>
      <c r="CM8" s="474"/>
    </row>
    <row r="9" spans="1:100" ht="17.25" customHeight="1" x14ac:dyDescent="0.15">
      <c r="A9" s="405"/>
      <c r="B9" s="406"/>
      <c r="C9" s="406"/>
      <c r="D9" s="407"/>
      <c r="E9" s="433" t="s">
        <v>11</v>
      </c>
      <c r="F9" s="434"/>
      <c r="G9" s="434"/>
      <c r="H9" s="434"/>
      <c r="I9" s="434"/>
      <c r="J9" s="434"/>
      <c r="K9" s="434"/>
      <c r="L9" s="434"/>
      <c r="M9" s="434"/>
      <c r="N9" s="434"/>
      <c r="O9" s="434"/>
      <c r="P9" s="434"/>
      <c r="Q9" s="434"/>
      <c r="R9" s="434"/>
      <c r="S9" s="434"/>
      <c r="T9" s="434"/>
      <c r="U9" s="434"/>
      <c r="V9" s="434"/>
      <c r="W9" s="434"/>
      <c r="X9" s="434"/>
      <c r="Y9" s="435"/>
      <c r="Z9" s="329"/>
      <c r="AA9" s="329"/>
      <c r="AB9" s="329"/>
      <c r="AC9" s="432"/>
      <c r="AD9" s="432"/>
      <c r="AE9" s="432"/>
      <c r="AF9" s="432"/>
      <c r="AG9" s="432"/>
      <c r="AH9" s="432"/>
      <c r="AI9" s="432"/>
      <c r="AJ9" s="432"/>
      <c r="AK9" s="432"/>
      <c r="AL9" s="432"/>
      <c r="AM9" s="5"/>
      <c r="AN9" s="518" t="s">
        <v>245</v>
      </c>
      <c r="AO9" s="518"/>
      <c r="AP9" s="1096"/>
      <c r="AQ9" s="1096"/>
      <c r="AR9" s="1096"/>
      <c r="AS9" s="1096"/>
      <c r="AT9" s="1096"/>
      <c r="AU9" s="1096"/>
      <c r="AV9" s="1096"/>
      <c r="AW9" s="1096"/>
      <c r="AX9" s="1096"/>
      <c r="AY9" s="1096"/>
      <c r="AZ9" s="1096"/>
      <c r="BA9" s="1096"/>
      <c r="BB9" s="1096"/>
      <c r="BC9" s="1096"/>
      <c r="BD9" s="1096"/>
      <c r="BE9" s="1096"/>
      <c r="BF9" s="1096"/>
      <c r="BG9" s="1096"/>
      <c r="BH9" s="1096"/>
      <c r="BI9" s="1096"/>
      <c r="BJ9" s="1096"/>
      <c r="BK9" s="1096"/>
      <c r="BL9" s="1096"/>
      <c r="BM9" s="1096"/>
      <c r="BN9" s="1096"/>
      <c r="BO9" s="1096"/>
      <c r="BP9" s="1096"/>
      <c r="BQ9" s="1096"/>
      <c r="BR9" s="1096"/>
      <c r="BS9" s="1096"/>
      <c r="BT9" s="1096"/>
      <c r="BU9" s="1096"/>
      <c r="BV9" s="1096"/>
      <c r="BW9" s="1096"/>
      <c r="BX9" s="1096"/>
      <c r="BY9" s="1096"/>
      <c r="BZ9" s="1096"/>
      <c r="CA9" s="1096"/>
      <c r="CB9" s="1096"/>
      <c r="CC9" s="1096"/>
      <c r="CD9" s="1096"/>
      <c r="CE9" s="1096"/>
      <c r="CF9" s="1096"/>
      <c r="CG9" s="1096"/>
      <c r="CH9" s="1096"/>
      <c r="CI9" s="1096"/>
      <c r="CJ9" s="1096"/>
      <c r="CK9" s="1096"/>
      <c r="CL9" s="1096"/>
      <c r="CM9" s="1096"/>
    </row>
    <row r="10" spans="1:100" ht="17.25" customHeight="1" x14ac:dyDescent="0.15">
      <c r="A10" s="1061" t="s">
        <v>405</v>
      </c>
      <c r="B10" s="1062"/>
      <c r="C10" s="1062"/>
      <c r="D10" s="1063"/>
      <c r="E10" s="1097" t="s">
        <v>464</v>
      </c>
      <c r="F10" s="1097"/>
      <c r="G10" s="1097"/>
      <c r="H10" s="1097"/>
      <c r="I10" s="1097"/>
      <c r="J10" s="1097"/>
      <c r="K10" s="1097"/>
      <c r="L10" s="1097"/>
      <c r="M10" s="1097"/>
      <c r="N10" s="1097"/>
      <c r="O10" s="1097"/>
      <c r="P10" s="1097"/>
      <c r="Q10" s="1097"/>
      <c r="R10" s="1097"/>
      <c r="S10" s="1097"/>
      <c r="T10" s="1097"/>
      <c r="U10" s="1097"/>
      <c r="V10" s="1097"/>
      <c r="W10" s="1097"/>
      <c r="X10" s="1097"/>
      <c r="Y10" s="1097"/>
      <c r="Z10" s="1097"/>
      <c r="AA10" s="1097"/>
      <c r="AB10" s="1097"/>
      <c r="AC10" s="1097"/>
      <c r="AD10" s="1097"/>
      <c r="AE10" s="1097"/>
      <c r="AF10" s="1097"/>
      <c r="AG10" s="1097"/>
      <c r="AH10" s="1097"/>
      <c r="AI10" s="1097"/>
      <c r="AJ10" s="1097"/>
      <c r="AK10" s="1097"/>
      <c r="AL10" s="1098"/>
      <c r="AM10" s="5"/>
      <c r="AN10" s="300" t="s">
        <v>219</v>
      </c>
      <c r="AO10" s="300"/>
      <c r="AP10" s="300"/>
      <c r="AQ10" s="300"/>
      <c r="AR10" s="300"/>
      <c r="AS10" s="300"/>
      <c r="AT10" s="460" t="s">
        <v>1699</v>
      </c>
      <c r="AU10" s="349"/>
      <c r="AV10" s="349"/>
      <c r="AW10" s="349"/>
      <c r="AX10" s="349"/>
      <c r="AY10" s="349"/>
      <c r="AZ10" s="349"/>
      <c r="BA10" s="349"/>
      <c r="BB10" s="349"/>
      <c r="BC10" s="349"/>
      <c r="BD10" s="349"/>
      <c r="BE10" s="349"/>
      <c r="BF10" s="349"/>
      <c r="BG10" s="349"/>
      <c r="BH10" s="349"/>
      <c r="BI10" s="349"/>
      <c r="BJ10" s="349"/>
      <c r="BK10" s="349"/>
      <c r="BL10" s="349"/>
      <c r="BM10" s="349"/>
      <c r="BN10" s="349"/>
      <c r="BO10" s="349"/>
      <c r="BP10" s="349"/>
      <c r="BQ10" s="349"/>
      <c r="BR10" s="349"/>
      <c r="BS10" s="349"/>
      <c r="BT10" s="349"/>
      <c r="BU10" s="349"/>
      <c r="BV10" s="349"/>
      <c r="BW10" s="349"/>
      <c r="BX10" s="349"/>
      <c r="BY10" s="349"/>
      <c r="BZ10" s="349"/>
      <c r="CA10" s="349"/>
      <c r="CB10" s="349"/>
      <c r="CC10" s="349"/>
      <c r="CD10" s="349"/>
      <c r="CE10" s="349"/>
      <c r="CF10" s="349"/>
      <c r="CG10" s="349"/>
      <c r="CH10" s="349"/>
      <c r="CI10" s="349"/>
      <c r="CJ10" s="349"/>
      <c r="CK10" s="349"/>
      <c r="CL10" s="349"/>
      <c r="CM10" s="350"/>
    </row>
    <row r="11" spans="1:100" ht="17.25" customHeight="1" x14ac:dyDescent="0.15">
      <c r="A11" s="1064"/>
      <c r="B11" s="1065"/>
      <c r="C11" s="1065"/>
      <c r="D11" s="1066"/>
      <c r="E11" s="1099"/>
      <c r="F11" s="1099"/>
      <c r="G11" s="1099"/>
      <c r="H11" s="1099"/>
      <c r="I11" s="1099"/>
      <c r="J11" s="1099"/>
      <c r="K11" s="1099"/>
      <c r="L11" s="1099"/>
      <c r="M11" s="1099"/>
      <c r="N11" s="1099"/>
      <c r="O11" s="1099"/>
      <c r="P11" s="1099"/>
      <c r="Q11" s="1099"/>
      <c r="R11" s="1099"/>
      <c r="S11" s="1099"/>
      <c r="T11" s="1099"/>
      <c r="U11" s="1099"/>
      <c r="V11" s="1099"/>
      <c r="W11" s="1099"/>
      <c r="X11" s="1099"/>
      <c r="Y11" s="1099"/>
      <c r="Z11" s="1099"/>
      <c r="AA11" s="1099"/>
      <c r="AB11" s="1099"/>
      <c r="AC11" s="1099"/>
      <c r="AD11" s="1099"/>
      <c r="AE11" s="1099"/>
      <c r="AF11" s="1099"/>
      <c r="AG11" s="1099"/>
      <c r="AH11" s="1099"/>
      <c r="AI11" s="1099"/>
      <c r="AJ11" s="1099"/>
      <c r="AK11" s="1099"/>
      <c r="AL11" s="1100"/>
      <c r="AM11" s="5"/>
      <c r="AN11" s="300"/>
      <c r="AO11" s="300"/>
      <c r="AP11" s="300"/>
      <c r="AQ11" s="300"/>
      <c r="AR11" s="300"/>
      <c r="AS11" s="300"/>
      <c r="AT11" s="1101"/>
      <c r="AU11" s="351"/>
      <c r="AV11" s="351"/>
      <c r="AW11" s="351"/>
      <c r="AX11" s="351"/>
      <c r="AY11" s="351"/>
      <c r="AZ11" s="351"/>
      <c r="BA11" s="351"/>
      <c r="BB11" s="351"/>
      <c r="BC11" s="351"/>
      <c r="BD11" s="351"/>
      <c r="BE11" s="351"/>
      <c r="BF11" s="351"/>
      <c r="BG11" s="351"/>
      <c r="BH11" s="351"/>
      <c r="BI11" s="351"/>
      <c r="BJ11" s="351"/>
      <c r="BK11" s="351"/>
      <c r="BL11" s="351"/>
      <c r="BM11" s="351"/>
      <c r="BN11" s="351"/>
      <c r="BO11" s="351"/>
      <c r="BP11" s="351"/>
      <c r="BQ11" s="351"/>
      <c r="BR11" s="351"/>
      <c r="BS11" s="351"/>
      <c r="BT11" s="351"/>
      <c r="BU11" s="351"/>
      <c r="BV11" s="351"/>
      <c r="BW11" s="351"/>
      <c r="BX11" s="351"/>
      <c r="BY11" s="351"/>
      <c r="BZ11" s="351"/>
      <c r="CA11" s="351"/>
      <c r="CB11" s="351"/>
      <c r="CC11" s="351"/>
      <c r="CD11" s="351"/>
      <c r="CE11" s="351"/>
      <c r="CF11" s="351"/>
      <c r="CG11" s="351"/>
      <c r="CH11" s="351"/>
      <c r="CI11" s="351"/>
      <c r="CJ11" s="351"/>
      <c r="CK11" s="351"/>
      <c r="CL11" s="351"/>
      <c r="CM11" s="352"/>
      <c r="CQ11" s="3" ph="1"/>
      <c r="CR11" s="3" ph="1"/>
      <c r="CS11" s="3" ph="1"/>
      <c r="CT11" s="3" ph="1"/>
      <c r="CU11" s="3" ph="1"/>
      <c r="CV11" s="3" ph="1"/>
    </row>
    <row r="12" spans="1:100" ht="17.25" customHeight="1" x14ac:dyDescent="0.15">
      <c r="A12" s="405" t="s">
        <v>37</v>
      </c>
      <c r="B12" s="406"/>
      <c r="C12" s="406"/>
      <c r="D12" s="407"/>
      <c r="E12" s="615" t="s">
        <v>890</v>
      </c>
      <c r="F12" s="616"/>
      <c r="G12" s="616"/>
      <c r="H12" s="616"/>
      <c r="I12" s="616"/>
      <c r="J12" s="616"/>
      <c r="K12" s="616"/>
      <c r="L12" s="616"/>
      <c r="M12" s="616"/>
      <c r="N12" s="616"/>
      <c r="O12" s="616"/>
      <c r="P12" s="616"/>
      <c r="Q12" s="616"/>
      <c r="R12" s="616"/>
      <c r="S12" s="616"/>
      <c r="T12" s="616"/>
      <c r="U12" s="616"/>
      <c r="V12" s="616"/>
      <c r="W12" s="616"/>
      <c r="X12" s="616"/>
      <c r="Y12" s="616"/>
      <c r="Z12" s="616"/>
      <c r="AA12" s="616"/>
      <c r="AB12" s="616"/>
      <c r="AC12" s="616"/>
      <c r="AD12" s="616"/>
      <c r="AE12" s="616"/>
      <c r="AF12" s="616"/>
      <c r="AG12" s="616"/>
      <c r="AH12" s="616"/>
      <c r="AI12" s="616"/>
      <c r="AJ12" s="616"/>
      <c r="AK12" s="616"/>
      <c r="AL12" s="618"/>
      <c r="AM12" s="5"/>
      <c r="AN12" s="300"/>
      <c r="AO12" s="300"/>
      <c r="AP12" s="300"/>
      <c r="AQ12" s="300"/>
      <c r="AR12" s="300"/>
      <c r="AS12" s="300"/>
      <c r="AT12" s="901"/>
      <c r="AU12" s="353"/>
      <c r="AV12" s="353"/>
      <c r="AW12" s="353"/>
      <c r="AX12" s="353"/>
      <c r="AY12" s="353"/>
      <c r="AZ12" s="353"/>
      <c r="BA12" s="353"/>
      <c r="BB12" s="353"/>
      <c r="BC12" s="353"/>
      <c r="BD12" s="353"/>
      <c r="BE12" s="353"/>
      <c r="BF12" s="353"/>
      <c r="BG12" s="353"/>
      <c r="BH12" s="353"/>
      <c r="BI12" s="353"/>
      <c r="BJ12" s="353"/>
      <c r="BK12" s="353"/>
      <c r="BL12" s="353"/>
      <c r="BM12" s="353"/>
      <c r="BN12" s="353"/>
      <c r="BO12" s="353"/>
      <c r="BP12" s="353"/>
      <c r="BQ12" s="353"/>
      <c r="BR12" s="353"/>
      <c r="BS12" s="353"/>
      <c r="BT12" s="353"/>
      <c r="BU12" s="353"/>
      <c r="BV12" s="353"/>
      <c r="BW12" s="353"/>
      <c r="BX12" s="353"/>
      <c r="BY12" s="353"/>
      <c r="BZ12" s="353"/>
      <c r="CA12" s="353"/>
      <c r="CB12" s="353"/>
      <c r="CC12" s="353"/>
      <c r="CD12" s="353"/>
      <c r="CE12" s="353"/>
      <c r="CF12" s="353"/>
      <c r="CG12" s="353"/>
      <c r="CH12" s="353"/>
      <c r="CI12" s="353"/>
      <c r="CJ12" s="353"/>
      <c r="CK12" s="353"/>
      <c r="CL12" s="353"/>
      <c r="CM12" s="354"/>
      <c r="CQ12" s="3" ph="1"/>
      <c r="CR12" s="3" ph="1"/>
      <c r="CS12" s="3" ph="1"/>
      <c r="CT12" s="3" ph="1"/>
      <c r="CU12" s="3" ph="1"/>
      <c r="CV12" s="3" ph="1"/>
    </row>
    <row r="13" spans="1:100" ht="17.25" customHeight="1" x14ac:dyDescent="0.15">
      <c r="A13" s="382" t="s">
        <v>402</v>
      </c>
      <c r="B13" s="484"/>
      <c r="C13" s="484"/>
      <c r="D13" s="484"/>
      <c r="E13" s="485"/>
      <c r="F13" s="380" t="s">
        <v>891</v>
      </c>
      <c r="G13" s="381"/>
      <c r="H13" s="381"/>
      <c r="I13" s="381"/>
      <c r="J13" s="381"/>
      <c r="K13" s="381"/>
      <c r="L13" s="381"/>
      <c r="M13" s="381"/>
      <c r="N13" s="1102"/>
      <c r="O13" s="416" t="s">
        <v>892</v>
      </c>
      <c r="P13" s="417"/>
      <c r="Q13" s="534">
        <v>20090</v>
      </c>
      <c r="R13" s="423"/>
      <c r="S13" s="423"/>
      <c r="T13" s="423"/>
      <c r="U13" s="1046" t="s">
        <v>12</v>
      </c>
      <c r="V13" s="1103"/>
      <c r="W13" s="1103"/>
      <c r="X13" s="1103"/>
      <c r="Y13" s="1103"/>
      <c r="Z13" s="1103"/>
      <c r="AA13" s="1103"/>
      <c r="AB13" s="1103"/>
      <c r="AC13" s="1103"/>
      <c r="AD13" s="1103"/>
      <c r="AE13" s="1103"/>
      <c r="AF13" s="1103"/>
      <c r="AG13" s="1103"/>
      <c r="AH13" s="1103"/>
      <c r="AI13" s="1103"/>
      <c r="AJ13" s="1103"/>
      <c r="AK13" s="1103"/>
      <c r="AL13" s="1104"/>
      <c r="AM13" s="5"/>
      <c r="AN13" s="300" t="s">
        <v>220</v>
      </c>
      <c r="AO13" s="300"/>
      <c r="AP13" s="300"/>
      <c r="AQ13" s="300"/>
      <c r="AR13" s="300"/>
      <c r="AS13" s="300"/>
      <c r="AT13" s="856" t="s">
        <v>3</v>
      </c>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361"/>
      <c r="B14" s="362"/>
      <c r="C14" s="362"/>
      <c r="D14" s="362"/>
      <c r="E14" s="363"/>
      <c r="F14" s="398" t="s">
        <v>415</v>
      </c>
      <c r="G14" s="369"/>
      <c r="H14" s="369"/>
      <c r="I14" s="369"/>
      <c r="J14" s="369"/>
      <c r="K14" s="369"/>
      <c r="L14" s="369"/>
      <c r="M14" s="369"/>
      <c r="N14" s="1094"/>
      <c r="O14" s="418"/>
      <c r="P14" s="419"/>
      <c r="Q14" s="376"/>
      <c r="R14" s="220"/>
      <c r="S14" s="220"/>
      <c r="T14" s="220"/>
      <c r="U14" s="400"/>
      <c r="V14" s="400"/>
      <c r="W14" s="400"/>
      <c r="X14" s="400"/>
      <c r="Y14" s="400"/>
      <c r="Z14" s="400"/>
      <c r="AA14" s="400"/>
      <c r="AB14" s="400"/>
      <c r="AC14" s="400"/>
      <c r="AD14" s="400"/>
      <c r="AE14" s="400"/>
      <c r="AF14" s="400"/>
      <c r="AG14" s="400"/>
      <c r="AH14" s="400"/>
      <c r="AI14" s="400"/>
      <c r="AJ14" s="400"/>
      <c r="AK14" s="400"/>
      <c r="AL14" s="401"/>
      <c r="AM14" s="5"/>
      <c r="AN14" s="300"/>
      <c r="AO14" s="300"/>
      <c r="AP14" s="300"/>
      <c r="AQ14" s="300"/>
      <c r="AR14" s="300"/>
      <c r="AS14" s="300"/>
      <c r="AT14" s="856"/>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row>
    <row r="15" spans="1:100" ht="17.25" customHeight="1" x14ac:dyDescent="0.15">
      <c r="A15" s="426">
        <v>2</v>
      </c>
      <c r="B15" s="651"/>
      <c r="C15" s="651"/>
      <c r="D15" s="651"/>
      <c r="E15" s="651"/>
      <c r="F15" s="370"/>
      <c r="G15" s="370"/>
      <c r="H15" s="370"/>
      <c r="I15" s="370"/>
      <c r="J15" s="370"/>
      <c r="K15" s="370"/>
      <c r="L15" s="370"/>
      <c r="M15" s="370"/>
      <c r="N15" s="1094"/>
      <c r="O15" s="418"/>
      <c r="P15" s="419"/>
      <c r="Q15" s="376">
        <v>20194</v>
      </c>
      <c r="R15" s="220"/>
      <c r="S15" s="220"/>
      <c r="T15" s="220"/>
      <c r="U15" s="371" t="s">
        <v>326</v>
      </c>
      <c r="V15" s="220"/>
      <c r="W15" s="220"/>
      <c r="X15" s="220"/>
      <c r="Y15" s="854" t="s">
        <v>13</v>
      </c>
      <c r="Z15" s="400"/>
      <c r="AA15" s="400"/>
      <c r="AB15" s="400"/>
      <c r="AC15" s="400"/>
      <c r="AD15" s="400"/>
      <c r="AE15" s="400"/>
      <c r="AF15" s="400"/>
      <c r="AG15" s="400"/>
      <c r="AH15" s="400"/>
      <c r="AI15" s="400"/>
      <c r="AJ15" s="400"/>
      <c r="AK15" s="400"/>
      <c r="AL15" s="401"/>
      <c r="AM15" s="5"/>
      <c r="AN15" s="300"/>
      <c r="AO15" s="300"/>
      <c r="AP15" s="300"/>
      <c r="AQ15" s="300"/>
      <c r="AR15" s="300"/>
      <c r="AS15" s="300"/>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c r="CQ15" s="3" ph="1"/>
      <c r="CR15" s="3" ph="1"/>
      <c r="CS15" s="3" ph="1"/>
      <c r="CT15" s="3" ph="1"/>
      <c r="CU15" s="3" ph="1"/>
      <c r="CV15" s="3" ph="1"/>
    </row>
    <row r="16" spans="1:100" ht="17.25" customHeight="1" x14ac:dyDescent="0.15">
      <c r="A16" s="428" t="s">
        <v>246</v>
      </c>
      <c r="B16" s="428"/>
      <c r="C16" s="428"/>
      <c r="D16" s="428"/>
      <c r="E16" s="428"/>
      <c r="F16" s="429">
        <v>46052</v>
      </c>
      <c r="G16" s="430"/>
      <c r="H16" s="430"/>
      <c r="I16" s="430"/>
      <c r="J16" s="430"/>
      <c r="K16" s="430"/>
      <c r="L16" s="430"/>
      <c r="M16" s="430"/>
      <c r="N16" s="1094"/>
      <c r="O16" s="418"/>
      <c r="P16" s="419"/>
      <c r="Q16" s="376"/>
      <c r="R16" s="220"/>
      <c r="S16" s="220"/>
      <c r="T16" s="220"/>
      <c r="U16" s="371"/>
      <c r="V16" s="220"/>
      <c r="W16" s="220"/>
      <c r="X16" s="220"/>
      <c r="Y16" s="400"/>
      <c r="Z16" s="400"/>
      <c r="AA16" s="400"/>
      <c r="AB16" s="400"/>
      <c r="AC16" s="400"/>
      <c r="AD16" s="400"/>
      <c r="AE16" s="400"/>
      <c r="AF16" s="400"/>
      <c r="AG16" s="400"/>
      <c r="AH16" s="400"/>
      <c r="AI16" s="400"/>
      <c r="AJ16" s="400"/>
      <c r="AK16" s="400"/>
      <c r="AL16" s="401"/>
      <c r="AM16" s="5"/>
      <c r="AN16" s="300" t="s">
        <v>221</v>
      </c>
      <c r="AO16" s="300"/>
      <c r="AP16" s="300"/>
      <c r="AQ16" s="300"/>
      <c r="AR16" s="300"/>
      <c r="AS16" s="300"/>
      <c r="AT16" s="856" t="s">
        <v>1700</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82" t="s">
        <v>404</v>
      </c>
      <c r="B17" s="484"/>
      <c r="C17" s="484"/>
      <c r="D17" s="484"/>
      <c r="E17" s="485"/>
      <c r="F17" s="345" t="s">
        <v>1396</v>
      </c>
      <c r="G17" s="346"/>
      <c r="H17" s="346"/>
      <c r="I17" s="346"/>
      <c r="J17" s="346"/>
      <c r="K17" s="346"/>
      <c r="L17" s="346"/>
      <c r="M17" s="346"/>
      <c r="N17" s="1094"/>
      <c r="O17" s="418"/>
      <c r="P17" s="419"/>
      <c r="Q17" s="376">
        <v>23012</v>
      </c>
      <c r="R17" s="220"/>
      <c r="S17" s="220"/>
      <c r="T17" s="220"/>
      <c r="U17" s="371" t="s">
        <v>326</v>
      </c>
      <c r="V17" s="220"/>
      <c r="W17" s="220"/>
      <c r="X17" s="220"/>
      <c r="Y17" s="371" t="s">
        <v>14</v>
      </c>
      <c r="Z17" s="220"/>
      <c r="AA17" s="220"/>
      <c r="AB17" s="220"/>
      <c r="AC17" s="220"/>
      <c r="AD17" s="220"/>
      <c r="AE17" s="220"/>
      <c r="AF17" s="220"/>
      <c r="AG17" s="220"/>
      <c r="AH17" s="220"/>
      <c r="AI17" s="220"/>
      <c r="AJ17" s="220"/>
      <c r="AK17" s="220"/>
      <c r="AL17" s="372"/>
      <c r="AM17" s="5"/>
      <c r="AN17" s="300"/>
      <c r="AO17" s="300"/>
      <c r="AP17" s="300"/>
      <c r="AQ17" s="300"/>
      <c r="AR17" s="300"/>
      <c r="AS17" s="300"/>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98" t="s">
        <v>1395</v>
      </c>
      <c r="G18" s="369"/>
      <c r="H18" s="369"/>
      <c r="I18" s="369"/>
      <c r="J18" s="369"/>
      <c r="K18" s="369"/>
      <c r="L18" s="369"/>
      <c r="M18" s="369"/>
      <c r="N18" s="1094"/>
      <c r="O18" s="418"/>
      <c r="P18" s="419"/>
      <c r="Q18" s="752"/>
      <c r="R18" s="753"/>
      <c r="S18" s="753"/>
      <c r="T18" s="753"/>
      <c r="U18" s="753"/>
      <c r="V18" s="753"/>
      <c r="W18" s="753"/>
      <c r="X18" s="753"/>
      <c r="Y18" s="753"/>
      <c r="Z18" s="753"/>
      <c r="AA18" s="753"/>
      <c r="AB18" s="753"/>
      <c r="AC18" s="753"/>
      <c r="AD18" s="753"/>
      <c r="AE18" s="753"/>
      <c r="AF18" s="753"/>
      <c r="AG18" s="753"/>
      <c r="AH18" s="753"/>
      <c r="AI18" s="753"/>
      <c r="AJ18" s="753"/>
      <c r="AK18" s="753"/>
      <c r="AL18" s="754"/>
      <c r="AM18" s="5"/>
      <c r="AN18" s="300"/>
      <c r="AO18" s="300"/>
      <c r="AP18" s="300"/>
      <c r="AQ18" s="300"/>
      <c r="AR18" s="300"/>
      <c r="AS18" s="300"/>
      <c r="AT18" s="856"/>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370"/>
      <c r="G19" s="370"/>
      <c r="H19" s="370"/>
      <c r="I19" s="370"/>
      <c r="J19" s="370"/>
      <c r="K19" s="370"/>
      <c r="L19" s="370"/>
      <c r="M19" s="370"/>
      <c r="N19" s="1094"/>
      <c r="O19" s="418"/>
      <c r="P19" s="419"/>
      <c r="Q19" s="752"/>
      <c r="R19" s="753"/>
      <c r="S19" s="753"/>
      <c r="T19" s="753"/>
      <c r="U19" s="753"/>
      <c r="V19" s="753"/>
      <c r="W19" s="753"/>
      <c r="X19" s="753"/>
      <c r="Y19" s="753"/>
      <c r="Z19" s="753"/>
      <c r="AA19" s="753"/>
      <c r="AB19" s="753"/>
      <c r="AC19" s="753"/>
      <c r="AD19" s="753"/>
      <c r="AE19" s="753"/>
      <c r="AF19" s="753"/>
      <c r="AG19" s="753"/>
      <c r="AH19" s="753"/>
      <c r="AI19" s="753"/>
      <c r="AJ19" s="753"/>
      <c r="AK19" s="753"/>
      <c r="AL19" s="754"/>
      <c r="AM19" s="5"/>
      <c r="AN19" s="300" t="s">
        <v>222</v>
      </c>
      <c r="AO19" s="300"/>
      <c r="AP19" s="300"/>
      <c r="AQ19" s="300"/>
      <c r="AR19" s="300"/>
      <c r="AS19" s="300"/>
      <c r="AT19" s="856" t="s">
        <v>1701</v>
      </c>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80" t="s">
        <v>1133</v>
      </c>
      <c r="G20" s="381"/>
      <c r="H20" s="381"/>
      <c r="I20" s="381"/>
      <c r="J20" s="381"/>
      <c r="K20" s="381"/>
      <c r="L20" s="381"/>
      <c r="M20" s="381"/>
      <c r="N20" s="1094"/>
      <c r="O20" s="418"/>
      <c r="P20" s="419"/>
      <c r="Q20" s="752"/>
      <c r="R20" s="753"/>
      <c r="S20" s="753"/>
      <c r="T20" s="753"/>
      <c r="U20" s="753"/>
      <c r="V20" s="753"/>
      <c r="W20" s="753"/>
      <c r="X20" s="753"/>
      <c r="Y20" s="753"/>
      <c r="Z20" s="753"/>
      <c r="AA20" s="753"/>
      <c r="AB20" s="753"/>
      <c r="AC20" s="753"/>
      <c r="AD20" s="753"/>
      <c r="AE20" s="753"/>
      <c r="AF20" s="753"/>
      <c r="AG20" s="753"/>
      <c r="AH20" s="753"/>
      <c r="AI20" s="753"/>
      <c r="AJ20" s="753"/>
      <c r="AK20" s="753"/>
      <c r="AL20" s="754"/>
      <c r="AM20" s="5"/>
      <c r="AN20" s="300"/>
      <c r="AO20" s="300"/>
      <c r="AP20" s="300"/>
      <c r="AQ20" s="300"/>
      <c r="AR20" s="300"/>
      <c r="AS20" s="300"/>
      <c r="AT20" s="856"/>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98" t="s">
        <v>1132</v>
      </c>
      <c r="G21" s="369"/>
      <c r="H21" s="369"/>
      <c r="I21" s="369"/>
      <c r="J21" s="369"/>
      <c r="K21" s="369"/>
      <c r="L21" s="369"/>
      <c r="M21" s="369"/>
      <c r="N21" s="1094"/>
      <c r="O21" s="418"/>
      <c r="P21" s="419"/>
      <c r="Q21" s="752"/>
      <c r="R21" s="753"/>
      <c r="S21" s="753"/>
      <c r="T21" s="753"/>
      <c r="U21" s="753"/>
      <c r="V21" s="753"/>
      <c r="W21" s="753"/>
      <c r="X21" s="753"/>
      <c r="Y21" s="753"/>
      <c r="Z21" s="753"/>
      <c r="AA21" s="753"/>
      <c r="AB21" s="753"/>
      <c r="AC21" s="753"/>
      <c r="AD21" s="753"/>
      <c r="AE21" s="753"/>
      <c r="AF21" s="753"/>
      <c r="AG21" s="753"/>
      <c r="AH21" s="753"/>
      <c r="AI21" s="753"/>
      <c r="AJ21" s="753"/>
      <c r="AK21" s="753"/>
      <c r="AL21" s="754"/>
      <c r="AM21" s="5"/>
      <c r="AN21" s="300"/>
      <c r="AO21" s="300"/>
      <c r="AP21" s="300"/>
      <c r="AQ21" s="300"/>
      <c r="AR21" s="300"/>
      <c r="AS21" s="300"/>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64"/>
      <c r="B22" s="365"/>
      <c r="C22" s="365"/>
      <c r="D22" s="365"/>
      <c r="E22" s="366"/>
      <c r="F22" s="370"/>
      <c r="G22" s="370"/>
      <c r="H22" s="370"/>
      <c r="I22" s="370"/>
      <c r="J22" s="370"/>
      <c r="K22" s="370"/>
      <c r="L22" s="370"/>
      <c r="M22" s="370"/>
      <c r="N22" s="1094"/>
      <c r="O22" s="420"/>
      <c r="P22" s="421"/>
      <c r="Q22" s="570" t="s">
        <v>4</v>
      </c>
      <c r="R22" s="378"/>
      <c r="S22" s="378"/>
      <c r="T22" s="378"/>
      <c r="U22" s="378"/>
      <c r="V22" s="378"/>
      <c r="W22" s="378"/>
      <c r="X22" s="378"/>
      <c r="Y22" s="378"/>
      <c r="Z22" s="378"/>
      <c r="AA22" s="378"/>
      <c r="AB22" s="378"/>
      <c r="AC22" s="378"/>
      <c r="AD22" s="378"/>
      <c r="AE22" s="378"/>
      <c r="AF22" s="378"/>
      <c r="AG22" s="378"/>
      <c r="AH22" s="378"/>
      <c r="AI22" s="378"/>
      <c r="AJ22" s="378"/>
      <c r="AK22" s="378"/>
      <c r="AL22" s="379"/>
      <c r="AM22" s="5"/>
      <c r="AN22" s="864" t="s">
        <v>465</v>
      </c>
      <c r="AO22" s="864"/>
      <c r="AP22" s="864"/>
      <c r="AQ22" s="864"/>
      <c r="AR22" s="864"/>
      <c r="AS22" s="864"/>
      <c r="AT22" s="864"/>
      <c r="AU22" s="864"/>
      <c r="AV22" s="864"/>
      <c r="AW22" s="864"/>
      <c r="AX22" s="864"/>
      <c r="AY22" s="864"/>
      <c r="AZ22" s="864"/>
      <c r="BA22" s="864"/>
      <c r="BB22" s="864"/>
      <c r="BC22" s="864"/>
      <c r="BD22" s="864"/>
      <c r="BE22" s="864"/>
      <c r="BF22" s="864"/>
      <c r="BG22" s="864"/>
      <c r="BH22" s="864"/>
      <c r="BI22" s="864"/>
      <c r="BJ22" s="864"/>
      <c r="BK22" s="864"/>
      <c r="BL22" s="864"/>
      <c r="BM22" s="864"/>
      <c r="BN22" s="864"/>
      <c r="BO22" s="864"/>
      <c r="BP22" s="864"/>
      <c r="BQ22" s="864"/>
      <c r="BR22" s="864"/>
      <c r="BS22" s="864"/>
      <c r="BT22" s="864"/>
      <c r="BU22" s="864"/>
      <c r="BV22" s="864"/>
      <c r="BW22" s="864"/>
      <c r="BX22" s="864"/>
      <c r="BY22" s="864"/>
      <c r="BZ22" s="864"/>
      <c r="CA22" s="864"/>
      <c r="CB22" s="864"/>
      <c r="CC22" s="864"/>
      <c r="CD22" s="864"/>
      <c r="CE22" s="864"/>
      <c r="CF22" s="864"/>
      <c r="CG22" s="864"/>
      <c r="CH22" s="864"/>
      <c r="CI22" s="864"/>
      <c r="CJ22" s="864"/>
      <c r="CK22" s="864"/>
      <c r="CL22" s="864"/>
      <c r="CM22" s="864"/>
      <c r="CQ22" s="3" ph="1"/>
      <c r="CR22" s="3" ph="1"/>
      <c r="CS22" s="3" ph="1"/>
      <c r="CT22" s="3" ph="1"/>
      <c r="CU22" s="3" ph="1"/>
      <c r="CV22" s="3" ph="1"/>
    </row>
    <row r="23" spans="1:100" ht="17.25" customHeight="1" x14ac:dyDescent="0.15">
      <c r="A23" s="332" t="s">
        <v>259</v>
      </c>
      <c r="B23" s="332"/>
      <c r="C23" s="332"/>
      <c r="D23" s="332"/>
      <c r="E23" s="332"/>
      <c r="F23" s="380" t="s">
        <v>1720</v>
      </c>
      <c r="G23" s="381"/>
      <c r="H23" s="381"/>
      <c r="I23" s="381"/>
      <c r="J23" s="381"/>
      <c r="K23" s="381"/>
      <c r="L23" s="381"/>
      <c r="M23" s="381"/>
      <c r="N23" s="1094"/>
      <c r="O23" s="416" t="s">
        <v>403</v>
      </c>
      <c r="P23" s="417"/>
      <c r="Q23" s="916" t="s">
        <v>893</v>
      </c>
      <c r="R23" s="917"/>
      <c r="S23" s="917"/>
      <c r="T23" s="917"/>
      <c r="U23" s="917"/>
      <c r="V23" s="917"/>
      <c r="W23" s="917"/>
      <c r="X23" s="917"/>
      <c r="Y23" s="917"/>
      <c r="Z23" s="917"/>
      <c r="AA23" s="917"/>
      <c r="AB23" s="917"/>
      <c r="AC23" s="917"/>
      <c r="AD23" s="917"/>
      <c r="AE23" s="917"/>
      <c r="AF23" s="917"/>
      <c r="AG23" s="917"/>
      <c r="AH23" s="917"/>
      <c r="AI23" s="917"/>
      <c r="AJ23" s="917"/>
      <c r="AK23" s="917"/>
      <c r="AL23" s="918"/>
      <c r="AM23" s="5"/>
      <c r="AN23" s="2" t="s">
        <v>16</v>
      </c>
      <c r="AO23" s="862" t="s">
        <v>768</v>
      </c>
      <c r="AP23" s="862"/>
      <c r="AQ23" s="862"/>
      <c r="AR23" s="862"/>
      <c r="AS23" s="862"/>
      <c r="AT23" s="862"/>
      <c r="AU23" s="862"/>
      <c r="AV23" s="862"/>
      <c r="AW23" s="862"/>
      <c r="AX23" s="862"/>
      <c r="AY23" s="862"/>
      <c r="AZ23" s="862"/>
      <c r="BA23" s="862"/>
      <c r="BB23" s="862"/>
      <c r="BC23" s="862"/>
      <c r="BD23" s="862"/>
      <c r="BE23" s="862"/>
      <c r="BF23" s="862"/>
      <c r="BG23" s="862"/>
      <c r="BH23" s="862"/>
      <c r="BI23" s="862"/>
      <c r="BJ23" s="862"/>
      <c r="BK23" s="862"/>
      <c r="BL23" s="862"/>
      <c r="BM23" s="862"/>
      <c r="BN23" s="862"/>
      <c r="BO23" s="862"/>
      <c r="BP23" s="862"/>
      <c r="BQ23" s="862"/>
      <c r="BR23" s="862"/>
      <c r="BS23" s="862"/>
      <c r="BT23" s="862"/>
      <c r="BU23" s="862"/>
      <c r="BV23" s="862"/>
      <c r="BW23" s="862"/>
      <c r="BX23" s="862"/>
      <c r="BY23" s="862"/>
      <c r="BZ23" s="862"/>
      <c r="CA23" s="862"/>
      <c r="CB23" s="862"/>
      <c r="CC23" s="862"/>
      <c r="CD23" s="862"/>
      <c r="CE23" s="862"/>
      <c r="CF23" s="862"/>
      <c r="CG23" s="862"/>
      <c r="CH23" s="862"/>
      <c r="CI23" s="862"/>
      <c r="CJ23" s="862"/>
      <c r="CK23" s="862"/>
      <c r="CL23" s="862"/>
      <c r="CM23" s="863"/>
      <c r="CQ23" s="3" ph="1"/>
      <c r="CR23" s="3" ph="1"/>
      <c r="CS23" s="3" ph="1"/>
      <c r="CT23" s="3" ph="1"/>
      <c r="CU23" s="3" ph="1"/>
      <c r="CV23" s="3" ph="1"/>
    </row>
    <row r="24" spans="1:100" ht="17.25" customHeight="1" x14ac:dyDescent="0.15">
      <c r="A24" s="328"/>
      <c r="B24" s="328"/>
      <c r="C24" s="328"/>
      <c r="D24" s="328"/>
      <c r="E24" s="328"/>
      <c r="F24" s="1105" t="s">
        <v>1719</v>
      </c>
      <c r="G24" s="1106"/>
      <c r="H24" s="1106"/>
      <c r="I24" s="1106"/>
      <c r="J24" s="1106"/>
      <c r="K24" s="1106"/>
      <c r="L24" s="1106"/>
      <c r="M24" s="1107"/>
      <c r="N24" s="1094"/>
      <c r="O24" s="420"/>
      <c r="P24" s="421"/>
      <c r="Q24" s="1111" t="s">
        <v>15</v>
      </c>
      <c r="R24" s="1111"/>
      <c r="S24" s="1111"/>
      <c r="T24" s="1111"/>
      <c r="U24" s="1111"/>
      <c r="V24" s="1111"/>
      <c r="W24" s="1111"/>
      <c r="X24" s="1111"/>
      <c r="Y24" s="1111"/>
      <c r="Z24" s="1111"/>
      <c r="AA24" s="1111"/>
      <c r="AB24" s="1111"/>
      <c r="AC24" s="1111"/>
      <c r="AD24" s="1111"/>
      <c r="AE24" s="1111"/>
      <c r="AF24" s="1111"/>
      <c r="AG24" s="1111"/>
      <c r="AH24" s="1111"/>
      <c r="AI24" s="1111"/>
      <c r="AJ24" s="1111"/>
      <c r="AK24" s="1111"/>
      <c r="AL24" s="1111"/>
      <c r="AM24" s="5"/>
      <c r="AN24" s="37" t="s">
        <v>805</v>
      </c>
      <c r="AO24" s="772" t="s">
        <v>769</v>
      </c>
      <c r="AP24" s="772"/>
      <c r="AQ24" s="772"/>
      <c r="AR24" s="772"/>
      <c r="AS24" s="772"/>
      <c r="AT24" s="772"/>
      <c r="AU24" s="772"/>
      <c r="AV24" s="772"/>
      <c r="AW24" s="772"/>
      <c r="AX24" s="772"/>
      <c r="AY24" s="772"/>
      <c r="AZ24" s="772"/>
      <c r="BA24" s="772"/>
      <c r="BB24" s="772"/>
      <c r="BC24" s="772"/>
      <c r="BD24" s="772"/>
      <c r="BE24" s="772"/>
      <c r="BF24" s="772"/>
      <c r="BG24" s="772"/>
      <c r="BH24" s="772"/>
      <c r="BI24" s="772"/>
      <c r="BJ24" s="772"/>
      <c r="BK24" s="772"/>
      <c r="BL24" s="772"/>
      <c r="BM24" s="772"/>
      <c r="BN24" s="772"/>
      <c r="BO24" s="772"/>
      <c r="BP24" s="772"/>
      <c r="BQ24" s="772"/>
      <c r="BR24" s="772"/>
      <c r="BS24" s="772"/>
      <c r="BT24" s="772"/>
      <c r="BU24" s="772"/>
      <c r="BV24" s="772"/>
      <c r="BW24" s="772"/>
      <c r="BX24" s="772"/>
      <c r="BY24" s="772"/>
      <c r="BZ24" s="772"/>
      <c r="CA24" s="772"/>
      <c r="CB24" s="772"/>
      <c r="CC24" s="772"/>
      <c r="CD24" s="772"/>
      <c r="CE24" s="772"/>
      <c r="CF24" s="772"/>
      <c r="CG24" s="772"/>
      <c r="CH24" s="772"/>
      <c r="CI24" s="772"/>
      <c r="CJ24" s="772"/>
      <c r="CK24" s="772"/>
      <c r="CL24" s="772"/>
      <c r="CM24" s="773"/>
      <c r="CQ24" s="3" ph="1"/>
      <c r="CR24" s="3" ph="1"/>
      <c r="CS24" s="3" ph="1"/>
      <c r="CT24" s="3" ph="1"/>
      <c r="CU24" s="3" ph="1"/>
      <c r="CV24" s="3" ph="1"/>
    </row>
    <row r="25" spans="1:100" ht="17.25" customHeight="1" x14ac:dyDescent="0.15">
      <c r="A25" s="329"/>
      <c r="B25" s="329"/>
      <c r="C25" s="329"/>
      <c r="D25" s="329"/>
      <c r="E25" s="329"/>
      <c r="F25" s="1108"/>
      <c r="G25" s="1109"/>
      <c r="H25" s="1109"/>
      <c r="I25" s="1109"/>
      <c r="J25" s="1109"/>
      <c r="K25" s="1109"/>
      <c r="L25" s="1109"/>
      <c r="M25" s="1110"/>
      <c r="N25" s="1094"/>
      <c r="O25" s="382" t="s">
        <v>260</v>
      </c>
      <c r="P25" s="485"/>
      <c r="Q25" s="486" t="s">
        <v>466</v>
      </c>
      <c r="R25" s="487"/>
      <c r="S25" s="487"/>
      <c r="T25" s="487"/>
      <c r="U25" s="487"/>
      <c r="V25" s="487"/>
      <c r="W25" s="487"/>
      <c r="X25" s="487"/>
      <c r="Y25" s="487"/>
      <c r="Z25" s="487"/>
      <c r="AA25" s="487"/>
      <c r="AB25" s="487"/>
      <c r="AC25" s="487"/>
      <c r="AD25" s="487"/>
      <c r="AE25" s="487"/>
      <c r="AF25" s="487"/>
      <c r="AG25" s="487"/>
      <c r="AH25" s="487"/>
      <c r="AI25" s="487"/>
      <c r="AJ25" s="487"/>
      <c r="AK25" s="487"/>
      <c r="AL25" s="488"/>
      <c r="AM25" s="5"/>
      <c r="AN25" s="37" t="s">
        <v>805</v>
      </c>
      <c r="AO25" s="772" t="s">
        <v>770</v>
      </c>
      <c r="AP25" s="772"/>
      <c r="AQ25" s="772"/>
      <c r="AR25" s="772"/>
      <c r="AS25" s="772"/>
      <c r="AT25" s="772"/>
      <c r="AU25" s="772"/>
      <c r="AV25" s="772"/>
      <c r="AW25" s="772"/>
      <c r="AX25" s="772"/>
      <c r="AY25" s="772"/>
      <c r="AZ25" s="772"/>
      <c r="BA25" s="772"/>
      <c r="BB25" s="772"/>
      <c r="BC25" s="772"/>
      <c r="BD25" s="772"/>
      <c r="BE25" s="772"/>
      <c r="BF25" s="772"/>
      <c r="BG25" s="772"/>
      <c r="BH25" s="772"/>
      <c r="BI25" s="772"/>
      <c r="BJ25" s="772"/>
      <c r="BK25" s="772"/>
      <c r="BL25" s="772"/>
      <c r="BM25" s="772"/>
      <c r="BN25" s="772"/>
      <c r="BO25" s="772"/>
      <c r="BP25" s="772"/>
      <c r="BQ25" s="772"/>
      <c r="BR25" s="772"/>
      <c r="BS25" s="772"/>
      <c r="BT25" s="772"/>
      <c r="BU25" s="772"/>
      <c r="BV25" s="772"/>
      <c r="BW25" s="772"/>
      <c r="BX25" s="772"/>
      <c r="BY25" s="772"/>
      <c r="BZ25" s="772"/>
      <c r="CA25" s="772"/>
      <c r="CB25" s="772"/>
      <c r="CC25" s="772"/>
      <c r="CD25" s="772"/>
      <c r="CE25" s="772"/>
      <c r="CF25" s="772"/>
      <c r="CG25" s="772"/>
      <c r="CH25" s="772"/>
      <c r="CI25" s="772"/>
      <c r="CJ25" s="772"/>
      <c r="CK25" s="772"/>
      <c r="CL25" s="772"/>
      <c r="CM25" s="773"/>
      <c r="CN25" s="33"/>
      <c r="CQ25" s="3" ph="1"/>
      <c r="CR25" s="3" ph="1"/>
      <c r="CS25" s="3" ph="1"/>
      <c r="CT25" s="3" ph="1"/>
      <c r="CU25" s="3" ph="1"/>
      <c r="CV25" s="3" ph="1"/>
    </row>
    <row r="26" spans="1:100" ht="17.25" customHeight="1" x14ac:dyDescent="0.15">
      <c r="A26" s="328" t="s">
        <v>263</v>
      </c>
      <c r="B26" s="328"/>
      <c r="C26" s="328"/>
      <c r="D26" s="328"/>
      <c r="E26" s="328"/>
      <c r="F26" s="330" t="s">
        <v>1721</v>
      </c>
      <c r="G26" s="331"/>
      <c r="H26" s="331"/>
      <c r="I26" s="331"/>
      <c r="J26" s="331"/>
      <c r="K26" s="331"/>
      <c r="L26" s="331"/>
      <c r="M26" s="331"/>
      <c r="N26" s="1094"/>
      <c r="O26" s="364"/>
      <c r="P26" s="366"/>
      <c r="Q26" s="1111" t="s">
        <v>15</v>
      </c>
      <c r="R26" s="1111"/>
      <c r="S26" s="1111"/>
      <c r="T26" s="1111"/>
      <c r="U26" s="1111"/>
      <c r="V26" s="1111"/>
      <c r="W26" s="1111"/>
      <c r="X26" s="1111"/>
      <c r="Y26" s="1111"/>
      <c r="Z26" s="1111"/>
      <c r="AA26" s="1111"/>
      <c r="AB26" s="1111"/>
      <c r="AC26" s="1111"/>
      <c r="AD26" s="1111"/>
      <c r="AE26" s="1111"/>
      <c r="AF26" s="1111"/>
      <c r="AG26" s="1111"/>
      <c r="AH26" s="1111"/>
      <c r="AI26" s="1111"/>
      <c r="AJ26" s="1111"/>
      <c r="AK26" s="1111"/>
      <c r="AL26" s="1111"/>
      <c r="AM26" s="5"/>
      <c r="AN26" s="37" t="s">
        <v>805</v>
      </c>
      <c r="AO26" s="772" t="s">
        <v>771</v>
      </c>
      <c r="AP26" s="772"/>
      <c r="AQ26" s="772"/>
      <c r="AR26" s="772"/>
      <c r="AS26" s="772"/>
      <c r="AT26" s="772"/>
      <c r="AU26" s="772"/>
      <c r="AV26" s="772"/>
      <c r="AW26" s="772"/>
      <c r="AX26" s="772"/>
      <c r="AY26" s="772"/>
      <c r="AZ26" s="772"/>
      <c r="BA26" s="772"/>
      <c r="BB26" s="772"/>
      <c r="BC26" s="772"/>
      <c r="BD26" s="772"/>
      <c r="BE26" s="772"/>
      <c r="BF26" s="772"/>
      <c r="BG26" s="772"/>
      <c r="BH26" s="772"/>
      <c r="BI26" s="772"/>
      <c r="BJ26" s="772"/>
      <c r="BK26" s="772"/>
      <c r="BL26" s="772"/>
      <c r="BM26" s="772"/>
      <c r="BN26" s="772"/>
      <c r="BO26" s="772"/>
      <c r="BP26" s="772"/>
      <c r="BQ26" s="772"/>
      <c r="BR26" s="772"/>
      <c r="BS26" s="772"/>
      <c r="BT26" s="772"/>
      <c r="BU26" s="772"/>
      <c r="BV26" s="772"/>
      <c r="BW26" s="772"/>
      <c r="BX26" s="772"/>
      <c r="BY26" s="772"/>
      <c r="BZ26" s="772"/>
      <c r="CA26" s="772"/>
      <c r="CB26" s="772"/>
      <c r="CC26" s="772"/>
      <c r="CD26" s="772"/>
      <c r="CE26" s="772"/>
      <c r="CF26" s="772"/>
      <c r="CG26" s="772"/>
      <c r="CH26" s="772"/>
      <c r="CI26" s="772"/>
      <c r="CJ26" s="772"/>
      <c r="CK26" s="772"/>
      <c r="CL26" s="772"/>
      <c r="CM26" s="773"/>
      <c r="CN26" s="33"/>
      <c r="CQ26" s="3" ph="1"/>
      <c r="CR26" s="3" ph="1"/>
      <c r="CS26" s="3" ph="1"/>
      <c r="CT26" s="3" ph="1"/>
      <c r="CU26" s="3" ph="1"/>
      <c r="CV26" s="3" ph="1"/>
    </row>
    <row r="27" spans="1:100" ht="17.25" customHeight="1" x14ac:dyDescent="0.15">
      <c r="A27" s="328"/>
      <c r="B27" s="328"/>
      <c r="C27" s="328"/>
      <c r="D27" s="328"/>
      <c r="E27" s="328"/>
      <c r="F27" s="336" t="s">
        <v>1722</v>
      </c>
      <c r="G27" s="337"/>
      <c r="H27" s="337"/>
      <c r="I27" s="337"/>
      <c r="J27" s="337"/>
      <c r="K27" s="337"/>
      <c r="L27" s="337"/>
      <c r="M27" s="338"/>
      <c r="N27" s="1094"/>
      <c r="O27" s="382" t="s">
        <v>264</v>
      </c>
      <c r="P27" s="485"/>
      <c r="Q27" s="1030" t="s">
        <v>894</v>
      </c>
      <c r="R27" s="862"/>
      <c r="S27" s="862"/>
      <c r="T27" s="862"/>
      <c r="U27" s="862"/>
      <c r="V27" s="862"/>
      <c r="W27" s="862"/>
      <c r="X27" s="862"/>
      <c r="Y27" s="862"/>
      <c r="Z27" s="862"/>
      <c r="AA27" s="862"/>
      <c r="AB27" s="862"/>
      <c r="AC27" s="862"/>
      <c r="AD27" s="862"/>
      <c r="AE27" s="862"/>
      <c r="AF27" s="862"/>
      <c r="AG27" s="862"/>
      <c r="AH27" s="862"/>
      <c r="AI27" s="862"/>
      <c r="AJ27" s="862"/>
      <c r="AK27" s="862"/>
      <c r="AL27" s="863"/>
      <c r="AM27" s="5"/>
      <c r="AN27" s="94" t="s">
        <v>809</v>
      </c>
      <c r="AO27" s="860" t="s">
        <v>773</v>
      </c>
      <c r="AP27" s="860"/>
      <c r="AQ27" s="860"/>
      <c r="AR27" s="860"/>
      <c r="AS27" s="860"/>
      <c r="AT27" s="860"/>
      <c r="AU27" s="860"/>
      <c r="AV27" s="860"/>
      <c r="AW27" s="860"/>
      <c r="AX27" s="860"/>
      <c r="AY27" s="860"/>
      <c r="AZ27" s="860"/>
      <c r="BA27" s="860"/>
      <c r="BB27" s="860"/>
      <c r="BC27" s="860"/>
      <c r="BD27" s="860"/>
      <c r="BE27" s="860"/>
      <c r="BF27" s="860"/>
      <c r="BG27" s="860"/>
      <c r="BH27" s="860"/>
      <c r="BI27" s="860"/>
      <c r="BJ27" s="860"/>
      <c r="BK27" s="860"/>
      <c r="BL27" s="860"/>
      <c r="BM27" s="860"/>
      <c r="BN27" s="860"/>
      <c r="BO27" s="860"/>
      <c r="BP27" s="860"/>
      <c r="BQ27" s="860"/>
      <c r="BR27" s="860"/>
      <c r="BS27" s="860"/>
      <c r="BT27" s="860"/>
      <c r="BU27" s="860"/>
      <c r="BV27" s="860"/>
      <c r="BW27" s="860"/>
      <c r="BX27" s="860"/>
      <c r="BY27" s="860"/>
      <c r="BZ27" s="860"/>
      <c r="CA27" s="860"/>
      <c r="CB27" s="860"/>
      <c r="CC27" s="860"/>
      <c r="CD27" s="860"/>
      <c r="CE27" s="860"/>
      <c r="CF27" s="860"/>
      <c r="CG27" s="860"/>
      <c r="CH27" s="860"/>
      <c r="CI27" s="860"/>
      <c r="CJ27" s="860"/>
      <c r="CK27" s="860"/>
      <c r="CL27" s="860"/>
      <c r="CM27" s="861"/>
      <c r="CN27" s="33"/>
      <c r="CQ27" s="3" ph="1"/>
      <c r="CR27" s="3" ph="1"/>
      <c r="CS27" s="3" ph="1"/>
      <c r="CT27" s="3" ph="1"/>
      <c r="CU27" s="3" ph="1"/>
      <c r="CV27" s="3" ph="1"/>
    </row>
    <row r="28" spans="1:100" ht="17.25" customHeight="1" x14ac:dyDescent="0.15">
      <c r="A28" s="329"/>
      <c r="B28" s="329"/>
      <c r="C28" s="329"/>
      <c r="D28" s="329"/>
      <c r="E28" s="329"/>
      <c r="F28" s="339"/>
      <c r="G28" s="340"/>
      <c r="H28" s="340"/>
      <c r="I28" s="340"/>
      <c r="J28" s="340"/>
      <c r="K28" s="340"/>
      <c r="L28" s="340"/>
      <c r="M28" s="341"/>
      <c r="N28" s="1094"/>
      <c r="O28" s="364"/>
      <c r="P28" s="366"/>
      <c r="Q28" s="342">
        <v>26543</v>
      </c>
      <c r="R28" s="343"/>
      <c r="S28" s="343"/>
      <c r="T28" s="343"/>
      <c r="U28" s="343"/>
      <c r="V28" s="343"/>
      <c r="W28" s="343"/>
      <c r="X28" s="343"/>
      <c r="Y28" s="343"/>
      <c r="Z28" s="343"/>
      <c r="AA28" s="343"/>
      <c r="AB28" s="343"/>
      <c r="AC28" s="343"/>
      <c r="AD28" s="343"/>
      <c r="AE28" s="343"/>
      <c r="AF28" s="343"/>
      <c r="AG28" s="343"/>
      <c r="AH28" s="343"/>
      <c r="AI28" s="343"/>
      <c r="AJ28" s="343"/>
      <c r="AK28" s="343"/>
      <c r="AL28" s="344"/>
      <c r="AM28" s="5"/>
      <c r="AN28" s="255" t="s">
        <v>261</v>
      </c>
      <c r="AO28" s="255"/>
      <c r="AP28" s="255"/>
      <c r="AQ28" s="255"/>
      <c r="AR28" s="255"/>
      <c r="AS28" s="255"/>
      <c r="AT28" s="255"/>
      <c r="AU28" s="255"/>
      <c r="AV28" s="255"/>
      <c r="AW28" s="255"/>
      <c r="AX28" s="255"/>
      <c r="AY28" s="255"/>
      <c r="AZ28" s="255"/>
      <c r="BA28" s="255"/>
      <c r="BB28" s="255"/>
      <c r="BC28" s="255"/>
      <c r="BD28" s="255"/>
      <c r="BE28" s="255"/>
      <c r="BF28" s="255"/>
      <c r="BG28" s="255"/>
      <c r="BH28" s="255"/>
      <c r="BI28" s="255"/>
      <c r="BJ28" s="255"/>
      <c r="BK28" s="255"/>
      <c r="BL28" s="255"/>
      <c r="BM28" s="255"/>
      <c r="BN28" s="255"/>
      <c r="BO28" s="255"/>
      <c r="BP28" s="255"/>
      <c r="BQ28" s="129"/>
      <c r="BR28" s="129"/>
      <c r="BS28" s="129"/>
      <c r="BT28" s="129"/>
      <c r="BU28" s="129"/>
      <c r="BV28" s="129"/>
      <c r="BW28" s="129"/>
      <c r="BX28" s="129"/>
      <c r="BY28" s="129"/>
      <c r="BZ28" s="129"/>
      <c r="CA28" s="129"/>
      <c r="CB28" s="129"/>
      <c r="CC28" s="129"/>
      <c r="CD28" s="129"/>
      <c r="CE28" s="129"/>
      <c r="CF28" s="129"/>
      <c r="CG28" s="129"/>
      <c r="CH28" s="129"/>
      <c r="CI28" s="129"/>
      <c r="CJ28" s="129"/>
      <c r="CK28" s="129"/>
      <c r="CL28" s="129"/>
      <c r="CM28" s="129"/>
      <c r="CN28" s="33"/>
      <c r="CQ28" s="3" ph="1"/>
      <c r="CR28" s="3" ph="1"/>
      <c r="CS28" s="3" ph="1"/>
      <c r="CT28" s="3" ph="1"/>
      <c r="CU28" s="3" ph="1"/>
      <c r="CV28" s="3" ph="1"/>
    </row>
    <row r="29" spans="1:100" ht="17.25" customHeight="1" x14ac:dyDescent="0.15">
      <c r="A29" s="388" t="s">
        <v>268</v>
      </c>
      <c r="B29" s="389"/>
      <c r="C29" s="389"/>
      <c r="D29" s="389"/>
      <c r="E29" s="389"/>
      <c r="F29" s="389"/>
      <c r="G29" s="389"/>
      <c r="H29" s="389"/>
      <c r="I29" s="389"/>
      <c r="J29" s="389"/>
      <c r="K29" s="389"/>
      <c r="L29" s="389"/>
      <c r="M29" s="389"/>
      <c r="N29" s="389"/>
      <c r="O29" s="389"/>
      <c r="P29" s="389"/>
      <c r="Q29" s="389"/>
      <c r="R29" s="389"/>
      <c r="S29" s="389"/>
      <c r="T29" s="389"/>
      <c r="U29" s="389"/>
      <c r="V29" s="389"/>
      <c r="W29" s="389"/>
      <c r="X29" s="389"/>
      <c r="Y29" s="389"/>
      <c r="Z29" s="389"/>
      <c r="AA29" s="389"/>
      <c r="AB29" s="389"/>
      <c r="AC29" s="389"/>
      <c r="AD29" s="389"/>
      <c r="AE29" s="389"/>
      <c r="AF29" s="389"/>
      <c r="AG29" s="389"/>
      <c r="AH29" s="389"/>
      <c r="AI29" s="389"/>
      <c r="AJ29" s="389"/>
      <c r="AK29" s="389"/>
      <c r="AL29" s="389"/>
      <c r="AM29" s="5"/>
      <c r="AN29" s="38" t="s">
        <v>808</v>
      </c>
      <c r="AO29" s="487" t="s">
        <v>412</v>
      </c>
      <c r="AP29" s="487"/>
      <c r="AQ29" s="487"/>
      <c r="AR29" s="487"/>
      <c r="AS29" s="487"/>
      <c r="AT29" s="487"/>
      <c r="AU29" s="487"/>
      <c r="AV29" s="487"/>
      <c r="AW29" s="487"/>
      <c r="AX29" s="487"/>
      <c r="AY29" s="487"/>
      <c r="AZ29" s="487"/>
      <c r="BA29" s="487"/>
      <c r="BB29" s="487"/>
      <c r="BC29" s="487"/>
      <c r="BD29" s="487"/>
      <c r="BE29" s="487"/>
      <c r="BF29" s="487"/>
      <c r="BG29" s="487"/>
      <c r="BH29" s="487"/>
      <c r="BI29" s="487"/>
      <c r="BJ29" s="487"/>
      <c r="BK29" s="487"/>
      <c r="BL29" s="487"/>
      <c r="BM29" s="487"/>
      <c r="BN29" s="487"/>
      <c r="BO29" s="487"/>
      <c r="BP29" s="488"/>
      <c r="BQ29" s="68"/>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6" t="s">
        <v>5</v>
      </c>
      <c r="B30" s="467"/>
      <c r="C30" s="467"/>
      <c r="D30" s="467"/>
      <c r="E30" s="467"/>
      <c r="F30" s="467"/>
      <c r="G30" s="467"/>
      <c r="H30" s="467"/>
      <c r="I30" s="467"/>
      <c r="J30" s="467"/>
      <c r="K30" s="467"/>
      <c r="L30" s="467"/>
      <c r="M30" s="467"/>
      <c r="N30" s="467"/>
      <c r="O30" s="467"/>
      <c r="P30" s="467"/>
      <c r="Q30" s="467"/>
      <c r="R30" s="467"/>
      <c r="S30" s="467"/>
      <c r="T30" s="467"/>
      <c r="U30" s="467"/>
      <c r="V30" s="467"/>
      <c r="W30" s="467"/>
      <c r="X30" s="467"/>
      <c r="Y30" s="467"/>
      <c r="Z30" s="467"/>
      <c r="AA30" s="467"/>
      <c r="AB30" s="467"/>
      <c r="AC30" s="467"/>
      <c r="AD30" s="467"/>
      <c r="AE30" s="467"/>
      <c r="AF30" s="467"/>
      <c r="AG30" s="467"/>
      <c r="AH30" s="467"/>
      <c r="AI30" s="467"/>
      <c r="AJ30" s="467"/>
      <c r="AK30" s="467"/>
      <c r="AL30" s="468"/>
      <c r="AM30" s="5"/>
      <c r="AN30" s="39" t="s">
        <v>895</v>
      </c>
      <c r="AO30" s="672" t="s">
        <v>1702</v>
      </c>
      <c r="AP30" s="672"/>
      <c r="AQ30" s="672"/>
      <c r="AR30" s="672"/>
      <c r="AS30" s="672"/>
      <c r="AT30" s="672"/>
      <c r="AU30" s="672"/>
      <c r="AV30" s="672"/>
      <c r="AW30" s="672"/>
      <c r="AX30" s="672"/>
      <c r="AY30" s="672"/>
      <c r="AZ30" s="672"/>
      <c r="BA30" s="672"/>
      <c r="BB30" s="672"/>
      <c r="BC30" s="672"/>
      <c r="BD30" s="672"/>
      <c r="BE30" s="672"/>
      <c r="BF30" s="672"/>
      <c r="BG30" s="672"/>
      <c r="BH30" s="672"/>
      <c r="BI30" s="672"/>
      <c r="BJ30" s="672"/>
      <c r="BK30" s="672"/>
      <c r="BL30" s="672"/>
      <c r="BM30" s="672"/>
      <c r="BN30" s="672"/>
      <c r="BO30" s="672"/>
      <c r="BP30" s="673"/>
      <c r="BQ30" s="76"/>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9" t="s">
        <v>895</v>
      </c>
      <c r="AO31" s="351" t="s">
        <v>1266</v>
      </c>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73"/>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9" t="s">
        <v>825</v>
      </c>
      <c r="AO32" s="672" t="s">
        <v>1109</v>
      </c>
      <c r="AP32" s="672"/>
      <c r="AQ32" s="672"/>
      <c r="AR32" s="672"/>
      <c r="AS32" s="672"/>
      <c r="AT32" s="672"/>
      <c r="AU32" s="672"/>
      <c r="AV32" s="672"/>
      <c r="AW32" s="672"/>
      <c r="AX32" s="672"/>
      <c r="AY32" s="672"/>
      <c r="AZ32" s="672"/>
      <c r="BA32" s="672"/>
      <c r="BB32" s="672"/>
      <c r="BC32" s="672"/>
      <c r="BD32" s="672"/>
      <c r="BE32" s="672"/>
      <c r="BF32" s="672"/>
      <c r="BG32" s="672"/>
      <c r="BH32" s="672"/>
      <c r="BI32" s="672"/>
      <c r="BJ32" s="672"/>
      <c r="BK32" s="672"/>
      <c r="BL32" s="672"/>
      <c r="BM32" s="672"/>
      <c r="BN32" s="672"/>
      <c r="BO32" s="672"/>
      <c r="BP32" s="673"/>
      <c r="BQ32" s="53"/>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95" ht="17.25" customHeight="1" x14ac:dyDescent="0.15">
      <c r="A33" s="469"/>
      <c r="B33" s="470"/>
      <c r="C33" s="470"/>
      <c r="D33" s="470"/>
      <c r="E33" s="470"/>
      <c r="F33" s="470"/>
      <c r="G33" s="470"/>
      <c r="H33" s="470"/>
      <c r="I33" s="470"/>
      <c r="J33" s="470"/>
      <c r="K33" s="470"/>
      <c r="L33" s="470"/>
      <c r="M33" s="470"/>
      <c r="N33" s="470"/>
      <c r="O33" s="470"/>
      <c r="P33" s="470"/>
      <c r="Q33" s="470"/>
      <c r="R33" s="470"/>
      <c r="S33" s="470"/>
      <c r="T33" s="470"/>
      <c r="U33" s="470"/>
      <c r="V33" s="470"/>
      <c r="W33" s="470"/>
      <c r="X33" s="470"/>
      <c r="Y33" s="470"/>
      <c r="Z33" s="470"/>
      <c r="AA33" s="470"/>
      <c r="AB33" s="470"/>
      <c r="AC33" s="470"/>
      <c r="AD33" s="470"/>
      <c r="AE33" s="470"/>
      <c r="AF33" s="470"/>
      <c r="AG33" s="470"/>
      <c r="AH33" s="470"/>
      <c r="AI33" s="470"/>
      <c r="AJ33" s="470"/>
      <c r="AK33" s="470"/>
      <c r="AL33" s="471"/>
      <c r="AM33" s="5"/>
      <c r="AN33" s="40" t="s">
        <v>825</v>
      </c>
      <c r="AO33" s="860" t="s">
        <v>420</v>
      </c>
      <c r="AP33" s="860"/>
      <c r="AQ33" s="860"/>
      <c r="AR33" s="860"/>
      <c r="AS33" s="860"/>
      <c r="AT33" s="860"/>
      <c r="AU33" s="860"/>
      <c r="AV33" s="860"/>
      <c r="AW33" s="860"/>
      <c r="AX33" s="860"/>
      <c r="AY33" s="860"/>
      <c r="AZ33" s="860"/>
      <c r="BA33" s="860"/>
      <c r="BB33" s="860"/>
      <c r="BC33" s="860"/>
      <c r="BD33" s="860"/>
      <c r="BE33" s="860"/>
      <c r="BF33" s="860"/>
      <c r="BG33" s="860"/>
      <c r="BH33" s="860"/>
      <c r="BI33" s="860"/>
      <c r="BJ33" s="860"/>
      <c r="BK33" s="860"/>
      <c r="BL33" s="860"/>
      <c r="BM33" s="860"/>
      <c r="BN33" s="860"/>
      <c r="BO33" s="860"/>
      <c r="BP33" s="861"/>
      <c r="BQ33" s="72"/>
      <c r="BR33" s="292" t="s">
        <v>267</v>
      </c>
      <c r="BS33" s="293"/>
      <c r="BT33" s="293"/>
      <c r="BU33" s="293"/>
      <c r="BV33" s="293"/>
      <c r="BW33" s="293"/>
      <c r="BX33" s="294"/>
      <c r="BY33" s="284">
        <v>1269</v>
      </c>
      <c r="BZ33" s="285"/>
      <c r="CA33" s="285"/>
      <c r="CB33" s="285"/>
      <c r="CC33" s="285"/>
      <c r="CD33" s="285"/>
      <c r="CE33" s="285"/>
      <c r="CF33" s="285"/>
      <c r="CG33" s="288"/>
      <c r="CH33" s="286">
        <v>1.8265</v>
      </c>
      <c r="CI33" s="286"/>
      <c r="CJ33" s="286"/>
      <c r="CK33" s="286"/>
      <c r="CL33" s="286"/>
      <c r="CM33" s="286"/>
      <c r="CQ33" s="3" ph="1"/>
    </row>
    <row r="34" spans="1:95" ht="17.25" customHeight="1" x14ac:dyDescent="0.15">
      <c r="A34" s="469"/>
      <c r="B34" s="470"/>
      <c r="C34" s="470"/>
      <c r="D34" s="470"/>
      <c r="E34" s="470"/>
      <c r="F34" s="470"/>
      <c r="G34" s="470"/>
      <c r="H34" s="470"/>
      <c r="I34" s="470"/>
      <c r="J34" s="470"/>
      <c r="K34" s="470"/>
      <c r="L34" s="470"/>
      <c r="M34" s="470"/>
      <c r="N34" s="470"/>
      <c r="O34" s="470"/>
      <c r="P34" s="470"/>
      <c r="Q34" s="470"/>
      <c r="R34" s="470"/>
      <c r="S34" s="470"/>
      <c r="T34" s="470"/>
      <c r="U34" s="470"/>
      <c r="V34" s="470"/>
      <c r="W34" s="470"/>
      <c r="X34" s="470"/>
      <c r="Y34" s="470"/>
      <c r="Z34" s="470"/>
      <c r="AA34" s="470"/>
      <c r="AB34" s="470"/>
      <c r="AC34" s="470"/>
      <c r="AD34" s="470"/>
      <c r="AE34" s="470"/>
      <c r="AF34" s="470"/>
      <c r="AG34" s="470"/>
      <c r="AH34" s="470"/>
      <c r="AI34" s="470"/>
      <c r="AJ34" s="470"/>
      <c r="AK34" s="470"/>
      <c r="AL34" s="471"/>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95" ht="17.25" customHeight="1" x14ac:dyDescent="0.15">
      <c r="A35" s="472"/>
      <c r="B35" s="473"/>
      <c r="C35" s="473"/>
      <c r="D35" s="473"/>
      <c r="E35" s="473"/>
      <c r="F35" s="473"/>
      <c r="G35" s="473"/>
      <c r="H35" s="473"/>
      <c r="I35" s="473"/>
      <c r="J35" s="473"/>
      <c r="K35" s="473"/>
      <c r="L35" s="473"/>
      <c r="M35" s="473"/>
      <c r="N35" s="473"/>
      <c r="O35" s="473"/>
      <c r="P35" s="473"/>
      <c r="Q35" s="473"/>
      <c r="R35" s="473"/>
      <c r="S35" s="473"/>
      <c r="T35" s="473"/>
      <c r="U35" s="473"/>
      <c r="V35" s="473"/>
      <c r="W35" s="473"/>
      <c r="X35" s="473"/>
      <c r="Y35" s="473"/>
      <c r="Z35" s="473"/>
      <c r="AA35" s="473"/>
      <c r="AB35" s="473"/>
      <c r="AC35" s="473"/>
      <c r="AD35" s="473"/>
      <c r="AE35" s="473"/>
      <c r="AF35" s="473"/>
      <c r="AG35" s="473"/>
      <c r="AH35" s="473"/>
      <c r="AI35" s="473"/>
      <c r="AJ35" s="473"/>
      <c r="AK35" s="473"/>
      <c r="AL35" s="474"/>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8919</v>
      </c>
      <c r="BZ35" s="681"/>
      <c r="CA35" s="682"/>
      <c r="CB35" s="682"/>
      <c r="CC35" s="682"/>
      <c r="CD35" s="682"/>
      <c r="CE35" s="682"/>
      <c r="CF35" s="682"/>
      <c r="CG35" s="682"/>
      <c r="CH35" s="683">
        <v>27.230589999999999</v>
      </c>
      <c r="CI35" s="683"/>
      <c r="CJ35" s="683"/>
      <c r="CK35" s="683"/>
      <c r="CL35" s="683"/>
      <c r="CM35" s="683"/>
      <c r="CQ35" s="3" ph="1"/>
    </row>
    <row r="36" spans="1:95" ht="17.25" customHeight="1" x14ac:dyDescent="0.15">
      <c r="A36" s="255" t="s">
        <v>274</v>
      </c>
      <c r="B36" s="255"/>
      <c r="C36" s="255"/>
      <c r="D36" s="255"/>
      <c r="E36" s="255"/>
      <c r="F36" s="255"/>
      <c r="G36" s="255"/>
      <c r="H36" s="255"/>
      <c r="I36" s="255"/>
      <c r="J36" s="255"/>
      <c r="K36" s="255"/>
      <c r="L36" s="255"/>
      <c r="M36" s="255"/>
      <c r="N36" s="6"/>
      <c r="O36" s="255" t="s">
        <v>275</v>
      </c>
      <c r="P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95" ht="17.25" customHeight="1" x14ac:dyDescent="0.15">
      <c r="A37" s="311" t="s">
        <v>6</v>
      </c>
      <c r="B37" s="312"/>
      <c r="C37" s="312"/>
      <c r="D37" s="312"/>
      <c r="E37" s="312"/>
      <c r="F37" s="312"/>
      <c r="G37" s="312"/>
      <c r="H37" s="312"/>
      <c r="I37" s="312"/>
      <c r="J37" s="312"/>
      <c r="K37" s="312"/>
      <c r="L37" s="312"/>
      <c r="M37" s="313"/>
      <c r="N37" s="143"/>
      <c r="O37" s="311" t="s">
        <v>357</v>
      </c>
      <c r="P37" s="312"/>
      <c r="Q37" s="312"/>
      <c r="R37" s="312"/>
      <c r="S37" s="312"/>
      <c r="T37" s="312"/>
      <c r="U37" s="312"/>
      <c r="V37" s="312"/>
      <c r="W37" s="312"/>
      <c r="X37" s="312"/>
      <c r="Y37" s="312"/>
      <c r="Z37" s="312"/>
      <c r="AA37" s="312"/>
      <c r="AB37" s="312"/>
      <c r="AC37" s="312"/>
      <c r="AD37" s="312"/>
      <c r="AE37" s="312"/>
      <c r="AF37" s="312"/>
      <c r="AG37" s="312"/>
      <c r="AH37" s="312"/>
      <c r="AI37" s="312"/>
      <c r="AJ37" s="312"/>
      <c r="AK37" s="312"/>
      <c r="AL37" s="313"/>
      <c r="AM37" s="5"/>
      <c r="AN37" s="287" t="s">
        <v>896</v>
      </c>
      <c r="AO37" s="287"/>
      <c r="AP37" s="287"/>
      <c r="AQ37" s="287"/>
      <c r="AR37" s="287"/>
      <c r="AS37" s="287"/>
      <c r="AT37" s="287"/>
      <c r="AU37" s="287"/>
      <c r="AV37" s="287"/>
      <c r="AW37" s="681">
        <v>167378</v>
      </c>
      <c r="AX37" s="681"/>
      <c r="AY37" s="681"/>
      <c r="AZ37" s="681"/>
      <c r="BA37" s="681"/>
      <c r="BB37" s="681"/>
      <c r="BC37" s="681"/>
      <c r="BD37" s="681"/>
      <c r="BE37" s="681"/>
      <c r="BF37" s="681"/>
      <c r="BG37" s="681">
        <v>69778</v>
      </c>
      <c r="BH37" s="681"/>
      <c r="BI37" s="681"/>
      <c r="BJ37" s="681"/>
      <c r="BK37" s="681"/>
      <c r="BL37" s="681"/>
      <c r="BM37" s="681"/>
      <c r="BN37" s="681"/>
      <c r="BO37" s="681"/>
      <c r="BP37" s="681"/>
      <c r="BQ37" s="149"/>
      <c r="BR37" s="680" t="s">
        <v>273</v>
      </c>
      <c r="BS37" s="680"/>
      <c r="BT37" s="680"/>
      <c r="BU37" s="680"/>
      <c r="BV37" s="680"/>
      <c r="BW37" s="680"/>
      <c r="BX37" s="680"/>
      <c r="BY37" s="681">
        <v>49289</v>
      </c>
      <c r="BZ37" s="681"/>
      <c r="CA37" s="682"/>
      <c r="CB37" s="682"/>
      <c r="CC37" s="682"/>
      <c r="CD37" s="682"/>
      <c r="CE37" s="682"/>
      <c r="CF37" s="682"/>
      <c r="CG37" s="682"/>
      <c r="CH37" s="683">
        <v>70.942899999999995</v>
      </c>
      <c r="CI37" s="683"/>
      <c r="CJ37" s="683"/>
      <c r="CK37" s="683"/>
      <c r="CL37" s="683"/>
      <c r="CM37" s="683"/>
      <c r="CQ37" s="3" ph="1"/>
    </row>
    <row r="38" spans="1:95" ht="17.25" customHeight="1" x14ac:dyDescent="0.15">
      <c r="A38" s="251">
        <v>26571</v>
      </c>
      <c r="B38" s="252"/>
      <c r="C38" s="252"/>
      <c r="D38" s="252"/>
      <c r="E38" s="252"/>
      <c r="F38" s="252"/>
      <c r="G38" s="252"/>
      <c r="H38" s="252"/>
      <c r="I38" s="252"/>
      <c r="J38" s="252"/>
      <c r="K38" s="252"/>
      <c r="L38" s="252"/>
      <c r="M38" s="253"/>
      <c r="N38" s="143"/>
      <c r="O38" s="272" t="s">
        <v>7</v>
      </c>
      <c r="P38" s="961"/>
      <c r="Q38" s="961"/>
      <c r="R38" s="961"/>
      <c r="S38" s="961"/>
      <c r="T38" s="961"/>
      <c r="U38" s="961"/>
      <c r="V38" s="961"/>
      <c r="W38" s="961"/>
      <c r="X38" s="961"/>
      <c r="Y38" s="961"/>
      <c r="Z38" s="961"/>
      <c r="AA38" s="961"/>
      <c r="AB38" s="961"/>
      <c r="AC38" s="961"/>
      <c r="AD38" s="961"/>
      <c r="AE38" s="961"/>
      <c r="AF38" s="961"/>
      <c r="AG38" s="961"/>
      <c r="AH38" s="961"/>
      <c r="AI38" s="961"/>
      <c r="AJ38" s="961"/>
      <c r="AK38" s="961"/>
      <c r="AL38" s="962"/>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row>
    <row r="39" spans="1:95" ht="17.25" customHeight="1" x14ac:dyDescent="0.15">
      <c r="A39" s="324" t="s">
        <v>8</v>
      </c>
      <c r="B39" s="1119"/>
      <c r="C39" s="1119"/>
      <c r="D39" s="1119"/>
      <c r="E39" s="1119"/>
      <c r="F39" s="1119"/>
      <c r="G39" s="1119"/>
      <c r="H39" s="1119"/>
      <c r="I39" s="1119"/>
      <c r="J39" s="1119"/>
      <c r="K39" s="1119"/>
      <c r="L39" s="1119"/>
      <c r="M39" s="1120"/>
      <c r="N39" s="143"/>
      <c r="O39" s="272" t="s">
        <v>230</v>
      </c>
      <c r="P39" s="961"/>
      <c r="Q39" s="961"/>
      <c r="R39" s="961"/>
      <c r="S39" s="961"/>
      <c r="T39" s="961"/>
      <c r="U39" s="961"/>
      <c r="V39" s="961"/>
      <c r="W39" s="961"/>
      <c r="X39" s="961"/>
      <c r="Y39" s="961"/>
      <c r="Z39" s="961"/>
      <c r="AA39" s="961"/>
      <c r="AB39" s="961"/>
      <c r="AC39" s="961"/>
      <c r="AD39" s="961"/>
      <c r="AE39" s="961"/>
      <c r="AF39" s="961"/>
      <c r="AG39" s="961"/>
      <c r="AH39" s="961"/>
      <c r="AI39" s="961"/>
      <c r="AJ39" s="961"/>
      <c r="AK39" s="961"/>
      <c r="AL39" s="962"/>
      <c r="AM39" s="5"/>
      <c r="AN39" s="300" t="s">
        <v>1059</v>
      </c>
      <c r="AO39" s="300"/>
      <c r="AP39" s="300"/>
      <c r="AQ39" s="300"/>
      <c r="AR39" s="300"/>
      <c r="AS39" s="300"/>
      <c r="AT39" s="300"/>
      <c r="AU39" s="300"/>
      <c r="AV39" s="300"/>
      <c r="AW39" s="681">
        <v>162439</v>
      </c>
      <c r="AX39" s="681"/>
      <c r="AY39" s="681"/>
      <c r="AZ39" s="682"/>
      <c r="BA39" s="682"/>
      <c r="BB39" s="682"/>
      <c r="BC39" s="682"/>
      <c r="BD39" s="682"/>
      <c r="BE39" s="682"/>
      <c r="BF39" s="682"/>
      <c r="BG39" s="681">
        <v>70478</v>
      </c>
      <c r="BH39" s="681"/>
      <c r="BI39" s="681"/>
      <c r="BJ39" s="681"/>
      <c r="BK39" s="681"/>
      <c r="BL39" s="681"/>
      <c r="BM39" s="681"/>
      <c r="BN39" s="681"/>
      <c r="BO39" s="681"/>
      <c r="BP39" s="681"/>
      <c r="BQ39" s="149"/>
      <c r="BR39" s="301" t="s">
        <v>1119</v>
      </c>
      <c r="BS39" s="293"/>
      <c r="BT39" s="293"/>
      <c r="BU39" s="293"/>
      <c r="BV39" s="293"/>
      <c r="BW39" s="293"/>
      <c r="BX39" s="294"/>
      <c r="BY39" s="681">
        <v>71612</v>
      </c>
      <c r="BZ39" s="681"/>
      <c r="CA39" s="682"/>
      <c r="CB39" s="682"/>
      <c r="CC39" s="682"/>
      <c r="CD39" s="682"/>
      <c r="CE39" s="682"/>
      <c r="CF39" s="682"/>
      <c r="CG39" s="682"/>
      <c r="CH39" s="683">
        <v>100</v>
      </c>
      <c r="CI39" s="683"/>
      <c r="CJ39" s="683"/>
      <c r="CK39" s="683"/>
      <c r="CL39" s="683"/>
      <c r="CM39" s="683"/>
    </row>
    <row r="40" spans="1:95" ht="17.25" customHeight="1" x14ac:dyDescent="0.15">
      <c r="A40" s="251">
        <v>31498</v>
      </c>
      <c r="B40" s="1112"/>
      <c r="C40" s="1112"/>
      <c r="D40" s="1112"/>
      <c r="E40" s="1112"/>
      <c r="F40" s="1112"/>
      <c r="G40" s="1112"/>
      <c r="H40" s="1112"/>
      <c r="I40" s="1112"/>
      <c r="J40" s="1112"/>
      <c r="K40" s="1112"/>
      <c r="L40" s="1112"/>
      <c r="M40" s="1113"/>
      <c r="N40" s="144"/>
      <c r="O40" s="216" t="s">
        <v>9</v>
      </c>
      <c r="P40" s="961"/>
      <c r="Q40" s="961"/>
      <c r="R40" s="961"/>
      <c r="S40" s="961"/>
      <c r="T40" s="961"/>
      <c r="U40" s="961"/>
      <c r="V40" s="961"/>
      <c r="W40" s="961"/>
      <c r="X40" s="961"/>
      <c r="Y40" s="961"/>
      <c r="Z40" s="961"/>
      <c r="AA40" s="961"/>
      <c r="AB40" s="961"/>
      <c r="AC40" s="961"/>
      <c r="AD40" s="961"/>
      <c r="AE40" s="961"/>
      <c r="AF40" s="961"/>
      <c r="AG40" s="961"/>
      <c r="AH40" s="961"/>
      <c r="AI40" s="961"/>
      <c r="AJ40" s="961"/>
      <c r="AK40" s="961"/>
      <c r="AL40" s="962"/>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95" ht="17.25" customHeight="1" x14ac:dyDescent="0.15">
      <c r="A41" s="216"/>
      <c r="B41" s="217"/>
      <c r="C41" s="217"/>
      <c r="D41" s="217"/>
      <c r="E41" s="217"/>
      <c r="F41" s="217"/>
      <c r="G41" s="217"/>
      <c r="H41" s="217"/>
      <c r="I41" s="217"/>
      <c r="J41" s="217"/>
      <c r="K41" s="217"/>
      <c r="L41" s="217"/>
      <c r="M41" s="218"/>
      <c r="N41" s="143"/>
      <c r="O41" s="216" t="s">
        <v>774</v>
      </c>
      <c r="P41" s="1117"/>
      <c r="Q41" s="1117"/>
      <c r="R41" s="1117"/>
      <c r="S41" s="1117"/>
      <c r="T41" s="1117"/>
      <c r="U41" s="1117"/>
      <c r="V41" s="1117"/>
      <c r="W41" s="1117"/>
      <c r="X41" s="1117"/>
      <c r="Y41" s="1117"/>
      <c r="Z41" s="1117"/>
      <c r="AA41" s="1117"/>
      <c r="AB41" s="1117"/>
      <c r="AC41" s="1117"/>
      <c r="AD41" s="1117"/>
      <c r="AE41" s="1117"/>
      <c r="AF41" s="1117"/>
      <c r="AG41" s="1117"/>
      <c r="AH41" s="1117"/>
      <c r="AI41" s="1117"/>
      <c r="AJ41" s="1117"/>
      <c r="AK41" s="1117"/>
      <c r="AL41" s="1118"/>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95" ht="17.25" customHeight="1" x14ac:dyDescent="0.15">
      <c r="A42" s="216"/>
      <c r="B42" s="217"/>
      <c r="C42" s="217"/>
      <c r="D42" s="217"/>
      <c r="E42" s="217"/>
      <c r="F42" s="217"/>
      <c r="G42" s="217"/>
      <c r="H42" s="217"/>
      <c r="I42" s="217"/>
      <c r="J42" s="217"/>
      <c r="K42" s="217"/>
      <c r="L42" s="217"/>
      <c r="M42" s="218"/>
      <c r="N42" s="180"/>
      <c r="O42" s="1114"/>
      <c r="P42" s="1115"/>
      <c r="Q42" s="1115"/>
      <c r="R42" s="1115"/>
      <c r="S42" s="1115"/>
      <c r="T42" s="1115"/>
      <c r="U42" s="1115"/>
      <c r="V42" s="1115"/>
      <c r="W42" s="1115"/>
      <c r="X42" s="1115"/>
      <c r="Y42" s="1115"/>
      <c r="Z42" s="1115"/>
      <c r="AA42" s="1115"/>
      <c r="AB42" s="1115"/>
      <c r="AC42" s="1115"/>
      <c r="AD42" s="1115"/>
      <c r="AE42" s="1115"/>
      <c r="AF42" s="1115"/>
      <c r="AG42" s="1115"/>
      <c r="AH42" s="1115"/>
      <c r="AI42" s="1115"/>
      <c r="AJ42" s="1115"/>
      <c r="AK42" s="1115"/>
      <c r="AL42" s="1116"/>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95" ht="17.25" customHeight="1" x14ac:dyDescent="0.15">
      <c r="A43" s="216"/>
      <c r="B43" s="217"/>
      <c r="C43" s="217"/>
      <c r="D43" s="217"/>
      <c r="E43" s="217"/>
      <c r="F43" s="217"/>
      <c r="G43" s="217"/>
      <c r="H43" s="217"/>
      <c r="I43" s="217"/>
      <c r="J43" s="217"/>
      <c r="K43" s="217"/>
      <c r="L43" s="217"/>
      <c r="M43" s="218"/>
      <c r="N43" s="84"/>
      <c r="O43" s="1114"/>
      <c r="P43" s="1115"/>
      <c r="Q43" s="1115"/>
      <c r="R43" s="1115"/>
      <c r="S43" s="1115"/>
      <c r="T43" s="1115"/>
      <c r="U43" s="1115"/>
      <c r="V43" s="1115"/>
      <c r="W43" s="1115"/>
      <c r="X43" s="1115"/>
      <c r="Y43" s="1115"/>
      <c r="Z43" s="1115"/>
      <c r="AA43" s="1115"/>
      <c r="AB43" s="1115"/>
      <c r="AC43" s="1115"/>
      <c r="AD43" s="1115"/>
      <c r="AE43" s="1115"/>
      <c r="AF43" s="1115"/>
      <c r="AG43" s="1115"/>
      <c r="AH43" s="1115"/>
      <c r="AI43" s="1115"/>
      <c r="AJ43" s="1115"/>
      <c r="AK43" s="1115"/>
      <c r="AL43" s="1116"/>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95" ht="17.25" customHeight="1" x14ac:dyDescent="0.15">
      <c r="A44" s="216"/>
      <c r="B44" s="217"/>
      <c r="C44" s="217"/>
      <c r="D44" s="217"/>
      <c r="E44" s="217"/>
      <c r="F44" s="217"/>
      <c r="G44" s="217"/>
      <c r="H44" s="217"/>
      <c r="I44" s="217"/>
      <c r="J44" s="217"/>
      <c r="K44" s="217"/>
      <c r="L44" s="217"/>
      <c r="M44" s="218"/>
      <c r="N44" s="180"/>
      <c r="O44" s="1114"/>
      <c r="P44" s="1115"/>
      <c r="Q44" s="1115"/>
      <c r="R44" s="1115"/>
      <c r="S44" s="1115"/>
      <c r="T44" s="1115"/>
      <c r="U44" s="1115"/>
      <c r="V44" s="1115"/>
      <c r="W44" s="1115"/>
      <c r="X44" s="1115"/>
      <c r="Y44" s="1115"/>
      <c r="Z44" s="1115"/>
      <c r="AA44" s="1115"/>
      <c r="AB44" s="1115"/>
      <c r="AC44" s="1115"/>
      <c r="AD44" s="1115"/>
      <c r="AE44" s="1115"/>
      <c r="AF44" s="1115"/>
      <c r="AG44" s="1115"/>
      <c r="AH44" s="1115"/>
      <c r="AI44" s="1115"/>
      <c r="AJ44" s="1115"/>
      <c r="AK44" s="1115"/>
      <c r="AL44" s="1116"/>
      <c r="AM44" s="5"/>
      <c r="AN44" s="764">
        <v>1565.5</v>
      </c>
      <c r="AO44" s="765"/>
      <c r="AP44" s="765"/>
      <c r="AQ44" s="765"/>
      <c r="AR44" s="765"/>
      <c r="AS44" s="727" t="s">
        <v>827</v>
      </c>
      <c r="AT44" s="727"/>
      <c r="AU44" s="727"/>
      <c r="AV44" s="728"/>
      <c r="AW44" s="710">
        <v>30.4</v>
      </c>
      <c r="AX44" s="711"/>
      <c r="AY44" s="711"/>
      <c r="AZ44" s="711"/>
      <c r="BA44" s="711"/>
      <c r="BB44" s="711"/>
      <c r="BC44" s="706" t="s">
        <v>897</v>
      </c>
      <c r="BD44" s="706"/>
      <c r="BE44" s="706"/>
      <c r="BF44" s="707"/>
      <c r="BG44" s="710">
        <v>87.7</v>
      </c>
      <c r="BH44" s="711"/>
      <c r="BI44" s="711"/>
      <c r="BJ44" s="711"/>
      <c r="BK44" s="711"/>
      <c r="BL44" s="711"/>
      <c r="BM44" s="706" t="s">
        <v>828</v>
      </c>
      <c r="BN44" s="706"/>
      <c r="BO44" s="706"/>
      <c r="BP44" s="707"/>
      <c r="BQ44" s="130"/>
      <c r="BR44" s="714">
        <v>103.76</v>
      </c>
      <c r="BS44" s="715"/>
      <c r="BT44" s="715"/>
      <c r="BU44" s="715"/>
      <c r="BV44" s="715"/>
      <c r="BW44" s="715"/>
      <c r="BX44" s="715"/>
      <c r="BY44" s="696" t="s">
        <v>793</v>
      </c>
      <c r="BZ44" s="696"/>
      <c r="CA44" s="696"/>
      <c r="CB44" s="697"/>
      <c r="CC44" s="718">
        <v>2459</v>
      </c>
      <c r="CD44" s="719"/>
      <c r="CE44" s="719"/>
      <c r="CF44" s="719"/>
      <c r="CG44" s="719"/>
      <c r="CH44" s="719"/>
      <c r="CI44" s="719"/>
      <c r="CJ44" s="696" t="s">
        <v>813</v>
      </c>
      <c r="CK44" s="696"/>
      <c r="CL44" s="696"/>
      <c r="CM44" s="697"/>
    </row>
    <row r="45" spans="1:95" ht="17.25" customHeight="1" x14ac:dyDescent="0.15">
      <c r="A45" s="216"/>
      <c r="B45" s="217"/>
      <c r="C45" s="217"/>
      <c r="D45" s="217"/>
      <c r="E45" s="217"/>
      <c r="F45" s="217"/>
      <c r="G45" s="217"/>
      <c r="H45" s="217"/>
      <c r="I45" s="217"/>
      <c r="J45" s="217"/>
      <c r="K45" s="217"/>
      <c r="L45" s="217"/>
      <c r="M45" s="218"/>
      <c r="N45" s="84"/>
      <c r="O45" s="1114"/>
      <c r="P45" s="1115"/>
      <c r="Q45" s="1115"/>
      <c r="R45" s="1115"/>
      <c r="S45" s="1115"/>
      <c r="T45" s="1115"/>
      <c r="U45" s="1115"/>
      <c r="V45" s="1115"/>
      <c r="W45" s="1115"/>
      <c r="X45" s="1115"/>
      <c r="Y45" s="1115"/>
      <c r="Z45" s="1115"/>
      <c r="AA45" s="1115"/>
      <c r="AB45" s="1115"/>
      <c r="AC45" s="1115"/>
      <c r="AD45" s="1115"/>
      <c r="AE45" s="1115"/>
      <c r="AF45" s="1115"/>
      <c r="AG45" s="1115"/>
      <c r="AH45" s="1115"/>
      <c r="AI45" s="1115"/>
      <c r="AJ45" s="1115"/>
      <c r="AK45" s="1115"/>
      <c r="AL45" s="1116"/>
      <c r="AM45" s="5"/>
      <c r="AN45" s="766"/>
      <c r="AO45" s="767"/>
      <c r="AP45" s="767"/>
      <c r="AQ45" s="767"/>
      <c r="AR45" s="767"/>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95" ht="17.25" customHeight="1" x14ac:dyDescent="0.15">
      <c r="A46" s="216"/>
      <c r="B46" s="217"/>
      <c r="C46" s="217"/>
      <c r="D46" s="217"/>
      <c r="E46" s="217"/>
      <c r="F46" s="217"/>
      <c r="G46" s="217"/>
      <c r="H46" s="217"/>
      <c r="I46" s="217"/>
      <c r="J46" s="217"/>
      <c r="K46" s="217"/>
      <c r="L46" s="217"/>
      <c r="M46" s="218"/>
      <c r="N46" s="84"/>
      <c r="O46" s="1114"/>
      <c r="P46" s="1115"/>
      <c r="Q46" s="1115"/>
      <c r="R46" s="1115"/>
      <c r="S46" s="1115"/>
      <c r="T46" s="1115"/>
      <c r="U46" s="1115"/>
      <c r="V46" s="1115"/>
      <c r="W46" s="1115"/>
      <c r="X46" s="1115"/>
      <c r="Y46" s="1115"/>
      <c r="Z46" s="1115"/>
      <c r="AA46" s="1115"/>
      <c r="AB46" s="1115"/>
      <c r="AC46" s="1115"/>
      <c r="AD46" s="1115"/>
      <c r="AE46" s="1115"/>
      <c r="AF46" s="1115"/>
      <c r="AG46" s="1115"/>
      <c r="AH46" s="1115"/>
      <c r="AI46" s="1115"/>
      <c r="AJ46" s="1115"/>
      <c r="AK46" s="1115"/>
      <c r="AL46" s="1116"/>
      <c r="AM46" s="5"/>
      <c r="AN46" s="703" t="s">
        <v>898</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795</v>
      </c>
      <c r="CE46" s="704"/>
      <c r="CF46" s="704"/>
      <c r="CG46" s="704"/>
      <c r="CH46" s="704"/>
      <c r="CI46" s="704"/>
      <c r="CJ46" s="704"/>
      <c r="CK46" s="704"/>
      <c r="CL46" s="704"/>
      <c r="CM46" s="705"/>
    </row>
    <row r="47" spans="1:95" ht="17.25" customHeight="1" x14ac:dyDescent="0.15">
      <c r="A47" s="216"/>
      <c r="B47" s="217"/>
      <c r="C47" s="217"/>
      <c r="D47" s="217"/>
      <c r="E47" s="217"/>
      <c r="F47" s="217"/>
      <c r="G47" s="217"/>
      <c r="H47" s="217"/>
      <c r="I47" s="217"/>
      <c r="J47" s="217"/>
      <c r="K47" s="217"/>
      <c r="L47" s="217"/>
      <c r="M47" s="218"/>
      <c r="N47" s="68"/>
      <c r="O47" s="1114"/>
      <c r="P47" s="1115"/>
      <c r="Q47" s="1115"/>
      <c r="R47" s="1115"/>
      <c r="S47" s="1115"/>
      <c r="T47" s="1115"/>
      <c r="U47" s="1115"/>
      <c r="V47" s="1115"/>
      <c r="W47" s="1115"/>
      <c r="X47" s="1115"/>
      <c r="Y47" s="1115"/>
      <c r="Z47" s="1115"/>
      <c r="AA47" s="1115"/>
      <c r="AB47" s="1115"/>
      <c r="AC47" s="1115"/>
      <c r="AD47" s="1115"/>
      <c r="AE47" s="1115"/>
      <c r="AF47" s="1115"/>
      <c r="AG47" s="1115"/>
      <c r="AH47" s="1115"/>
      <c r="AI47" s="1115"/>
      <c r="AJ47" s="1115"/>
      <c r="AK47" s="1115"/>
      <c r="AL47" s="1116"/>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889</v>
      </c>
      <c r="BP47" s="734"/>
      <c r="BQ47" s="734"/>
      <c r="BR47" s="734"/>
      <c r="BS47" s="734"/>
      <c r="BT47" s="733" t="s">
        <v>851</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95" ht="17.25" customHeight="1" x14ac:dyDescent="0.15">
      <c r="A48" s="216"/>
      <c r="B48" s="217"/>
      <c r="C48" s="217"/>
      <c r="D48" s="217"/>
      <c r="E48" s="217"/>
      <c r="F48" s="217"/>
      <c r="G48" s="217"/>
      <c r="H48" s="217"/>
      <c r="I48" s="217"/>
      <c r="J48" s="217"/>
      <c r="K48" s="217"/>
      <c r="L48" s="217"/>
      <c r="M48" s="218"/>
      <c r="N48" s="84"/>
      <c r="O48" s="1114"/>
      <c r="P48" s="1115"/>
      <c r="Q48" s="1115"/>
      <c r="R48" s="1115"/>
      <c r="S48" s="1115"/>
      <c r="T48" s="1115"/>
      <c r="U48" s="1115"/>
      <c r="V48" s="1115"/>
      <c r="W48" s="1115"/>
      <c r="X48" s="1115"/>
      <c r="Y48" s="1115"/>
      <c r="Z48" s="1115"/>
      <c r="AA48" s="1115"/>
      <c r="AB48" s="1115"/>
      <c r="AC48" s="1115"/>
      <c r="AD48" s="1115"/>
      <c r="AE48" s="1115"/>
      <c r="AF48" s="1115"/>
      <c r="AG48" s="1115"/>
      <c r="AH48" s="1115"/>
      <c r="AI48" s="1115"/>
      <c r="AJ48" s="1115"/>
      <c r="AK48" s="1115"/>
      <c r="AL48" s="1116"/>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217"/>
      <c r="C49" s="217"/>
      <c r="D49" s="217"/>
      <c r="E49" s="217"/>
      <c r="F49" s="217"/>
      <c r="G49" s="217"/>
      <c r="H49" s="217"/>
      <c r="I49" s="217"/>
      <c r="J49" s="217"/>
      <c r="K49" s="217"/>
      <c r="L49" s="217"/>
      <c r="M49" s="218"/>
      <c r="N49" s="84"/>
      <c r="O49" s="1114"/>
      <c r="P49" s="1115"/>
      <c r="Q49" s="1115"/>
      <c r="R49" s="1115"/>
      <c r="S49" s="1115"/>
      <c r="T49" s="1115"/>
      <c r="U49" s="1115"/>
      <c r="V49" s="1115"/>
      <c r="W49" s="1115"/>
      <c r="X49" s="1115"/>
      <c r="Y49" s="1115"/>
      <c r="Z49" s="1115"/>
      <c r="AA49" s="1115"/>
      <c r="AB49" s="1115"/>
      <c r="AC49" s="1115"/>
      <c r="AD49" s="1115"/>
      <c r="AE49" s="1115"/>
      <c r="AF49" s="1115"/>
      <c r="AG49" s="1115"/>
      <c r="AH49" s="1115"/>
      <c r="AI49" s="1115"/>
      <c r="AJ49" s="1115"/>
      <c r="AK49" s="1115"/>
      <c r="AL49" s="1116"/>
      <c r="AM49" s="5"/>
      <c r="AN49" s="223">
        <v>32056.862000000001</v>
      </c>
      <c r="AO49" s="224"/>
      <c r="AP49" s="224"/>
      <c r="AQ49" s="224"/>
      <c r="AR49" s="224"/>
      <c r="AS49" s="224"/>
      <c r="AT49" s="225"/>
      <c r="AU49" s="229">
        <v>0.79600000000000004</v>
      </c>
      <c r="AV49" s="230"/>
      <c r="AW49" s="230"/>
      <c r="AX49" s="230"/>
      <c r="AY49" s="231"/>
      <c r="AZ49" s="210">
        <v>10.5</v>
      </c>
      <c r="BA49" s="211"/>
      <c r="BB49" s="211"/>
      <c r="BC49" s="211"/>
      <c r="BD49" s="212"/>
      <c r="BE49" s="210">
        <v>1.6</v>
      </c>
      <c r="BF49" s="211"/>
      <c r="BG49" s="211"/>
      <c r="BH49" s="211"/>
      <c r="BI49" s="212"/>
      <c r="BJ49" s="210">
        <v>8.4</v>
      </c>
      <c r="BK49" s="211"/>
      <c r="BL49" s="211"/>
      <c r="BM49" s="211"/>
      <c r="BN49" s="212"/>
      <c r="BO49" s="210">
        <v>7.9</v>
      </c>
      <c r="BP49" s="211"/>
      <c r="BQ49" s="211"/>
      <c r="BR49" s="211"/>
      <c r="BS49" s="212"/>
      <c r="BT49" s="210">
        <v>95</v>
      </c>
      <c r="BU49" s="211"/>
      <c r="BV49" s="211"/>
      <c r="BW49" s="211"/>
      <c r="BX49" s="212"/>
      <c r="BY49" s="210">
        <v>12.8</v>
      </c>
      <c r="BZ49" s="211"/>
      <c r="CA49" s="211"/>
      <c r="CB49" s="211"/>
      <c r="CC49" s="212"/>
      <c r="CD49" s="210">
        <v>56.2</v>
      </c>
      <c r="CE49" s="211"/>
      <c r="CF49" s="211"/>
      <c r="CG49" s="211"/>
      <c r="CH49" s="212"/>
      <c r="CI49" s="210">
        <v>49.7</v>
      </c>
      <c r="CJ49" s="211"/>
      <c r="CK49" s="211"/>
      <c r="CL49" s="211"/>
      <c r="CM49" s="212"/>
    </row>
    <row r="50" spans="1:91" ht="17.25" customHeight="1" x14ac:dyDescent="0.15">
      <c r="A50" s="235"/>
      <c r="B50" s="236"/>
      <c r="C50" s="236"/>
      <c r="D50" s="236"/>
      <c r="E50" s="236"/>
      <c r="F50" s="236"/>
      <c r="G50" s="236"/>
      <c r="H50" s="236"/>
      <c r="I50" s="236"/>
      <c r="J50" s="236"/>
      <c r="K50" s="236"/>
      <c r="L50" s="236"/>
      <c r="M50" s="237"/>
      <c r="N50" s="87"/>
      <c r="O50" s="1121"/>
      <c r="P50" s="1122"/>
      <c r="Q50" s="1122"/>
      <c r="R50" s="1122"/>
      <c r="S50" s="1122"/>
      <c r="T50" s="1122"/>
      <c r="U50" s="1122"/>
      <c r="V50" s="1122"/>
      <c r="W50" s="1122"/>
      <c r="X50" s="1122"/>
      <c r="Y50" s="1122"/>
      <c r="Z50" s="1122"/>
      <c r="AA50" s="1122"/>
      <c r="AB50" s="1122"/>
      <c r="AC50" s="1122"/>
      <c r="AD50" s="1122"/>
      <c r="AE50" s="1122"/>
      <c r="AF50" s="1122"/>
      <c r="AG50" s="1122"/>
      <c r="AH50" s="1122"/>
      <c r="AI50" s="1122"/>
      <c r="AJ50" s="1122"/>
      <c r="AK50" s="1122"/>
      <c r="AL50" s="1123"/>
      <c r="AM50" s="129"/>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sheetData>
  <sheetProtection formatCells="0" selectLockedCells="1"/>
  <mergeCells count="183">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G42:BP43"/>
    <mergeCell ref="CJ44:CM45"/>
    <mergeCell ref="A45:M45"/>
    <mergeCell ref="O45:AL45"/>
    <mergeCell ref="BR42:CB43"/>
    <mergeCell ref="CC42:CM43"/>
    <mergeCell ref="A46:M46"/>
    <mergeCell ref="O46:AL46"/>
    <mergeCell ref="AN46:AV46"/>
    <mergeCell ref="AW46:BD46"/>
    <mergeCell ref="CD46:CM46"/>
    <mergeCell ref="BC44:BF45"/>
    <mergeCell ref="BG44:BL45"/>
    <mergeCell ref="BM44:BP45"/>
    <mergeCell ref="BR44:BX45"/>
    <mergeCell ref="BY44:CB45"/>
    <mergeCell ref="CC44:CI45"/>
    <mergeCell ref="A43:M43"/>
    <mergeCell ref="O43:AL43"/>
    <mergeCell ref="A44:M44"/>
    <mergeCell ref="O44:AL44"/>
    <mergeCell ref="AN44:AR45"/>
    <mergeCell ref="AS44:AV45"/>
    <mergeCell ref="AW44:BB45"/>
    <mergeCell ref="A42:M42"/>
    <mergeCell ref="O42:AL42"/>
    <mergeCell ref="AN42:AV43"/>
    <mergeCell ref="AW42:BF43"/>
    <mergeCell ref="A41:M41"/>
    <mergeCell ref="O41:AL41"/>
    <mergeCell ref="AU41:BE41"/>
    <mergeCell ref="BR41:CM41"/>
    <mergeCell ref="CH37:CM38"/>
    <mergeCell ref="A38:M38"/>
    <mergeCell ref="O38:AL38"/>
    <mergeCell ref="A39:M39"/>
    <mergeCell ref="O39:AL39"/>
    <mergeCell ref="AN39:AV40"/>
    <mergeCell ref="AW39:BF40"/>
    <mergeCell ref="BG39:BP40"/>
    <mergeCell ref="BR39:BX40"/>
    <mergeCell ref="BY39:CG40"/>
    <mergeCell ref="A37:M37"/>
    <mergeCell ref="O37:AL37"/>
    <mergeCell ref="AN37:AV38"/>
    <mergeCell ref="AW37:BF38"/>
    <mergeCell ref="BG37:BP38"/>
    <mergeCell ref="BR37:BX38"/>
    <mergeCell ref="BY37:CG38"/>
    <mergeCell ref="CH39:CM40"/>
    <mergeCell ref="A40:M40"/>
    <mergeCell ref="O40:AL40"/>
    <mergeCell ref="A29:AL29"/>
    <mergeCell ref="AO29:BP29"/>
    <mergeCell ref="A30:AL35"/>
    <mergeCell ref="AO30:BP30"/>
    <mergeCell ref="BY30:CI30"/>
    <mergeCell ref="AO31:BP31"/>
    <mergeCell ref="BR31:BX32"/>
    <mergeCell ref="BY31:CG32"/>
    <mergeCell ref="CH31:CM32"/>
    <mergeCell ref="AO33:BP33"/>
    <mergeCell ref="BR33:BX34"/>
    <mergeCell ref="BY33:CG34"/>
    <mergeCell ref="CH33:CM34"/>
    <mergeCell ref="AN34:BO34"/>
    <mergeCell ref="AN35:AV36"/>
    <mergeCell ref="AW35:BF36"/>
    <mergeCell ref="BG35:BP36"/>
    <mergeCell ref="BR35:BX36"/>
    <mergeCell ref="BY35:CG36"/>
    <mergeCell ref="CH35:CM36"/>
    <mergeCell ref="A36:M36"/>
    <mergeCell ref="O36:AL36"/>
    <mergeCell ref="AO32:BP32"/>
    <mergeCell ref="A26:E28"/>
    <mergeCell ref="F26:M26"/>
    <mergeCell ref="Q26:AL26"/>
    <mergeCell ref="AO26:CM26"/>
    <mergeCell ref="F27:M28"/>
    <mergeCell ref="O27:P28"/>
    <mergeCell ref="Q27:AL27"/>
    <mergeCell ref="AO27:CM27"/>
    <mergeCell ref="Q28:AL28"/>
    <mergeCell ref="AN28:BP28"/>
    <mergeCell ref="O23:P24"/>
    <mergeCell ref="Q23:AL23"/>
    <mergeCell ref="AO23:CM23"/>
    <mergeCell ref="F24:M25"/>
    <mergeCell ref="Q24:AL24"/>
    <mergeCell ref="AO24:CM24"/>
    <mergeCell ref="O25:P26"/>
    <mergeCell ref="Q25:AL25"/>
    <mergeCell ref="AO25:CM25"/>
    <mergeCell ref="AN13:AS15"/>
    <mergeCell ref="AN19:AS21"/>
    <mergeCell ref="AT19:CM21"/>
    <mergeCell ref="F20:M20"/>
    <mergeCell ref="Q20:AL20"/>
    <mergeCell ref="F21:M22"/>
    <mergeCell ref="Q21:AL21"/>
    <mergeCell ref="Q22:AL22"/>
    <mergeCell ref="AN22:CM22"/>
    <mergeCell ref="AN16:AS18"/>
    <mergeCell ref="AT16:CM18"/>
    <mergeCell ref="AT13:CM15"/>
    <mergeCell ref="F14:M15"/>
    <mergeCell ref="Q14:T14"/>
    <mergeCell ref="A15:E15"/>
    <mergeCell ref="Q15:T15"/>
    <mergeCell ref="U15:X15"/>
    <mergeCell ref="Y15:AL16"/>
    <mergeCell ref="A16:E16"/>
    <mergeCell ref="F16:M16"/>
    <mergeCell ref="A13:E14"/>
    <mergeCell ref="F13:M13"/>
    <mergeCell ref="N13:N28"/>
    <mergeCell ref="O13:P22"/>
    <mergeCell ref="Q13:T13"/>
    <mergeCell ref="U13:AL14"/>
    <mergeCell ref="Q16:T16"/>
    <mergeCell ref="U16:X16"/>
    <mergeCell ref="A23:E25"/>
    <mergeCell ref="F23:M23"/>
    <mergeCell ref="A17:E22"/>
    <mergeCell ref="F17:M17"/>
    <mergeCell ref="Q17:T17"/>
    <mergeCell ref="U17:X17"/>
    <mergeCell ref="Y17:AL17"/>
    <mergeCell ref="F18:M19"/>
    <mergeCell ref="Q18:AL18"/>
    <mergeCell ref="Q19:AL19"/>
    <mergeCell ref="AN9:CM9"/>
    <mergeCell ref="A10:D11"/>
    <mergeCell ref="E10:AL11"/>
    <mergeCell ref="AN10:AS12"/>
    <mergeCell ref="AT10:CM12"/>
    <mergeCell ref="A12:D12"/>
    <mergeCell ref="E12:AL12"/>
    <mergeCell ref="A8:D9"/>
    <mergeCell ref="F8:K8"/>
    <mergeCell ref="L8:Y8"/>
    <mergeCell ref="Z8:AB9"/>
    <mergeCell ref="AC8:AL9"/>
    <mergeCell ref="E9:Y9"/>
    <mergeCell ref="A1:H4"/>
    <mergeCell ref="I1:M5"/>
    <mergeCell ref="N1:AL4"/>
    <mergeCell ref="AN1:CM1"/>
    <mergeCell ref="AN2:CM8"/>
    <mergeCell ref="A5:D5"/>
    <mergeCell ref="E5:H5"/>
    <mergeCell ref="N5:AL5"/>
    <mergeCell ref="A6:H7"/>
    <mergeCell ref="I6:AL7"/>
  </mergeCells>
  <phoneticPr fontId="3"/>
  <hyperlinks>
    <hyperlink ref="E12:AL12" r:id="rId1" display="http://www.city.hadano.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2―</oddFooter>
  </headerFooter>
  <drawing r:id="rId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8"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375" style="3" customWidth="1"/>
    <col min="95" max="16384" width="9" style="3"/>
  </cols>
  <sheetData>
    <row r="1" spans="1:100" ht="17.25" customHeight="1" x14ac:dyDescent="0.15">
      <c r="A1" s="644" t="s" ph="1">
        <v>22</v>
      </c>
      <c r="B1" s="644" ph="1"/>
      <c r="C1" s="644" ph="1"/>
      <c r="D1" s="644" ph="1"/>
      <c r="E1" s="644" ph="1"/>
      <c r="F1" s="644" ph="1"/>
      <c r="G1" s="644" ph="1"/>
      <c r="H1" s="644" ph="1"/>
      <c r="I1" s="645"/>
      <c r="J1" s="645"/>
      <c r="K1" s="645"/>
      <c r="L1" s="645"/>
      <c r="M1" s="645"/>
      <c r="N1" s="454" t="s">
        <v>899</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900</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1" t="s">
        <v>236</v>
      </c>
      <c r="B4" s="641"/>
      <c r="C4" s="641"/>
      <c r="D4" s="641"/>
      <c r="E4" s="458">
        <v>142123</v>
      </c>
      <c r="F4" s="458"/>
      <c r="G4" s="458"/>
      <c r="H4" s="458"/>
      <c r="I4" s="647"/>
      <c r="J4" s="647"/>
      <c r="K4" s="647"/>
      <c r="L4" s="647"/>
      <c r="M4" s="647"/>
      <c r="N4" s="459" t="s">
        <v>17</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428" t="s">
        <v>237</v>
      </c>
      <c r="B5" s="428"/>
      <c r="C5" s="428"/>
      <c r="D5" s="428"/>
      <c r="E5" s="428"/>
      <c r="F5" s="428"/>
      <c r="G5" s="428"/>
      <c r="H5" s="428"/>
      <c r="I5" s="460" t="s">
        <v>746</v>
      </c>
      <c r="J5" s="1124"/>
      <c r="K5" s="1124"/>
      <c r="L5" s="1124"/>
      <c r="M5" s="1124"/>
      <c r="N5" s="1124"/>
      <c r="O5" s="1124"/>
      <c r="P5" s="1124"/>
      <c r="Q5" s="1124"/>
      <c r="R5" s="1124"/>
      <c r="S5" s="1124"/>
      <c r="T5" s="1124"/>
      <c r="U5" s="1124"/>
      <c r="V5" s="1124"/>
      <c r="W5" s="1124"/>
      <c r="X5" s="1124"/>
      <c r="Y5" s="1124"/>
      <c r="Z5" s="1124"/>
      <c r="AA5" s="1124"/>
      <c r="AB5" s="1124"/>
      <c r="AC5" s="1124"/>
      <c r="AD5" s="1124"/>
      <c r="AE5" s="1124"/>
      <c r="AF5" s="1124"/>
      <c r="AG5" s="1124"/>
      <c r="AH5" s="1124"/>
      <c r="AI5" s="1124"/>
      <c r="AJ5" s="1124"/>
      <c r="AK5" s="1124"/>
      <c r="AL5" s="1125"/>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428"/>
      <c r="B6" s="428"/>
      <c r="C6" s="428"/>
      <c r="D6" s="428"/>
      <c r="E6" s="428"/>
      <c r="F6" s="428"/>
      <c r="G6" s="428"/>
      <c r="H6" s="428"/>
      <c r="I6" s="1126"/>
      <c r="J6" s="1127"/>
      <c r="K6" s="1127"/>
      <c r="L6" s="1127"/>
      <c r="M6" s="1127"/>
      <c r="N6" s="1127"/>
      <c r="O6" s="1127"/>
      <c r="P6" s="1127"/>
      <c r="Q6" s="1127"/>
      <c r="R6" s="1127"/>
      <c r="S6" s="1127"/>
      <c r="T6" s="1127"/>
      <c r="U6" s="1127"/>
      <c r="V6" s="1127"/>
      <c r="W6" s="1127"/>
      <c r="X6" s="1127"/>
      <c r="Y6" s="1127"/>
      <c r="Z6" s="1127"/>
      <c r="AA6" s="1127"/>
      <c r="AB6" s="1127"/>
      <c r="AC6" s="1127"/>
      <c r="AD6" s="1127"/>
      <c r="AE6" s="1127"/>
      <c r="AF6" s="1127"/>
      <c r="AG6" s="1127"/>
      <c r="AH6" s="1127"/>
      <c r="AI6" s="1127"/>
      <c r="AJ6" s="1127"/>
      <c r="AK6" s="1127"/>
      <c r="AL6" s="1128"/>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05" t="s">
        <v>238</v>
      </c>
      <c r="B7" s="406"/>
      <c r="C7" s="406"/>
      <c r="D7" s="407"/>
      <c r="E7" s="65" t="s">
        <v>0</v>
      </c>
      <c r="F7" s="492" t="s">
        <v>18</v>
      </c>
      <c r="G7" s="492"/>
      <c r="H7" s="492"/>
      <c r="I7" s="492"/>
      <c r="J7" s="492"/>
      <c r="K7" s="492"/>
      <c r="L7" s="493"/>
      <c r="M7" s="642"/>
      <c r="N7" s="642"/>
      <c r="O7" s="642"/>
      <c r="P7" s="642"/>
      <c r="Q7" s="642"/>
      <c r="R7" s="642"/>
      <c r="S7" s="642"/>
      <c r="T7" s="642"/>
      <c r="U7" s="642"/>
      <c r="V7" s="642"/>
      <c r="W7" s="642"/>
      <c r="X7" s="642"/>
      <c r="Y7" s="643"/>
      <c r="Z7" s="332" t="s">
        <v>239</v>
      </c>
      <c r="AA7" s="332"/>
      <c r="AB7" s="332"/>
      <c r="AC7" s="431" t="s">
        <v>19</v>
      </c>
      <c r="AD7" s="431"/>
      <c r="AE7" s="431"/>
      <c r="AF7" s="431"/>
      <c r="AG7" s="431"/>
      <c r="AH7" s="431"/>
      <c r="AI7" s="431"/>
      <c r="AJ7" s="431"/>
      <c r="AK7" s="431"/>
      <c r="AL7" s="43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c r="B8" s="406"/>
      <c r="C8" s="406"/>
      <c r="D8" s="407"/>
      <c r="E8" s="433" t="s">
        <v>23</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472"/>
      <c r="AO8" s="473"/>
      <c r="AP8" s="473"/>
      <c r="AQ8" s="473"/>
      <c r="AR8" s="473"/>
      <c r="AS8" s="473"/>
      <c r="AT8" s="473"/>
      <c r="AU8" s="473"/>
      <c r="AV8" s="473"/>
      <c r="AW8" s="473"/>
      <c r="AX8" s="473"/>
      <c r="AY8" s="473"/>
      <c r="AZ8" s="473"/>
      <c r="BA8" s="473"/>
      <c r="BB8" s="473"/>
      <c r="BC8" s="473"/>
      <c r="BD8" s="473"/>
      <c r="BE8" s="473"/>
      <c r="BF8" s="473"/>
      <c r="BG8" s="473"/>
      <c r="BH8" s="473"/>
      <c r="BI8" s="473"/>
      <c r="BJ8" s="473"/>
      <c r="BK8" s="473"/>
      <c r="BL8" s="473"/>
      <c r="BM8" s="473"/>
      <c r="BN8" s="473"/>
      <c r="BO8" s="473"/>
      <c r="BP8" s="473"/>
      <c r="BQ8" s="473"/>
      <c r="BR8" s="473"/>
      <c r="BS8" s="473"/>
      <c r="BT8" s="473"/>
      <c r="BU8" s="473"/>
      <c r="BV8" s="473"/>
      <c r="BW8" s="473"/>
      <c r="BX8" s="473"/>
      <c r="BY8" s="473"/>
      <c r="BZ8" s="473"/>
      <c r="CA8" s="473"/>
      <c r="CB8" s="473"/>
      <c r="CC8" s="473"/>
      <c r="CD8" s="473"/>
      <c r="CE8" s="473"/>
      <c r="CF8" s="473"/>
      <c r="CG8" s="473"/>
      <c r="CH8" s="473"/>
      <c r="CI8" s="473"/>
      <c r="CJ8" s="473"/>
      <c r="CK8" s="473"/>
      <c r="CL8" s="473"/>
      <c r="CM8" s="474"/>
    </row>
    <row r="9" spans="1:100" ht="17.25" customHeight="1" x14ac:dyDescent="0.15">
      <c r="A9" s="405" t="s">
        <v>240</v>
      </c>
      <c r="B9" s="406"/>
      <c r="C9" s="406"/>
      <c r="D9" s="407"/>
      <c r="E9" s="445" t="s">
        <v>901</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388" t="s">
        <v>245</v>
      </c>
      <c r="AO9" s="388"/>
      <c r="AP9" s="389"/>
      <c r="AQ9" s="389"/>
      <c r="AR9" s="389"/>
      <c r="AS9" s="389"/>
      <c r="AT9" s="389"/>
      <c r="AU9" s="389"/>
      <c r="AV9" s="389"/>
      <c r="AW9" s="389"/>
      <c r="AX9" s="389"/>
      <c r="AY9" s="389"/>
      <c r="AZ9" s="389"/>
      <c r="BA9" s="389"/>
      <c r="BB9" s="389"/>
      <c r="BC9" s="389"/>
      <c r="BD9" s="389"/>
      <c r="BE9" s="389"/>
      <c r="BF9" s="389"/>
      <c r="BG9" s="389"/>
      <c r="BH9" s="389"/>
      <c r="BI9" s="389"/>
      <c r="BJ9" s="389"/>
      <c r="BK9" s="389"/>
      <c r="BL9" s="389"/>
      <c r="BM9" s="389"/>
      <c r="BN9" s="389"/>
      <c r="BO9" s="389"/>
      <c r="BP9" s="389"/>
      <c r="BQ9" s="389"/>
      <c r="BR9" s="389"/>
      <c r="BS9" s="389"/>
      <c r="BT9" s="389"/>
      <c r="BU9" s="389"/>
      <c r="BV9" s="389"/>
      <c r="BW9" s="389"/>
      <c r="BX9" s="389"/>
      <c r="BY9" s="389"/>
      <c r="BZ9" s="389"/>
      <c r="CA9" s="389"/>
      <c r="CB9" s="389"/>
      <c r="CC9" s="389"/>
      <c r="CD9" s="389"/>
      <c r="CE9" s="389"/>
      <c r="CF9" s="389"/>
      <c r="CG9" s="389"/>
      <c r="CH9" s="389"/>
      <c r="CI9" s="389"/>
      <c r="CJ9" s="389"/>
      <c r="CK9" s="389"/>
      <c r="CL9" s="389"/>
      <c r="CM9" s="389"/>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287" t="s">
        <v>219</v>
      </c>
      <c r="AO10" s="287"/>
      <c r="AP10" s="287"/>
      <c r="AQ10" s="287"/>
      <c r="AR10" s="287"/>
      <c r="AS10" s="287"/>
      <c r="AT10" s="856" t="s">
        <v>1331</v>
      </c>
      <c r="AU10" s="856"/>
      <c r="AV10" s="856"/>
      <c r="AW10" s="856"/>
      <c r="AX10" s="856"/>
      <c r="AY10" s="856"/>
      <c r="AZ10" s="856"/>
      <c r="BA10" s="856"/>
      <c r="BB10" s="856"/>
      <c r="BC10" s="856"/>
      <c r="BD10" s="856"/>
      <c r="BE10" s="856"/>
      <c r="BF10" s="856"/>
      <c r="BG10" s="856"/>
      <c r="BH10" s="856"/>
      <c r="BI10" s="856"/>
      <c r="BJ10" s="856"/>
      <c r="BK10" s="856"/>
      <c r="BL10" s="856"/>
      <c r="BM10" s="856"/>
      <c r="BN10" s="856"/>
      <c r="BO10" s="856"/>
      <c r="BP10" s="856"/>
      <c r="BQ10" s="856"/>
      <c r="BR10" s="856"/>
      <c r="BS10" s="856"/>
      <c r="BT10" s="856"/>
      <c r="BU10" s="856"/>
      <c r="BV10" s="856"/>
      <c r="BW10" s="856"/>
      <c r="BX10" s="856"/>
      <c r="BY10" s="856"/>
      <c r="BZ10" s="856"/>
      <c r="CA10" s="856"/>
      <c r="CB10" s="856"/>
      <c r="CC10" s="856"/>
      <c r="CD10" s="856"/>
      <c r="CE10" s="856"/>
      <c r="CF10" s="856"/>
      <c r="CG10" s="856"/>
      <c r="CH10" s="856"/>
      <c r="CI10" s="856"/>
      <c r="CJ10" s="856"/>
      <c r="CK10" s="856"/>
      <c r="CL10" s="856"/>
      <c r="CM10" s="856"/>
    </row>
    <row r="11" spans="1:100" ht="17.25" customHeight="1" x14ac:dyDescent="0.15">
      <c r="A11" s="405" t="s">
        <v>37</v>
      </c>
      <c r="B11" s="406"/>
      <c r="C11" s="406"/>
      <c r="D11" s="407"/>
      <c r="E11" s="615" t="s">
        <v>902</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287"/>
      <c r="AO11" s="287"/>
      <c r="AP11" s="287"/>
      <c r="AQ11" s="287"/>
      <c r="AR11" s="287"/>
      <c r="AS11" s="287"/>
      <c r="AT11" s="856"/>
      <c r="AU11" s="856"/>
      <c r="AV11" s="856"/>
      <c r="AW11" s="856"/>
      <c r="AX11" s="856"/>
      <c r="AY11" s="856"/>
      <c r="AZ11" s="856"/>
      <c r="BA11" s="856"/>
      <c r="BB11" s="856"/>
      <c r="BC11" s="856"/>
      <c r="BD11" s="856"/>
      <c r="BE11" s="856"/>
      <c r="BF11" s="856"/>
      <c r="BG11" s="856"/>
      <c r="BH11" s="856"/>
      <c r="BI11" s="856"/>
      <c r="BJ11" s="856"/>
      <c r="BK11" s="856"/>
      <c r="BL11" s="856"/>
      <c r="BM11" s="856"/>
      <c r="BN11" s="856"/>
      <c r="BO11" s="856"/>
      <c r="BP11" s="856"/>
      <c r="BQ11" s="856"/>
      <c r="BR11" s="856"/>
      <c r="BS11" s="856"/>
      <c r="BT11" s="856"/>
      <c r="BU11" s="856"/>
      <c r="BV11" s="856"/>
      <c r="BW11" s="856"/>
      <c r="BX11" s="856"/>
      <c r="BY11" s="856"/>
      <c r="BZ11" s="856"/>
      <c r="CA11" s="856"/>
      <c r="CB11" s="856"/>
      <c r="CC11" s="856"/>
      <c r="CD11" s="856"/>
      <c r="CE11" s="856"/>
      <c r="CF11" s="856"/>
      <c r="CG11" s="856"/>
      <c r="CH11" s="856"/>
      <c r="CI11" s="856"/>
      <c r="CJ11" s="856"/>
      <c r="CK11" s="856"/>
      <c r="CL11" s="856"/>
      <c r="CM11" s="856"/>
    </row>
    <row r="12" spans="1:100" ht="17.25" customHeight="1" x14ac:dyDescent="0.15">
      <c r="A12" s="332" t="s">
        <v>241</v>
      </c>
      <c r="B12" s="332"/>
      <c r="C12" s="332"/>
      <c r="D12" s="332"/>
      <c r="E12" s="328"/>
      <c r="F12" s="330" t="s">
        <v>1135</v>
      </c>
      <c r="G12" s="331"/>
      <c r="H12" s="331"/>
      <c r="I12" s="331"/>
      <c r="J12" s="331"/>
      <c r="K12" s="331"/>
      <c r="L12" s="331"/>
      <c r="M12" s="331"/>
      <c r="N12" s="522"/>
      <c r="O12" s="416" t="s">
        <v>242</v>
      </c>
      <c r="P12" s="417"/>
      <c r="Q12" s="377">
        <v>20121</v>
      </c>
      <c r="R12" s="220"/>
      <c r="S12" s="220"/>
      <c r="T12" s="220"/>
      <c r="U12" s="854" t="s">
        <v>430</v>
      </c>
      <c r="V12" s="400"/>
      <c r="W12" s="400"/>
      <c r="X12" s="400"/>
      <c r="Y12" s="400"/>
      <c r="Z12" s="400"/>
      <c r="AA12" s="400"/>
      <c r="AB12" s="400"/>
      <c r="AC12" s="400"/>
      <c r="AD12" s="400"/>
      <c r="AE12" s="400"/>
      <c r="AF12" s="400"/>
      <c r="AG12" s="400"/>
      <c r="AH12" s="400"/>
      <c r="AI12" s="400"/>
      <c r="AJ12" s="400"/>
      <c r="AK12" s="400"/>
      <c r="AL12" s="401"/>
      <c r="AM12" s="5"/>
      <c r="AN12" s="287"/>
      <c r="AO12" s="287"/>
      <c r="AP12" s="287"/>
      <c r="AQ12" s="287"/>
      <c r="AR12" s="287"/>
      <c r="AS12" s="287"/>
      <c r="AT12" s="856"/>
      <c r="AU12" s="856"/>
      <c r="AV12" s="856"/>
      <c r="AW12" s="856"/>
      <c r="AX12" s="856"/>
      <c r="AY12" s="856"/>
      <c r="AZ12" s="856"/>
      <c r="BA12" s="856"/>
      <c r="BB12" s="856"/>
      <c r="BC12" s="856"/>
      <c r="BD12" s="856"/>
      <c r="BE12" s="856"/>
      <c r="BF12" s="856"/>
      <c r="BG12" s="856"/>
      <c r="BH12" s="856"/>
      <c r="BI12" s="856"/>
      <c r="BJ12" s="856"/>
      <c r="BK12" s="856"/>
      <c r="BL12" s="856"/>
      <c r="BM12" s="856"/>
      <c r="BN12" s="856"/>
      <c r="BO12" s="856"/>
      <c r="BP12" s="856"/>
      <c r="BQ12" s="856"/>
      <c r="BR12" s="856"/>
      <c r="BS12" s="856"/>
      <c r="BT12" s="856"/>
      <c r="BU12" s="856"/>
      <c r="BV12" s="856"/>
      <c r="BW12" s="856"/>
      <c r="BX12" s="856"/>
      <c r="BY12" s="856"/>
      <c r="BZ12" s="856"/>
      <c r="CA12" s="856"/>
      <c r="CB12" s="856"/>
      <c r="CC12" s="856"/>
      <c r="CD12" s="856"/>
      <c r="CE12" s="856"/>
      <c r="CF12" s="856"/>
      <c r="CG12" s="856"/>
      <c r="CH12" s="856"/>
      <c r="CI12" s="856"/>
      <c r="CJ12" s="856"/>
      <c r="CK12" s="856"/>
      <c r="CL12" s="856"/>
      <c r="CM12" s="856"/>
      <c r="CQ12" s="3" ph="1"/>
      <c r="CR12" s="3" ph="1"/>
      <c r="CS12" s="3" ph="1"/>
      <c r="CT12" s="3" ph="1"/>
      <c r="CU12" s="3" ph="1"/>
      <c r="CV12" s="3" ph="1"/>
    </row>
    <row r="13" spans="1:100" ht="17.25" customHeight="1" x14ac:dyDescent="0.15">
      <c r="A13" s="328"/>
      <c r="B13" s="328"/>
      <c r="C13" s="328"/>
      <c r="D13" s="328"/>
      <c r="E13" s="328"/>
      <c r="F13" s="398" t="s">
        <v>1134</v>
      </c>
      <c r="G13" s="369"/>
      <c r="H13" s="369"/>
      <c r="I13" s="369"/>
      <c r="J13" s="369"/>
      <c r="K13" s="369"/>
      <c r="L13" s="369"/>
      <c r="M13" s="369"/>
      <c r="N13" s="523"/>
      <c r="O13" s="418"/>
      <c r="P13" s="419"/>
      <c r="Q13" s="377"/>
      <c r="R13" s="220"/>
      <c r="S13" s="220"/>
      <c r="T13" s="220"/>
      <c r="U13" s="400"/>
      <c r="V13" s="400"/>
      <c r="W13" s="400"/>
      <c r="X13" s="400"/>
      <c r="Y13" s="400"/>
      <c r="Z13" s="400"/>
      <c r="AA13" s="400"/>
      <c r="AB13" s="400"/>
      <c r="AC13" s="400"/>
      <c r="AD13" s="400"/>
      <c r="AE13" s="400"/>
      <c r="AF13" s="400"/>
      <c r="AG13" s="400"/>
      <c r="AH13" s="400"/>
      <c r="AI13" s="400"/>
      <c r="AJ13" s="400"/>
      <c r="AK13" s="400"/>
      <c r="AL13" s="401"/>
      <c r="AM13" s="5"/>
      <c r="AN13" s="287" t="s">
        <v>220</v>
      </c>
      <c r="AO13" s="287"/>
      <c r="AP13" s="287"/>
      <c r="AQ13" s="287"/>
      <c r="AR13" s="287"/>
      <c r="AS13" s="287"/>
      <c r="AT13" s="856" t="s">
        <v>395</v>
      </c>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426">
        <v>1</v>
      </c>
      <c r="B14" s="651"/>
      <c r="C14" s="651"/>
      <c r="D14" s="651"/>
      <c r="E14" s="651"/>
      <c r="F14" s="370"/>
      <c r="G14" s="370"/>
      <c r="H14" s="370"/>
      <c r="I14" s="370"/>
      <c r="J14" s="370"/>
      <c r="K14" s="370"/>
      <c r="L14" s="370"/>
      <c r="M14" s="370"/>
      <c r="N14" s="523"/>
      <c r="O14" s="418"/>
      <c r="P14" s="419"/>
      <c r="Q14" s="377">
        <v>20278</v>
      </c>
      <c r="R14" s="220"/>
      <c r="S14" s="220"/>
      <c r="T14" s="220"/>
      <c r="U14" s="371" t="s">
        <v>326</v>
      </c>
      <c r="V14" s="220"/>
      <c r="W14" s="220"/>
      <c r="X14" s="220"/>
      <c r="Y14" s="371" t="s">
        <v>24</v>
      </c>
      <c r="Z14" s="220"/>
      <c r="AA14" s="220"/>
      <c r="AB14" s="220"/>
      <c r="AC14" s="220"/>
      <c r="AD14" s="220"/>
      <c r="AE14" s="220"/>
      <c r="AF14" s="220"/>
      <c r="AG14" s="220"/>
      <c r="AH14" s="220"/>
      <c r="AI14" s="220"/>
      <c r="AJ14" s="220"/>
      <c r="AK14" s="220"/>
      <c r="AL14" s="372"/>
      <c r="AM14" s="5"/>
      <c r="AN14" s="287"/>
      <c r="AO14" s="287"/>
      <c r="AP14" s="287"/>
      <c r="AQ14" s="287"/>
      <c r="AR14" s="287"/>
      <c r="AS14" s="287"/>
      <c r="AT14" s="856"/>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6440</v>
      </c>
      <c r="G15" s="430"/>
      <c r="H15" s="430"/>
      <c r="I15" s="430"/>
      <c r="J15" s="430"/>
      <c r="K15" s="430"/>
      <c r="L15" s="430"/>
      <c r="M15" s="430"/>
      <c r="N15" s="523"/>
      <c r="O15" s="418"/>
      <c r="P15" s="419"/>
      <c r="Q15" s="377">
        <v>20728</v>
      </c>
      <c r="R15" s="220"/>
      <c r="S15" s="220"/>
      <c r="T15" s="220"/>
      <c r="U15" s="371" t="s">
        <v>326</v>
      </c>
      <c r="V15" s="220"/>
      <c r="W15" s="220"/>
      <c r="X15" s="220"/>
      <c r="Y15" s="371" t="s">
        <v>25</v>
      </c>
      <c r="Z15" s="220"/>
      <c r="AA15" s="220"/>
      <c r="AB15" s="220"/>
      <c r="AC15" s="220"/>
      <c r="AD15" s="220"/>
      <c r="AE15" s="220"/>
      <c r="AF15" s="220"/>
      <c r="AG15" s="220"/>
      <c r="AH15" s="220"/>
      <c r="AI15" s="220"/>
      <c r="AJ15" s="220"/>
      <c r="AK15" s="220"/>
      <c r="AL15" s="372"/>
      <c r="AM15" s="5"/>
      <c r="AN15" s="287"/>
      <c r="AO15" s="287"/>
      <c r="AP15" s="287"/>
      <c r="AQ15" s="287"/>
      <c r="AR15" s="287"/>
      <c r="AS15" s="287"/>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49</v>
      </c>
      <c r="B16" s="484"/>
      <c r="C16" s="484"/>
      <c r="D16" s="484"/>
      <c r="E16" s="485"/>
      <c r="F16" s="345" t="s">
        <v>1137</v>
      </c>
      <c r="G16" s="346"/>
      <c r="H16" s="346"/>
      <c r="I16" s="346"/>
      <c r="J16" s="346"/>
      <c r="K16" s="346"/>
      <c r="L16" s="346"/>
      <c r="M16" s="346"/>
      <c r="N16" s="523"/>
      <c r="O16" s="418"/>
      <c r="P16" s="419"/>
      <c r="Q16" s="377">
        <v>26177</v>
      </c>
      <c r="R16" s="220"/>
      <c r="S16" s="220"/>
      <c r="T16" s="220"/>
      <c r="U16" s="371" t="s">
        <v>328</v>
      </c>
      <c r="V16" s="220"/>
      <c r="W16" s="220"/>
      <c r="X16" s="220"/>
      <c r="Y16" s="1129" t="s">
        <v>26</v>
      </c>
      <c r="Z16" s="1130"/>
      <c r="AA16" s="1130"/>
      <c r="AB16" s="1130"/>
      <c r="AC16" s="1130"/>
      <c r="AD16" s="1130"/>
      <c r="AE16" s="1130"/>
      <c r="AF16" s="1130"/>
      <c r="AG16" s="1130"/>
      <c r="AH16" s="1130"/>
      <c r="AI16" s="1130"/>
      <c r="AJ16" s="1130"/>
      <c r="AK16" s="1130"/>
      <c r="AL16" s="1131"/>
      <c r="AM16" s="5"/>
      <c r="AN16" s="287" t="s">
        <v>221</v>
      </c>
      <c r="AO16" s="287"/>
      <c r="AP16" s="287"/>
      <c r="AQ16" s="287"/>
      <c r="AR16" s="287"/>
      <c r="AS16" s="287"/>
      <c r="AT16" s="856" t="s">
        <v>783</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t="s">
        <v>1136</v>
      </c>
      <c r="G17" s="369"/>
      <c r="H17" s="369"/>
      <c r="I17" s="369"/>
      <c r="J17" s="369"/>
      <c r="K17" s="369"/>
      <c r="L17" s="369"/>
      <c r="M17" s="369"/>
      <c r="N17" s="523"/>
      <c r="O17" s="418"/>
      <c r="P17" s="419"/>
      <c r="Q17" s="377"/>
      <c r="R17" s="220"/>
      <c r="S17" s="220"/>
      <c r="T17" s="220"/>
      <c r="U17" s="371"/>
      <c r="V17" s="220"/>
      <c r="W17" s="220"/>
      <c r="X17" s="220"/>
      <c r="Y17" s="1130"/>
      <c r="Z17" s="1130"/>
      <c r="AA17" s="1130"/>
      <c r="AB17" s="1130"/>
      <c r="AC17" s="1130"/>
      <c r="AD17" s="1130"/>
      <c r="AE17" s="1130"/>
      <c r="AF17" s="1130"/>
      <c r="AG17" s="1130"/>
      <c r="AH17" s="1130"/>
      <c r="AI17" s="1130"/>
      <c r="AJ17" s="1130"/>
      <c r="AK17" s="1130"/>
      <c r="AL17" s="1131"/>
      <c r="AM17" s="5"/>
      <c r="AN17" s="287"/>
      <c r="AO17" s="287"/>
      <c r="AP17" s="287"/>
      <c r="AQ17" s="287"/>
      <c r="AR17" s="287"/>
      <c r="AS17" s="28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v>37347</v>
      </c>
      <c r="R18" s="220"/>
      <c r="S18" s="220"/>
      <c r="T18" s="220"/>
      <c r="U18" s="371" t="s">
        <v>364</v>
      </c>
      <c r="V18" s="220"/>
      <c r="W18" s="220"/>
      <c r="X18" s="220"/>
      <c r="Y18" s="371"/>
      <c r="Z18" s="220"/>
      <c r="AA18" s="220"/>
      <c r="AB18" s="220"/>
      <c r="AC18" s="220"/>
      <c r="AD18" s="220"/>
      <c r="AE18" s="220"/>
      <c r="AF18" s="220"/>
      <c r="AG18" s="220"/>
      <c r="AH18" s="220"/>
      <c r="AI18" s="220"/>
      <c r="AJ18" s="220"/>
      <c r="AK18" s="220"/>
      <c r="AL18" s="372"/>
      <c r="AM18" s="5"/>
      <c r="AN18" s="287"/>
      <c r="AO18" s="287"/>
      <c r="AP18" s="287"/>
      <c r="AQ18" s="287"/>
      <c r="AR18" s="287"/>
      <c r="AS18" s="287"/>
      <c r="AT18" s="856"/>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380" t="s">
        <v>781</v>
      </c>
      <c r="G19" s="381"/>
      <c r="H19" s="381"/>
      <c r="I19" s="381"/>
      <c r="J19" s="381"/>
      <c r="K19" s="381"/>
      <c r="L19" s="381"/>
      <c r="M19" s="381"/>
      <c r="N19" s="523"/>
      <c r="O19" s="418"/>
      <c r="P19" s="419"/>
      <c r="Q19" s="377">
        <v>42095</v>
      </c>
      <c r="R19" s="220"/>
      <c r="S19" s="220"/>
      <c r="T19" s="220"/>
      <c r="U19" s="1132" t="s">
        <v>382</v>
      </c>
      <c r="V19" s="1132"/>
      <c r="W19" s="1132"/>
      <c r="X19" s="1132"/>
      <c r="Y19" s="1132"/>
      <c r="Z19" s="1132"/>
      <c r="AA19" s="1132"/>
      <c r="AB19" s="1132"/>
      <c r="AC19" s="1132"/>
      <c r="AD19" s="1132"/>
      <c r="AE19" s="1132"/>
      <c r="AF19" s="1132"/>
      <c r="AG19" s="1132"/>
      <c r="AH19" s="1132"/>
      <c r="AI19" s="1132"/>
      <c r="AJ19" s="1132"/>
      <c r="AK19" s="1132"/>
      <c r="AL19" s="1133"/>
      <c r="AM19" s="5"/>
      <c r="AN19" s="287" t="s">
        <v>222</v>
      </c>
      <c r="AO19" s="287"/>
      <c r="AP19" s="287"/>
      <c r="AQ19" s="287"/>
      <c r="AR19" s="287"/>
      <c r="AS19" s="287"/>
      <c r="AT19" s="460" t="s">
        <v>1567</v>
      </c>
      <c r="AU19" s="349"/>
      <c r="AV19" s="349"/>
      <c r="AW19" s="349"/>
      <c r="AX19" s="349"/>
      <c r="AY19" s="349"/>
      <c r="AZ19" s="349"/>
      <c r="BA19" s="349"/>
      <c r="BB19" s="349"/>
      <c r="BC19" s="349"/>
      <c r="BD19" s="349"/>
      <c r="BE19" s="349"/>
      <c r="BF19" s="349"/>
      <c r="BG19" s="349"/>
      <c r="BH19" s="349"/>
      <c r="BI19" s="349"/>
      <c r="BJ19" s="349"/>
      <c r="BK19" s="349"/>
      <c r="BL19" s="349"/>
      <c r="BM19" s="349"/>
      <c r="BN19" s="349"/>
      <c r="BO19" s="349"/>
      <c r="BP19" s="349"/>
      <c r="BQ19" s="349"/>
      <c r="BR19" s="349"/>
      <c r="BS19" s="349"/>
      <c r="BT19" s="349"/>
      <c r="BU19" s="349"/>
      <c r="BV19" s="349"/>
      <c r="BW19" s="349"/>
      <c r="BX19" s="349"/>
      <c r="BY19" s="349"/>
      <c r="BZ19" s="349"/>
      <c r="CA19" s="349"/>
      <c r="CB19" s="349"/>
      <c r="CC19" s="349"/>
      <c r="CD19" s="349"/>
      <c r="CE19" s="349"/>
      <c r="CF19" s="349"/>
      <c r="CG19" s="349"/>
      <c r="CH19" s="349"/>
      <c r="CI19" s="349"/>
      <c r="CJ19" s="349"/>
      <c r="CK19" s="349"/>
      <c r="CL19" s="349"/>
      <c r="CM19" s="350"/>
      <c r="CQ19" s="3" ph="1"/>
      <c r="CR19" s="3" ph="1"/>
      <c r="CS19" s="3" ph="1"/>
      <c r="CT19" s="3" ph="1"/>
      <c r="CU19" s="3" ph="1"/>
      <c r="CV19" s="3" ph="1"/>
    </row>
    <row r="20" spans="1:100" ht="17.25" customHeight="1" x14ac:dyDescent="0.15">
      <c r="A20" s="361"/>
      <c r="B20" s="362"/>
      <c r="C20" s="362"/>
      <c r="D20" s="362"/>
      <c r="E20" s="363"/>
      <c r="F20" s="398" t="s">
        <v>782</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c r="AO20" s="287"/>
      <c r="AP20" s="287"/>
      <c r="AQ20" s="287"/>
      <c r="AR20" s="287"/>
      <c r="AS20" s="287"/>
      <c r="AT20" s="1101"/>
      <c r="AU20" s="351"/>
      <c r="AV20" s="351"/>
      <c r="AW20" s="351"/>
      <c r="AX20" s="351"/>
      <c r="AY20" s="351"/>
      <c r="AZ20" s="351"/>
      <c r="BA20" s="351"/>
      <c r="BB20" s="351"/>
      <c r="BC20" s="351"/>
      <c r="BD20" s="351"/>
      <c r="BE20" s="351"/>
      <c r="BF20" s="351"/>
      <c r="BG20" s="351"/>
      <c r="BH20" s="351"/>
      <c r="BI20" s="351"/>
      <c r="BJ20" s="351"/>
      <c r="BK20" s="351"/>
      <c r="BL20" s="351"/>
      <c r="BM20" s="351"/>
      <c r="BN20" s="351"/>
      <c r="BO20" s="351"/>
      <c r="BP20" s="351"/>
      <c r="BQ20" s="351"/>
      <c r="BR20" s="351"/>
      <c r="BS20" s="351"/>
      <c r="BT20" s="351"/>
      <c r="BU20" s="351"/>
      <c r="BV20" s="351"/>
      <c r="BW20" s="351"/>
      <c r="BX20" s="351"/>
      <c r="BY20" s="351"/>
      <c r="BZ20" s="351"/>
      <c r="CA20" s="351"/>
      <c r="CB20" s="351"/>
      <c r="CC20" s="351"/>
      <c r="CD20" s="351"/>
      <c r="CE20" s="351"/>
      <c r="CF20" s="351"/>
      <c r="CG20" s="351"/>
      <c r="CH20" s="351"/>
      <c r="CI20" s="351"/>
      <c r="CJ20" s="351"/>
      <c r="CK20" s="351"/>
      <c r="CL20" s="351"/>
      <c r="CM20" s="352"/>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8" t="s">
        <v>20</v>
      </c>
      <c r="R21" s="378"/>
      <c r="S21" s="378"/>
      <c r="T21" s="378"/>
      <c r="U21" s="378"/>
      <c r="V21" s="378"/>
      <c r="W21" s="378"/>
      <c r="X21" s="378"/>
      <c r="Y21" s="378"/>
      <c r="Z21" s="378"/>
      <c r="AA21" s="378"/>
      <c r="AB21" s="378"/>
      <c r="AC21" s="378"/>
      <c r="AD21" s="378"/>
      <c r="AE21" s="378"/>
      <c r="AF21" s="378"/>
      <c r="AG21" s="378"/>
      <c r="AH21" s="378"/>
      <c r="AI21" s="378"/>
      <c r="AJ21" s="378"/>
      <c r="AK21" s="378"/>
      <c r="AL21" s="379"/>
      <c r="AM21" s="5"/>
      <c r="AN21" s="287"/>
      <c r="AO21" s="287"/>
      <c r="AP21" s="287"/>
      <c r="AQ21" s="287"/>
      <c r="AR21" s="287"/>
      <c r="AS21" s="287"/>
      <c r="AT21" s="901"/>
      <c r="AU21" s="353"/>
      <c r="AV21" s="353"/>
      <c r="AW21" s="353"/>
      <c r="AX21" s="353"/>
      <c r="AY21" s="353"/>
      <c r="AZ21" s="353"/>
      <c r="BA21" s="353"/>
      <c r="BB21" s="353"/>
      <c r="BC21" s="353"/>
      <c r="BD21" s="353"/>
      <c r="BE21" s="353"/>
      <c r="BF21" s="353"/>
      <c r="BG21" s="353"/>
      <c r="BH21" s="353"/>
      <c r="BI21" s="353"/>
      <c r="BJ21" s="353"/>
      <c r="BK21" s="353"/>
      <c r="BL21" s="353"/>
      <c r="BM21" s="353"/>
      <c r="BN21" s="353"/>
      <c r="BO21" s="353"/>
      <c r="BP21" s="353"/>
      <c r="BQ21" s="353"/>
      <c r="BR21" s="353"/>
      <c r="BS21" s="353"/>
      <c r="BT21" s="353"/>
      <c r="BU21" s="353"/>
      <c r="BV21" s="353"/>
      <c r="BW21" s="353"/>
      <c r="BX21" s="353"/>
      <c r="BY21" s="353"/>
      <c r="BZ21" s="353"/>
      <c r="CA21" s="353"/>
      <c r="CB21" s="353"/>
      <c r="CC21" s="353"/>
      <c r="CD21" s="353"/>
      <c r="CE21" s="353"/>
      <c r="CF21" s="353"/>
      <c r="CG21" s="353"/>
      <c r="CH21" s="353"/>
      <c r="CI21" s="353"/>
      <c r="CJ21" s="353"/>
      <c r="CK21" s="353"/>
      <c r="CL21" s="353"/>
      <c r="CM21" s="354"/>
      <c r="CQ21" s="3" ph="1"/>
      <c r="CR21" s="3" ph="1"/>
      <c r="CS21" s="3" ph="1"/>
      <c r="CT21" s="3" ph="1"/>
      <c r="CU21" s="3" ph="1"/>
      <c r="CV21" s="3" ph="1"/>
    </row>
    <row r="22" spans="1:100" ht="17.25" customHeight="1" x14ac:dyDescent="0.15">
      <c r="A22" s="332" t="s">
        <v>259</v>
      </c>
      <c r="B22" s="332"/>
      <c r="C22" s="332"/>
      <c r="D22" s="332"/>
      <c r="E22" s="332"/>
      <c r="F22" s="380" t="s">
        <v>1706</v>
      </c>
      <c r="G22" s="381"/>
      <c r="H22" s="381"/>
      <c r="I22" s="381"/>
      <c r="J22" s="381"/>
      <c r="K22" s="381"/>
      <c r="L22" s="381"/>
      <c r="M22" s="381"/>
      <c r="N22" s="523"/>
      <c r="O22" s="1031" t="s">
        <v>258</v>
      </c>
      <c r="P22" s="1031"/>
      <c r="Q22" s="916" t="s">
        <v>903</v>
      </c>
      <c r="R22" s="917"/>
      <c r="S22" s="917"/>
      <c r="T22" s="917"/>
      <c r="U22" s="917"/>
      <c r="V22" s="917"/>
      <c r="W22" s="917"/>
      <c r="X22" s="917"/>
      <c r="Y22" s="917"/>
      <c r="Z22" s="917"/>
      <c r="AA22" s="917"/>
      <c r="AB22" s="917"/>
      <c r="AC22" s="917"/>
      <c r="AD22" s="917"/>
      <c r="AE22" s="917"/>
      <c r="AF22" s="917"/>
      <c r="AG22" s="917"/>
      <c r="AH22" s="917"/>
      <c r="AI22" s="917"/>
      <c r="AJ22" s="917"/>
      <c r="AK22" s="917"/>
      <c r="AL22" s="918"/>
      <c r="AM22" s="176"/>
      <c r="AN22" s="919" t="s">
        <v>462</v>
      </c>
      <c r="AO22" s="919"/>
      <c r="AP22" s="919"/>
      <c r="AQ22" s="919"/>
      <c r="AR22" s="919"/>
      <c r="AS22" s="919"/>
      <c r="AT22" s="919"/>
      <c r="AU22" s="919"/>
      <c r="AV22" s="919"/>
      <c r="AW22" s="919"/>
      <c r="AX22" s="919"/>
      <c r="AY22" s="919"/>
      <c r="AZ22" s="919"/>
      <c r="BA22" s="919"/>
      <c r="BB22" s="919"/>
      <c r="BC22" s="919"/>
      <c r="BD22" s="919"/>
      <c r="BE22" s="919"/>
      <c r="BF22" s="919"/>
      <c r="BG22" s="919"/>
      <c r="BH22" s="919"/>
      <c r="BI22" s="919"/>
      <c r="BJ22" s="919"/>
      <c r="BK22" s="919"/>
      <c r="BL22" s="919"/>
      <c r="BM22" s="919"/>
      <c r="BN22" s="919"/>
      <c r="BO22" s="919"/>
      <c r="BP22" s="919"/>
      <c r="BQ22" s="919"/>
      <c r="BR22" s="919"/>
      <c r="BS22" s="919"/>
      <c r="BT22" s="919"/>
      <c r="BU22" s="919"/>
      <c r="BV22" s="919"/>
      <c r="BW22" s="919"/>
      <c r="BX22" s="919"/>
      <c r="BY22" s="919"/>
      <c r="BZ22" s="919"/>
      <c r="CA22" s="919"/>
      <c r="CB22" s="919"/>
      <c r="CC22" s="919"/>
      <c r="CD22" s="919"/>
      <c r="CE22" s="919"/>
      <c r="CF22" s="919"/>
      <c r="CG22" s="919"/>
      <c r="CH22" s="919"/>
      <c r="CI22" s="919"/>
      <c r="CJ22" s="919"/>
      <c r="CK22" s="919"/>
      <c r="CL22" s="919"/>
      <c r="CM22" s="919"/>
      <c r="CQ22" s="3" ph="1"/>
      <c r="CR22" s="3" ph="1"/>
      <c r="CS22" s="3" ph="1"/>
      <c r="CT22" s="3" ph="1"/>
      <c r="CU22" s="3" ph="1"/>
      <c r="CV22" s="3" ph="1"/>
    </row>
    <row r="23" spans="1:100" ht="17.25" customHeight="1" x14ac:dyDescent="0.15">
      <c r="A23" s="328"/>
      <c r="B23" s="328"/>
      <c r="C23" s="328"/>
      <c r="D23" s="328"/>
      <c r="E23" s="328"/>
      <c r="F23" s="336" t="s">
        <v>1707</v>
      </c>
      <c r="G23" s="337"/>
      <c r="H23" s="337"/>
      <c r="I23" s="337"/>
      <c r="J23" s="337"/>
      <c r="K23" s="337"/>
      <c r="L23" s="337"/>
      <c r="M23" s="338"/>
      <c r="N23" s="523"/>
      <c r="O23" s="1031"/>
      <c r="P23" s="1031"/>
      <c r="Q23" s="355">
        <v>25235</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 t="s">
        <v>738</v>
      </c>
      <c r="AO23" s="280" t="s">
        <v>1249</v>
      </c>
      <c r="AP23" s="280"/>
      <c r="AQ23" s="280"/>
      <c r="AR23" s="280"/>
      <c r="AS23" s="280"/>
      <c r="AT23" s="280"/>
      <c r="AU23" s="280"/>
      <c r="AV23" s="280"/>
      <c r="AW23" s="280"/>
      <c r="AX23" s="280"/>
      <c r="AY23" s="280"/>
      <c r="AZ23" s="280"/>
      <c r="BA23" s="280"/>
      <c r="BB23" s="280"/>
      <c r="BC23" s="280"/>
      <c r="BD23" s="280"/>
      <c r="BE23" s="280"/>
      <c r="BF23" s="280"/>
      <c r="BG23" s="280"/>
      <c r="BH23" s="280"/>
      <c r="BI23" s="280"/>
      <c r="BJ23" s="280"/>
      <c r="BK23" s="280"/>
      <c r="BL23" s="280"/>
      <c r="BM23" s="280"/>
      <c r="BN23" s="280"/>
      <c r="BO23" s="280"/>
      <c r="BP23" s="280"/>
      <c r="BQ23" s="280"/>
      <c r="BR23" s="280"/>
      <c r="BS23" s="280"/>
      <c r="BT23" s="280"/>
      <c r="BU23" s="280"/>
      <c r="BV23" s="280"/>
      <c r="BW23" s="280"/>
      <c r="BX23" s="280"/>
      <c r="BY23" s="280"/>
      <c r="BZ23" s="280"/>
      <c r="CA23" s="280"/>
      <c r="CB23" s="280"/>
      <c r="CC23" s="280"/>
      <c r="CD23" s="280"/>
      <c r="CE23" s="280"/>
      <c r="CF23" s="280"/>
      <c r="CG23" s="280"/>
      <c r="CH23" s="280"/>
      <c r="CI23" s="280"/>
      <c r="CJ23" s="280"/>
      <c r="CK23" s="280"/>
      <c r="CL23" s="280"/>
      <c r="CM23" s="281"/>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030" t="s">
        <v>904</v>
      </c>
      <c r="R24" s="862"/>
      <c r="S24" s="862"/>
      <c r="T24" s="862"/>
      <c r="U24" s="862"/>
      <c r="V24" s="862"/>
      <c r="W24" s="862"/>
      <c r="X24" s="862"/>
      <c r="Y24" s="862"/>
      <c r="Z24" s="862"/>
      <c r="AA24" s="862"/>
      <c r="AB24" s="862"/>
      <c r="AC24" s="862"/>
      <c r="AD24" s="862"/>
      <c r="AE24" s="862"/>
      <c r="AF24" s="862"/>
      <c r="AG24" s="862"/>
      <c r="AH24" s="862"/>
      <c r="AI24" s="862"/>
      <c r="AJ24" s="862"/>
      <c r="AK24" s="862"/>
      <c r="AL24" s="863"/>
      <c r="AM24" s="5"/>
      <c r="AN24" s="37" t="s">
        <v>738</v>
      </c>
      <c r="AO24" s="727" t="s">
        <v>1250</v>
      </c>
      <c r="AP24" s="727"/>
      <c r="AQ24" s="727"/>
      <c r="AR24" s="727"/>
      <c r="AS24" s="727"/>
      <c r="AT24" s="727"/>
      <c r="AU24" s="727"/>
      <c r="AV24" s="727"/>
      <c r="AW24" s="727"/>
      <c r="AX24" s="727"/>
      <c r="AY24" s="727"/>
      <c r="AZ24" s="727"/>
      <c r="BA24" s="727"/>
      <c r="BB24" s="727"/>
      <c r="BC24" s="727"/>
      <c r="BD24" s="727"/>
      <c r="BE24" s="727"/>
      <c r="BF24" s="727"/>
      <c r="BG24" s="727"/>
      <c r="BH24" s="727"/>
      <c r="BI24" s="727"/>
      <c r="BJ24" s="727"/>
      <c r="BK24" s="727"/>
      <c r="BL24" s="727"/>
      <c r="BM24" s="727"/>
      <c r="BN24" s="727"/>
      <c r="BO24" s="727"/>
      <c r="BP24" s="727"/>
      <c r="BQ24" s="727"/>
      <c r="BR24" s="727"/>
      <c r="BS24" s="727"/>
      <c r="BT24" s="727"/>
      <c r="BU24" s="727"/>
      <c r="BV24" s="727"/>
      <c r="BW24" s="727"/>
      <c r="BX24" s="727"/>
      <c r="BY24" s="727"/>
      <c r="BZ24" s="727"/>
      <c r="CA24" s="727"/>
      <c r="CB24" s="727"/>
      <c r="CC24" s="727"/>
      <c r="CD24" s="727"/>
      <c r="CE24" s="727"/>
      <c r="CF24" s="727"/>
      <c r="CG24" s="727"/>
      <c r="CH24" s="727"/>
      <c r="CI24" s="727"/>
      <c r="CJ24" s="727"/>
      <c r="CK24" s="727"/>
      <c r="CL24" s="727"/>
      <c r="CM24" s="728"/>
      <c r="CQ24" s="3" ph="1"/>
      <c r="CR24" s="3" ph="1"/>
      <c r="CS24" s="3" ph="1"/>
      <c r="CT24" s="3" ph="1"/>
      <c r="CU24" s="3" ph="1"/>
      <c r="CV24" s="3" ph="1"/>
    </row>
    <row r="25" spans="1:100" ht="17.25" customHeight="1" x14ac:dyDescent="0.15">
      <c r="A25" s="328" t="s">
        <v>263</v>
      </c>
      <c r="B25" s="328"/>
      <c r="C25" s="328"/>
      <c r="D25" s="328"/>
      <c r="E25" s="328"/>
      <c r="F25" s="330" t="s">
        <v>1708</v>
      </c>
      <c r="G25" s="331"/>
      <c r="H25" s="331"/>
      <c r="I25" s="331"/>
      <c r="J25" s="331"/>
      <c r="K25" s="331"/>
      <c r="L25" s="331"/>
      <c r="M25" s="331"/>
      <c r="N25" s="523"/>
      <c r="O25" s="428"/>
      <c r="P25" s="428"/>
      <c r="Q25" s="355">
        <v>25235</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738</v>
      </c>
      <c r="AO25" s="1134" t="s">
        <v>1332</v>
      </c>
      <c r="AP25" s="1135"/>
      <c r="AQ25" s="1135"/>
      <c r="AR25" s="1135"/>
      <c r="AS25" s="1135"/>
      <c r="AT25" s="1135"/>
      <c r="AU25" s="1135"/>
      <c r="AV25" s="1135"/>
      <c r="AW25" s="1135"/>
      <c r="AX25" s="1135"/>
      <c r="AY25" s="1135"/>
      <c r="AZ25" s="1135"/>
      <c r="BA25" s="1135"/>
      <c r="BB25" s="1135"/>
      <c r="BC25" s="1135"/>
      <c r="BD25" s="1135"/>
      <c r="BE25" s="1135"/>
      <c r="BF25" s="1135"/>
      <c r="BG25" s="1135"/>
      <c r="BH25" s="1135"/>
      <c r="BI25" s="1135"/>
      <c r="BJ25" s="1135"/>
      <c r="BK25" s="1135"/>
      <c r="BL25" s="1135"/>
      <c r="BM25" s="1135"/>
      <c r="BN25" s="1135"/>
      <c r="BO25" s="1135"/>
      <c r="BP25" s="1135"/>
      <c r="BQ25" s="1135"/>
      <c r="BR25" s="1135"/>
      <c r="BS25" s="1135"/>
      <c r="BT25" s="1135"/>
      <c r="BU25" s="1135"/>
      <c r="BV25" s="1135"/>
      <c r="BW25" s="1135"/>
      <c r="BX25" s="1135"/>
      <c r="BY25" s="1135"/>
      <c r="BZ25" s="1135"/>
      <c r="CA25" s="1135"/>
      <c r="CB25" s="1135"/>
      <c r="CC25" s="1135"/>
      <c r="CD25" s="1135"/>
      <c r="CE25" s="1135"/>
      <c r="CF25" s="1135"/>
      <c r="CG25" s="1135"/>
      <c r="CH25" s="1135"/>
      <c r="CI25" s="1135"/>
      <c r="CJ25" s="1135"/>
      <c r="CK25" s="1135"/>
      <c r="CL25" s="1135"/>
      <c r="CM25" s="671"/>
      <c r="CQ25" s="3" ph="1"/>
      <c r="CR25" s="3" ph="1"/>
      <c r="CS25" s="3" ph="1"/>
      <c r="CT25" s="3" ph="1"/>
      <c r="CU25" s="3" ph="1"/>
      <c r="CV25" s="3" ph="1"/>
    </row>
    <row r="26" spans="1:100" ht="17.25" customHeight="1" x14ac:dyDescent="0.15">
      <c r="A26" s="328"/>
      <c r="B26" s="328"/>
      <c r="C26" s="328"/>
      <c r="D26" s="328"/>
      <c r="E26" s="328"/>
      <c r="F26" s="336" t="s">
        <v>1709</v>
      </c>
      <c r="G26" s="337"/>
      <c r="H26" s="337"/>
      <c r="I26" s="337"/>
      <c r="J26" s="337"/>
      <c r="K26" s="337"/>
      <c r="L26" s="337"/>
      <c r="M26" s="338"/>
      <c r="N26" s="523"/>
      <c r="O26" s="428" t="s">
        <v>264</v>
      </c>
      <c r="P26" s="428"/>
      <c r="Q26" s="1030" t="s">
        <v>431</v>
      </c>
      <c r="R26" s="862"/>
      <c r="S26" s="862"/>
      <c r="T26" s="862"/>
      <c r="U26" s="862"/>
      <c r="V26" s="862"/>
      <c r="W26" s="862"/>
      <c r="X26" s="862"/>
      <c r="Y26" s="862"/>
      <c r="Z26" s="862"/>
      <c r="AA26" s="862"/>
      <c r="AB26" s="862"/>
      <c r="AC26" s="862"/>
      <c r="AD26" s="862"/>
      <c r="AE26" s="862"/>
      <c r="AF26" s="862"/>
      <c r="AG26" s="862"/>
      <c r="AH26" s="862"/>
      <c r="AI26" s="862"/>
      <c r="AJ26" s="862"/>
      <c r="AK26" s="862"/>
      <c r="AL26" s="863"/>
      <c r="AM26" s="5"/>
      <c r="AN26" s="37" t="s">
        <v>738</v>
      </c>
      <c r="AO26" s="1134" t="s">
        <v>1252</v>
      </c>
      <c r="AP26" s="1135"/>
      <c r="AQ26" s="1135"/>
      <c r="AR26" s="1135"/>
      <c r="AS26" s="1135"/>
      <c r="AT26" s="1135"/>
      <c r="AU26" s="1135"/>
      <c r="AV26" s="1135"/>
      <c r="AW26" s="1135"/>
      <c r="AX26" s="1135"/>
      <c r="AY26" s="1135"/>
      <c r="AZ26" s="1135"/>
      <c r="BA26" s="1135"/>
      <c r="BB26" s="1135"/>
      <c r="BC26" s="1135"/>
      <c r="BD26" s="1135"/>
      <c r="BE26" s="1135"/>
      <c r="BF26" s="1135"/>
      <c r="BG26" s="1135"/>
      <c r="BH26" s="1135"/>
      <c r="BI26" s="1135"/>
      <c r="BJ26" s="1135"/>
      <c r="BK26" s="1135"/>
      <c r="BL26" s="1135"/>
      <c r="BM26" s="1135"/>
      <c r="BN26" s="1135"/>
      <c r="BO26" s="1135"/>
      <c r="BP26" s="1135"/>
      <c r="BQ26" s="1135"/>
      <c r="BR26" s="1135"/>
      <c r="BS26" s="1135"/>
      <c r="BT26" s="1135"/>
      <c r="BU26" s="1135"/>
      <c r="BV26" s="1135"/>
      <c r="BW26" s="1135"/>
      <c r="BX26" s="1135"/>
      <c r="BY26" s="1135"/>
      <c r="BZ26" s="1135"/>
      <c r="CA26" s="1135"/>
      <c r="CB26" s="1135"/>
      <c r="CC26" s="1135"/>
      <c r="CD26" s="1135"/>
      <c r="CE26" s="1135"/>
      <c r="CF26" s="1135"/>
      <c r="CG26" s="1135"/>
      <c r="CH26" s="1135"/>
      <c r="CI26" s="1135"/>
      <c r="CJ26" s="1135"/>
      <c r="CK26" s="1135"/>
      <c r="CL26" s="1135"/>
      <c r="CM26" s="671"/>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1052"/>
      <c r="R27" s="860"/>
      <c r="S27" s="860"/>
      <c r="T27" s="860"/>
      <c r="U27" s="860"/>
      <c r="V27" s="860"/>
      <c r="W27" s="860"/>
      <c r="X27" s="860"/>
      <c r="Y27" s="860"/>
      <c r="Z27" s="860"/>
      <c r="AA27" s="860"/>
      <c r="AB27" s="860"/>
      <c r="AC27" s="860"/>
      <c r="AD27" s="860"/>
      <c r="AE27" s="860"/>
      <c r="AF27" s="860"/>
      <c r="AG27" s="860"/>
      <c r="AH27" s="860"/>
      <c r="AI27" s="860"/>
      <c r="AJ27" s="860"/>
      <c r="AK27" s="860"/>
      <c r="AL27" s="861"/>
      <c r="AM27" s="5"/>
      <c r="AN27" s="17" t="s">
        <v>738</v>
      </c>
      <c r="AO27" s="860" t="s">
        <v>1251</v>
      </c>
      <c r="AP27" s="860"/>
      <c r="AQ27" s="860"/>
      <c r="AR27" s="860"/>
      <c r="AS27" s="860"/>
      <c r="AT27" s="860"/>
      <c r="AU27" s="860"/>
      <c r="AV27" s="860"/>
      <c r="AW27" s="860"/>
      <c r="AX27" s="860"/>
      <c r="AY27" s="860"/>
      <c r="AZ27" s="860"/>
      <c r="BA27" s="860"/>
      <c r="BB27" s="860"/>
      <c r="BC27" s="860"/>
      <c r="BD27" s="860"/>
      <c r="BE27" s="860"/>
      <c r="BF27" s="860"/>
      <c r="BG27" s="860"/>
      <c r="BH27" s="860"/>
      <c r="BI27" s="860"/>
      <c r="BJ27" s="860"/>
      <c r="BK27" s="860"/>
      <c r="BL27" s="860"/>
      <c r="BM27" s="860"/>
      <c r="BN27" s="860"/>
      <c r="BO27" s="860"/>
      <c r="BP27" s="860"/>
      <c r="BQ27" s="860"/>
      <c r="BR27" s="860"/>
      <c r="BS27" s="860"/>
      <c r="BT27" s="860"/>
      <c r="BU27" s="860"/>
      <c r="BV27" s="860"/>
      <c r="BW27" s="860"/>
      <c r="BX27" s="860"/>
      <c r="BY27" s="860"/>
      <c r="BZ27" s="860"/>
      <c r="CA27" s="860"/>
      <c r="CB27" s="860"/>
      <c r="CC27" s="860"/>
      <c r="CD27" s="860"/>
      <c r="CE27" s="860"/>
      <c r="CF27" s="860"/>
      <c r="CG27" s="860"/>
      <c r="CH27" s="860"/>
      <c r="CI27" s="860"/>
      <c r="CJ27" s="860"/>
      <c r="CK27" s="860"/>
      <c r="CL27" s="860"/>
      <c r="CM27" s="861"/>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255" t="s">
        <v>905</v>
      </c>
      <c r="AO28" s="255"/>
      <c r="AP28" s="255"/>
      <c r="AQ28" s="255"/>
      <c r="AR28" s="255"/>
      <c r="AS28" s="255"/>
      <c r="AT28" s="255"/>
      <c r="AU28" s="255"/>
      <c r="AV28" s="255"/>
      <c r="AW28" s="255"/>
      <c r="AX28" s="255"/>
      <c r="AY28" s="255"/>
      <c r="AZ28" s="255"/>
      <c r="BA28" s="255"/>
      <c r="BB28" s="255"/>
      <c r="BC28" s="255"/>
      <c r="BD28" s="255"/>
      <c r="BE28" s="255"/>
      <c r="BF28" s="255"/>
      <c r="BG28" s="255"/>
      <c r="BH28" s="255"/>
      <c r="BI28" s="255"/>
      <c r="BJ28" s="255"/>
      <c r="BK28" s="255"/>
      <c r="BL28" s="255"/>
      <c r="BM28" s="255"/>
      <c r="BN28" s="255"/>
      <c r="BO28" s="255"/>
      <c r="BP28" s="255"/>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1566</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8" t="s">
        <v>16</v>
      </c>
      <c r="AO29" s="786" t="s">
        <v>747</v>
      </c>
      <c r="AP29" s="786"/>
      <c r="AQ29" s="786"/>
      <c r="AR29" s="786"/>
      <c r="AS29" s="786"/>
      <c r="AT29" s="786"/>
      <c r="AU29" s="786"/>
      <c r="AV29" s="786"/>
      <c r="AW29" s="786"/>
      <c r="AX29" s="786"/>
      <c r="AY29" s="786"/>
      <c r="AZ29" s="786"/>
      <c r="BA29" s="786"/>
      <c r="BB29" s="786"/>
      <c r="BC29" s="786"/>
      <c r="BD29" s="786"/>
      <c r="BE29" s="786"/>
      <c r="BF29" s="786"/>
      <c r="BG29" s="786"/>
      <c r="BH29" s="786"/>
      <c r="BI29" s="786"/>
      <c r="BJ29" s="786"/>
      <c r="BK29" s="786"/>
      <c r="BL29" s="786"/>
      <c r="BM29" s="786"/>
      <c r="BN29" s="786"/>
      <c r="BO29" s="786"/>
      <c r="BP29" s="787"/>
      <c r="BQ29" s="84"/>
      <c r="BR29" s="101"/>
      <c r="BS29" s="15"/>
      <c r="BT29" s="1"/>
      <c r="BU29" s="1"/>
      <c r="BV29" s="1"/>
      <c r="BW29" s="1"/>
      <c r="BX29" s="1"/>
      <c r="BY29" s="1"/>
      <c r="BZ29" s="1"/>
      <c r="CA29" s="129"/>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9" t="s">
        <v>16</v>
      </c>
      <c r="AO30" s="774" t="s">
        <v>748</v>
      </c>
      <c r="AP30" s="774"/>
      <c r="AQ30" s="774"/>
      <c r="AR30" s="774"/>
      <c r="AS30" s="774"/>
      <c r="AT30" s="774"/>
      <c r="AU30" s="774"/>
      <c r="AV30" s="774"/>
      <c r="AW30" s="774"/>
      <c r="AX30" s="774"/>
      <c r="AY30" s="774"/>
      <c r="AZ30" s="774"/>
      <c r="BA30" s="774"/>
      <c r="BB30" s="774"/>
      <c r="BC30" s="774"/>
      <c r="BD30" s="774"/>
      <c r="BE30" s="774"/>
      <c r="BF30" s="774"/>
      <c r="BG30" s="774"/>
      <c r="BH30" s="774"/>
      <c r="BI30" s="774"/>
      <c r="BJ30" s="774"/>
      <c r="BK30" s="774"/>
      <c r="BL30" s="774"/>
      <c r="BM30" s="774"/>
      <c r="BN30" s="774"/>
      <c r="BO30" s="774"/>
      <c r="BP30" s="775"/>
      <c r="BQ30" s="84"/>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9" t="s">
        <v>16</v>
      </c>
      <c r="AO31" s="774" t="s">
        <v>749</v>
      </c>
      <c r="AP31" s="774"/>
      <c r="AQ31" s="774"/>
      <c r="AR31" s="774"/>
      <c r="AS31" s="774"/>
      <c r="AT31" s="774"/>
      <c r="AU31" s="774"/>
      <c r="AV31" s="774"/>
      <c r="AW31" s="774"/>
      <c r="AX31" s="774"/>
      <c r="AY31" s="774"/>
      <c r="AZ31" s="774"/>
      <c r="BA31" s="774"/>
      <c r="BB31" s="774"/>
      <c r="BC31" s="774"/>
      <c r="BD31" s="774"/>
      <c r="BE31" s="774"/>
      <c r="BF31" s="774"/>
      <c r="BG31" s="774"/>
      <c r="BH31" s="774"/>
      <c r="BI31" s="774"/>
      <c r="BJ31" s="774"/>
      <c r="BK31" s="774"/>
      <c r="BL31" s="774"/>
      <c r="BM31" s="774"/>
      <c r="BN31" s="774"/>
      <c r="BO31" s="774"/>
      <c r="BP31" s="775"/>
      <c r="BQ31" s="85"/>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9" t="s">
        <v>16</v>
      </c>
      <c r="AO32" s="993" t="s">
        <v>750</v>
      </c>
      <c r="AP32" s="993"/>
      <c r="AQ32" s="993"/>
      <c r="AR32" s="993"/>
      <c r="AS32" s="993"/>
      <c r="AT32" s="993"/>
      <c r="AU32" s="993"/>
      <c r="AV32" s="993"/>
      <c r="AW32" s="993"/>
      <c r="AX32" s="993"/>
      <c r="AY32" s="993"/>
      <c r="AZ32" s="993"/>
      <c r="BA32" s="993"/>
      <c r="BB32" s="993"/>
      <c r="BC32" s="993"/>
      <c r="BD32" s="993"/>
      <c r="BE32" s="993"/>
      <c r="BF32" s="993"/>
      <c r="BG32" s="993"/>
      <c r="BH32" s="993"/>
      <c r="BI32" s="993"/>
      <c r="BJ32" s="993"/>
      <c r="BK32" s="993"/>
      <c r="BL32" s="993"/>
      <c r="BM32" s="993"/>
      <c r="BN32" s="993"/>
      <c r="BO32" s="993"/>
      <c r="BP32" s="994"/>
      <c r="BQ32" s="118"/>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69"/>
      <c r="B33" s="470"/>
      <c r="C33" s="470"/>
      <c r="D33" s="470"/>
      <c r="E33" s="470"/>
      <c r="F33" s="470"/>
      <c r="G33" s="470"/>
      <c r="H33" s="470"/>
      <c r="I33" s="470"/>
      <c r="J33" s="470"/>
      <c r="K33" s="470"/>
      <c r="L33" s="470"/>
      <c r="M33" s="470"/>
      <c r="N33" s="470"/>
      <c r="O33" s="470"/>
      <c r="P33" s="470"/>
      <c r="Q33" s="470"/>
      <c r="R33" s="470"/>
      <c r="S33" s="470"/>
      <c r="T33" s="470"/>
      <c r="U33" s="470"/>
      <c r="V33" s="470"/>
      <c r="W33" s="470"/>
      <c r="X33" s="470"/>
      <c r="Y33" s="470"/>
      <c r="Z33" s="470"/>
      <c r="AA33" s="470"/>
      <c r="AB33" s="470"/>
      <c r="AC33" s="470"/>
      <c r="AD33" s="470"/>
      <c r="AE33" s="470"/>
      <c r="AF33" s="470"/>
      <c r="AG33" s="470"/>
      <c r="AH33" s="470"/>
      <c r="AI33" s="470"/>
      <c r="AJ33" s="470"/>
      <c r="AK33" s="470"/>
      <c r="AL33" s="471"/>
      <c r="AM33" s="5"/>
      <c r="AN33" s="40" t="s">
        <v>16</v>
      </c>
      <c r="AO33" s="1136" t="s">
        <v>751</v>
      </c>
      <c r="AP33" s="1136"/>
      <c r="AQ33" s="1136"/>
      <c r="AR33" s="1136"/>
      <c r="AS33" s="1136"/>
      <c r="AT33" s="1136"/>
      <c r="AU33" s="1136"/>
      <c r="AV33" s="1136"/>
      <c r="AW33" s="1136"/>
      <c r="AX33" s="1136"/>
      <c r="AY33" s="1136"/>
      <c r="AZ33" s="1136"/>
      <c r="BA33" s="1136"/>
      <c r="BB33" s="1136"/>
      <c r="BC33" s="1136"/>
      <c r="BD33" s="1136"/>
      <c r="BE33" s="1136"/>
      <c r="BF33" s="1136"/>
      <c r="BG33" s="1136"/>
      <c r="BH33" s="1136"/>
      <c r="BI33" s="1136"/>
      <c r="BJ33" s="1136"/>
      <c r="BK33" s="1136"/>
      <c r="BL33" s="1136"/>
      <c r="BM33" s="1136"/>
      <c r="BN33" s="1136"/>
      <c r="BO33" s="1136"/>
      <c r="BP33" s="1137"/>
      <c r="BQ33" s="118"/>
      <c r="BR33" s="292" t="s">
        <v>267</v>
      </c>
      <c r="BS33" s="293"/>
      <c r="BT33" s="293"/>
      <c r="BU33" s="293"/>
      <c r="BV33" s="293"/>
      <c r="BW33" s="293"/>
      <c r="BX33" s="294"/>
      <c r="BY33" s="284">
        <v>1230</v>
      </c>
      <c r="BZ33" s="285"/>
      <c r="CA33" s="285"/>
      <c r="CB33" s="285"/>
      <c r="CC33" s="285"/>
      <c r="CD33" s="285"/>
      <c r="CE33" s="285"/>
      <c r="CF33" s="285"/>
      <c r="CG33" s="288"/>
      <c r="CH33" s="286">
        <v>1.2412300000000001</v>
      </c>
      <c r="CI33" s="286"/>
      <c r="CJ33" s="286"/>
      <c r="CK33" s="286"/>
      <c r="CL33" s="286"/>
      <c r="CM33" s="286"/>
      <c r="CQ33" s="3" ph="1"/>
      <c r="CR33" s="3" ph="1"/>
      <c r="CS33" s="3" ph="1"/>
      <c r="CT33" s="3" ph="1"/>
      <c r="CU33" s="3" ph="1"/>
      <c r="CV33" s="3" ph="1"/>
    </row>
    <row r="34" spans="1:100" ht="17.25" customHeight="1" x14ac:dyDescent="0.15">
      <c r="A34" s="472"/>
      <c r="B34" s="473"/>
      <c r="C34" s="473"/>
      <c r="D34" s="473"/>
      <c r="E34" s="473"/>
      <c r="F34" s="473"/>
      <c r="G34" s="473"/>
      <c r="H34" s="473"/>
      <c r="I34" s="473"/>
      <c r="J34" s="473"/>
      <c r="K34" s="473"/>
      <c r="L34" s="473"/>
      <c r="M34" s="473"/>
      <c r="N34" s="473"/>
      <c r="O34" s="473"/>
      <c r="P34" s="473"/>
      <c r="Q34" s="473"/>
      <c r="R34" s="473"/>
      <c r="S34" s="473"/>
      <c r="T34" s="473"/>
      <c r="U34" s="473"/>
      <c r="V34" s="473"/>
      <c r="W34" s="473"/>
      <c r="X34" s="473"/>
      <c r="Y34" s="473"/>
      <c r="Z34" s="473"/>
      <c r="AA34" s="473"/>
      <c r="AB34" s="473"/>
      <c r="AC34" s="473"/>
      <c r="AD34" s="473"/>
      <c r="AE34" s="473"/>
      <c r="AF34" s="473"/>
      <c r="AG34" s="473"/>
      <c r="AH34" s="473"/>
      <c r="AI34" s="473"/>
      <c r="AJ34" s="473"/>
      <c r="AK34" s="473"/>
      <c r="AL34" s="474"/>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255" t="s">
        <v>274</v>
      </c>
      <c r="B35" s="255"/>
      <c r="C35" s="255"/>
      <c r="D35" s="255"/>
      <c r="E35" s="255"/>
      <c r="F35" s="255"/>
      <c r="G35" s="255"/>
      <c r="H35" s="255"/>
      <c r="I35" s="255"/>
      <c r="J35" s="255"/>
      <c r="K35" s="255"/>
      <c r="L35" s="255"/>
      <c r="M35" s="255"/>
      <c r="N35" s="179"/>
      <c r="O35" s="388" t="s">
        <v>906</v>
      </c>
      <c r="P35" s="388"/>
      <c r="Q35" s="388"/>
      <c r="R35" s="388"/>
      <c r="S35" s="388"/>
      <c r="T35" s="388"/>
      <c r="U35" s="388"/>
      <c r="V35" s="388"/>
      <c r="W35" s="388"/>
      <c r="X35" s="388"/>
      <c r="Y35" s="388"/>
      <c r="Z35" s="388"/>
      <c r="AA35" s="388"/>
      <c r="AB35" s="388"/>
      <c r="AC35" s="388"/>
      <c r="AD35" s="388"/>
      <c r="AE35" s="388"/>
      <c r="AF35" s="388"/>
      <c r="AG35" s="388"/>
      <c r="AH35" s="388"/>
      <c r="AI35" s="388"/>
      <c r="AJ35" s="388"/>
      <c r="AK35" s="388"/>
      <c r="AL35" s="388"/>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25654</v>
      </c>
      <c r="BZ35" s="681"/>
      <c r="CA35" s="682"/>
      <c r="CB35" s="682"/>
      <c r="CC35" s="682"/>
      <c r="CD35" s="682"/>
      <c r="CE35" s="682"/>
      <c r="CF35" s="682"/>
      <c r="CG35" s="682"/>
      <c r="CH35" s="683">
        <v>25.888290000000001</v>
      </c>
      <c r="CI35" s="683"/>
      <c r="CJ35" s="683"/>
      <c r="CK35" s="683"/>
      <c r="CL35" s="683"/>
      <c r="CM35" s="683"/>
      <c r="CQ35" s="3" ph="1"/>
    </row>
    <row r="36" spans="1:100" ht="17.25" customHeight="1" x14ac:dyDescent="0.15">
      <c r="A36" s="785" t="s">
        <v>21</v>
      </c>
      <c r="B36" s="786"/>
      <c r="C36" s="786"/>
      <c r="D36" s="786"/>
      <c r="E36" s="786"/>
      <c r="F36" s="786"/>
      <c r="G36" s="786"/>
      <c r="H36" s="786"/>
      <c r="I36" s="786"/>
      <c r="J36" s="786"/>
      <c r="K36" s="786"/>
      <c r="L36" s="786"/>
      <c r="M36" s="787"/>
      <c r="N36" s="105"/>
      <c r="O36" s="1069" t="s">
        <v>123</v>
      </c>
      <c r="P36" s="1070"/>
      <c r="Q36" s="1070"/>
      <c r="R36" s="1070"/>
      <c r="S36" s="1070"/>
      <c r="T36" s="1070"/>
      <c r="U36" s="1070"/>
      <c r="V36" s="1070"/>
      <c r="W36" s="1070"/>
      <c r="X36" s="1070"/>
      <c r="Y36" s="1070"/>
      <c r="Z36" s="1070"/>
      <c r="AA36" s="1070"/>
      <c r="AB36" s="1070"/>
      <c r="AC36" s="1070"/>
      <c r="AD36" s="1070"/>
      <c r="AE36" s="1070"/>
      <c r="AF36" s="1070"/>
      <c r="AG36" s="1070"/>
      <c r="AH36" s="1070"/>
      <c r="AI36" s="1070"/>
      <c r="AJ36" s="1070"/>
      <c r="AK36" s="1070"/>
      <c r="AL36" s="1071"/>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251" t="s">
        <v>370</v>
      </c>
      <c r="B37" s="252"/>
      <c r="C37" s="252"/>
      <c r="D37" s="252"/>
      <c r="E37" s="252"/>
      <c r="F37" s="252"/>
      <c r="G37" s="252"/>
      <c r="H37" s="252"/>
      <c r="I37" s="252"/>
      <c r="J37" s="252"/>
      <c r="K37" s="252"/>
      <c r="L37" s="252"/>
      <c r="M37" s="253"/>
      <c r="N37" s="105"/>
      <c r="O37" s="933" t="s">
        <v>230</v>
      </c>
      <c r="P37" s="993"/>
      <c r="Q37" s="993"/>
      <c r="R37" s="993"/>
      <c r="S37" s="993"/>
      <c r="T37" s="993"/>
      <c r="U37" s="993"/>
      <c r="V37" s="993"/>
      <c r="W37" s="993"/>
      <c r="X37" s="993"/>
      <c r="Y37" s="993"/>
      <c r="Z37" s="993"/>
      <c r="AA37" s="993"/>
      <c r="AB37" s="993"/>
      <c r="AC37" s="993"/>
      <c r="AD37" s="993"/>
      <c r="AE37" s="993"/>
      <c r="AF37" s="993"/>
      <c r="AG37" s="993"/>
      <c r="AH37" s="993"/>
      <c r="AI37" s="993"/>
      <c r="AJ37" s="993"/>
      <c r="AK37" s="993"/>
      <c r="AL37" s="994"/>
      <c r="AM37" s="5"/>
      <c r="AN37" s="287" t="s">
        <v>399</v>
      </c>
      <c r="AO37" s="287"/>
      <c r="AP37" s="287"/>
      <c r="AQ37" s="287"/>
      <c r="AR37" s="287"/>
      <c r="AS37" s="287"/>
      <c r="AT37" s="287"/>
      <c r="AU37" s="287"/>
      <c r="AV37" s="287"/>
      <c r="AW37" s="681">
        <v>225714</v>
      </c>
      <c r="AX37" s="681"/>
      <c r="AY37" s="681"/>
      <c r="AZ37" s="681"/>
      <c r="BA37" s="681"/>
      <c r="BB37" s="681"/>
      <c r="BC37" s="681"/>
      <c r="BD37" s="681"/>
      <c r="BE37" s="681"/>
      <c r="BF37" s="681"/>
      <c r="BG37" s="681">
        <v>95824</v>
      </c>
      <c r="BH37" s="681"/>
      <c r="BI37" s="681"/>
      <c r="BJ37" s="681"/>
      <c r="BK37" s="681"/>
      <c r="BL37" s="681"/>
      <c r="BM37" s="681"/>
      <c r="BN37" s="681"/>
      <c r="BO37" s="681"/>
      <c r="BP37" s="681"/>
      <c r="BQ37" s="149"/>
      <c r="BR37" s="680" t="s">
        <v>273</v>
      </c>
      <c r="BS37" s="680"/>
      <c r="BT37" s="680"/>
      <c r="BU37" s="680"/>
      <c r="BV37" s="680"/>
      <c r="BW37" s="680"/>
      <c r="BX37" s="680"/>
      <c r="BY37" s="681">
        <v>72211</v>
      </c>
      <c r="BZ37" s="681"/>
      <c r="CA37" s="682"/>
      <c r="CB37" s="682"/>
      <c r="CC37" s="682"/>
      <c r="CD37" s="682"/>
      <c r="CE37" s="682"/>
      <c r="CF37" s="682"/>
      <c r="CG37" s="682"/>
      <c r="CH37" s="683">
        <v>72.870480000000001</v>
      </c>
      <c r="CI37" s="683"/>
      <c r="CJ37" s="683"/>
      <c r="CK37" s="683"/>
      <c r="CL37" s="683"/>
      <c r="CM37" s="683"/>
      <c r="CQ37" s="3" ph="1"/>
    </row>
    <row r="38" spans="1:100" ht="17.25" customHeight="1" x14ac:dyDescent="0.15">
      <c r="A38" s="1138" t="s">
        <v>463</v>
      </c>
      <c r="B38" s="1139"/>
      <c r="C38" s="1139"/>
      <c r="D38" s="1139"/>
      <c r="E38" s="1139"/>
      <c r="F38" s="1139"/>
      <c r="G38" s="1139"/>
      <c r="H38" s="1139"/>
      <c r="I38" s="1139"/>
      <c r="J38" s="1139"/>
      <c r="K38" s="1139"/>
      <c r="L38" s="1139"/>
      <c r="M38" s="1140"/>
      <c r="N38" s="93"/>
      <c r="O38" s="216" t="s">
        <v>393</v>
      </c>
      <c r="P38" s="217"/>
      <c r="Q38" s="217"/>
      <c r="R38" s="217"/>
      <c r="S38" s="217"/>
      <c r="T38" s="217"/>
      <c r="U38" s="217"/>
      <c r="V38" s="217"/>
      <c r="W38" s="217"/>
      <c r="X38" s="217"/>
      <c r="Y38" s="217"/>
      <c r="Z38" s="217"/>
      <c r="AA38" s="217"/>
      <c r="AB38" s="217"/>
      <c r="AC38" s="217"/>
      <c r="AD38" s="217"/>
      <c r="AE38" s="217"/>
      <c r="AF38" s="217"/>
      <c r="AG38" s="217"/>
      <c r="AH38" s="217"/>
      <c r="AI38" s="217"/>
      <c r="AJ38" s="217"/>
      <c r="AK38" s="217"/>
      <c r="AL38" s="218"/>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771" t="s">
        <v>907</v>
      </c>
      <c r="B39" s="772"/>
      <c r="C39" s="772"/>
      <c r="D39" s="772"/>
      <c r="E39" s="772"/>
      <c r="F39" s="772"/>
      <c r="G39" s="772"/>
      <c r="H39" s="772"/>
      <c r="I39" s="772"/>
      <c r="J39" s="772"/>
      <c r="K39" s="772"/>
      <c r="L39" s="772"/>
      <c r="M39" s="773"/>
      <c r="N39" s="93"/>
      <c r="O39" s="216" t="s">
        <v>318</v>
      </c>
      <c r="P39" s="217"/>
      <c r="Q39" s="217"/>
      <c r="R39" s="217"/>
      <c r="S39" s="217"/>
      <c r="T39" s="217"/>
      <c r="U39" s="217"/>
      <c r="V39" s="217"/>
      <c r="W39" s="217"/>
      <c r="X39" s="217"/>
      <c r="Y39" s="217"/>
      <c r="Z39" s="217"/>
      <c r="AA39" s="217"/>
      <c r="AB39" s="217"/>
      <c r="AC39" s="217"/>
      <c r="AD39" s="217"/>
      <c r="AE39" s="217"/>
      <c r="AF39" s="217"/>
      <c r="AG39" s="217"/>
      <c r="AH39" s="217"/>
      <c r="AI39" s="217"/>
      <c r="AJ39" s="217"/>
      <c r="AK39" s="217"/>
      <c r="AL39" s="218"/>
      <c r="AM39" s="5"/>
      <c r="AN39" s="300" t="s">
        <v>1059</v>
      </c>
      <c r="AO39" s="300"/>
      <c r="AP39" s="300"/>
      <c r="AQ39" s="300"/>
      <c r="AR39" s="300"/>
      <c r="AS39" s="300"/>
      <c r="AT39" s="300"/>
      <c r="AU39" s="300"/>
      <c r="AV39" s="300"/>
      <c r="AW39" s="681">
        <v>223705</v>
      </c>
      <c r="AX39" s="681"/>
      <c r="AY39" s="681"/>
      <c r="AZ39" s="682"/>
      <c r="BA39" s="682"/>
      <c r="BB39" s="682"/>
      <c r="BC39" s="682"/>
      <c r="BD39" s="682"/>
      <c r="BE39" s="682"/>
      <c r="BF39" s="682"/>
      <c r="BG39" s="681">
        <v>100360</v>
      </c>
      <c r="BH39" s="681"/>
      <c r="BI39" s="681"/>
      <c r="BJ39" s="681"/>
      <c r="BK39" s="681"/>
      <c r="BL39" s="681"/>
      <c r="BM39" s="681"/>
      <c r="BN39" s="681"/>
      <c r="BO39" s="681"/>
      <c r="BP39" s="681"/>
      <c r="BQ39" s="149"/>
      <c r="BR39" s="301" t="s">
        <v>1119</v>
      </c>
      <c r="BS39" s="293"/>
      <c r="BT39" s="293"/>
      <c r="BU39" s="293"/>
      <c r="BV39" s="293"/>
      <c r="BW39" s="293"/>
      <c r="BX39" s="294"/>
      <c r="BY39" s="681">
        <v>102229</v>
      </c>
      <c r="BZ39" s="681"/>
      <c r="CA39" s="682"/>
      <c r="CB39" s="682"/>
      <c r="CC39" s="682"/>
      <c r="CD39" s="682"/>
      <c r="CE39" s="682"/>
      <c r="CF39" s="682"/>
      <c r="CG39" s="682"/>
      <c r="CH39" s="683">
        <v>100</v>
      </c>
      <c r="CI39" s="683"/>
      <c r="CJ39" s="683"/>
      <c r="CK39" s="683"/>
      <c r="CL39" s="683"/>
      <c r="CM39" s="683"/>
    </row>
    <row r="40" spans="1:100" ht="17.25" customHeight="1" x14ac:dyDescent="0.15">
      <c r="A40" s="251" t="s">
        <v>371</v>
      </c>
      <c r="B40" s="252"/>
      <c r="C40" s="252"/>
      <c r="D40" s="252"/>
      <c r="E40" s="252"/>
      <c r="F40" s="252"/>
      <c r="G40" s="252"/>
      <c r="H40" s="252"/>
      <c r="I40" s="252"/>
      <c r="J40" s="252"/>
      <c r="K40" s="252"/>
      <c r="L40" s="252"/>
      <c r="M40" s="253"/>
      <c r="N40" s="93"/>
      <c r="O40" s="933" t="s">
        <v>394</v>
      </c>
      <c r="P40" s="993"/>
      <c r="Q40" s="993"/>
      <c r="R40" s="993"/>
      <c r="S40" s="993"/>
      <c r="T40" s="993"/>
      <c r="U40" s="993"/>
      <c r="V40" s="993"/>
      <c r="W40" s="993"/>
      <c r="X40" s="993"/>
      <c r="Y40" s="993"/>
      <c r="Z40" s="993"/>
      <c r="AA40" s="993"/>
      <c r="AB40" s="993"/>
      <c r="AC40" s="993"/>
      <c r="AD40" s="993"/>
      <c r="AE40" s="993"/>
      <c r="AF40" s="993"/>
      <c r="AG40" s="993"/>
      <c r="AH40" s="993"/>
      <c r="AI40" s="993"/>
      <c r="AJ40" s="993"/>
      <c r="AK40" s="993"/>
      <c r="AL40" s="994"/>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761" t="s">
        <v>379</v>
      </c>
      <c r="B41" s="774"/>
      <c r="C41" s="774"/>
      <c r="D41" s="774"/>
      <c r="E41" s="774"/>
      <c r="F41" s="774"/>
      <c r="G41" s="774"/>
      <c r="H41" s="774"/>
      <c r="I41" s="774"/>
      <c r="J41" s="774"/>
      <c r="K41" s="774"/>
      <c r="L41" s="774"/>
      <c r="M41" s="775"/>
      <c r="N41" s="93"/>
      <c r="O41" s="933" t="s">
        <v>1553</v>
      </c>
      <c r="P41" s="993"/>
      <c r="Q41" s="993"/>
      <c r="R41" s="993"/>
      <c r="S41" s="993"/>
      <c r="T41" s="993"/>
      <c r="U41" s="993"/>
      <c r="V41" s="993"/>
      <c r="W41" s="993"/>
      <c r="X41" s="993"/>
      <c r="Y41" s="993"/>
      <c r="Z41" s="993"/>
      <c r="AA41" s="993"/>
      <c r="AB41" s="993"/>
      <c r="AC41" s="993"/>
      <c r="AD41" s="993"/>
      <c r="AE41" s="993"/>
      <c r="AF41" s="993"/>
      <c r="AG41" s="993"/>
      <c r="AH41" s="993"/>
      <c r="AI41" s="993"/>
      <c r="AJ41" s="993"/>
      <c r="AK41" s="993"/>
      <c r="AL41" s="994"/>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t="s">
        <v>380</v>
      </c>
      <c r="B42" s="252"/>
      <c r="C42" s="252"/>
      <c r="D42" s="252"/>
      <c r="E42" s="252"/>
      <c r="F42" s="252"/>
      <c r="G42" s="252"/>
      <c r="H42" s="252"/>
      <c r="I42" s="252"/>
      <c r="J42" s="252"/>
      <c r="K42" s="252"/>
      <c r="L42" s="252"/>
      <c r="M42" s="253"/>
      <c r="N42" s="165"/>
      <c r="O42" s="752"/>
      <c r="P42" s="753"/>
      <c r="Q42" s="753"/>
      <c r="R42" s="753"/>
      <c r="S42" s="753"/>
      <c r="T42" s="753"/>
      <c r="U42" s="753"/>
      <c r="V42" s="753"/>
      <c r="W42" s="753"/>
      <c r="X42" s="753"/>
      <c r="Y42" s="753"/>
      <c r="Z42" s="753"/>
      <c r="AA42" s="753"/>
      <c r="AB42" s="753"/>
      <c r="AC42" s="753"/>
      <c r="AD42" s="753"/>
      <c r="AE42" s="753"/>
      <c r="AF42" s="753"/>
      <c r="AG42" s="753"/>
      <c r="AH42" s="753"/>
      <c r="AI42" s="753"/>
      <c r="AJ42" s="753"/>
      <c r="AK42" s="753"/>
      <c r="AL42" s="754"/>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771"/>
      <c r="B43" s="772"/>
      <c r="C43" s="772"/>
      <c r="D43" s="772"/>
      <c r="E43" s="772"/>
      <c r="F43" s="772"/>
      <c r="G43" s="772"/>
      <c r="H43" s="772"/>
      <c r="I43" s="772"/>
      <c r="J43" s="772"/>
      <c r="K43" s="772"/>
      <c r="L43" s="772"/>
      <c r="M43" s="773"/>
      <c r="N43" s="169"/>
      <c r="O43" s="752"/>
      <c r="P43" s="753"/>
      <c r="Q43" s="753"/>
      <c r="R43" s="753"/>
      <c r="S43" s="753"/>
      <c r="T43" s="753"/>
      <c r="U43" s="753"/>
      <c r="V43" s="753"/>
      <c r="W43" s="753"/>
      <c r="X43" s="753"/>
      <c r="Y43" s="753"/>
      <c r="Z43" s="753"/>
      <c r="AA43" s="753"/>
      <c r="AB43" s="753"/>
      <c r="AC43" s="753"/>
      <c r="AD43" s="753"/>
      <c r="AE43" s="753"/>
      <c r="AF43" s="753"/>
      <c r="AG43" s="753"/>
      <c r="AH43" s="753"/>
      <c r="AI43" s="753"/>
      <c r="AJ43" s="753"/>
      <c r="AK43" s="753"/>
      <c r="AL43" s="754"/>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771"/>
      <c r="B44" s="772"/>
      <c r="C44" s="772"/>
      <c r="D44" s="772"/>
      <c r="E44" s="772"/>
      <c r="F44" s="772"/>
      <c r="G44" s="772"/>
      <c r="H44" s="772"/>
      <c r="I44" s="772"/>
      <c r="J44" s="772"/>
      <c r="K44" s="772"/>
      <c r="L44" s="772"/>
      <c r="M44" s="773"/>
      <c r="N44" s="140"/>
      <c r="O44" s="752"/>
      <c r="P44" s="753"/>
      <c r="Q44" s="753"/>
      <c r="R44" s="753"/>
      <c r="S44" s="753"/>
      <c r="T44" s="753"/>
      <c r="U44" s="753"/>
      <c r="V44" s="753"/>
      <c r="W44" s="753"/>
      <c r="X44" s="753"/>
      <c r="Y44" s="753"/>
      <c r="Z44" s="753"/>
      <c r="AA44" s="753"/>
      <c r="AB44" s="753"/>
      <c r="AC44" s="753"/>
      <c r="AD44" s="753"/>
      <c r="AE44" s="753"/>
      <c r="AF44" s="753"/>
      <c r="AG44" s="753"/>
      <c r="AH44" s="753"/>
      <c r="AI44" s="753"/>
      <c r="AJ44" s="753"/>
      <c r="AK44" s="753"/>
      <c r="AL44" s="754"/>
      <c r="AM44" s="5"/>
      <c r="AN44" s="764">
        <v>2383.9</v>
      </c>
      <c r="AO44" s="765"/>
      <c r="AP44" s="765"/>
      <c r="AQ44" s="765"/>
      <c r="AR44" s="765"/>
      <c r="AS44" s="727" t="s">
        <v>383</v>
      </c>
      <c r="AT44" s="727"/>
      <c r="AU44" s="727"/>
      <c r="AV44" s="728"/>
      <c r="AW44" s="729">
        <v>26.1</v>
      </c>
      <c r="AX44" s="730"/>
      <c r="AY44" s="730"/>
      <c r="AZ44" s="730"/>
      <c r="BA44" s="730"/>
      <c r="BB44" s="730"/>
      <c r="BC44" s="706" t="s">
        <v>384</v>
      </c>
      <c r="BD44" s="706"/>
      <c r="BE44" s="706"/>
      <c r="BF44" s="707"/>
      <c r="BG44" s="710">
        <v>115.8</v>
      </c>
      <c r="BH44" s="711"/>
      <c r="BI44" s="711"/>
      <c r="BJ44" s="711"/>
      <c r="BK44" s="711"/>
      <c r="BL44" s="711"/>
      <c r="BM44" s="706" t="s">
        <v>384</v>
      </c>
      <c r="BN44" s="706"/>
      <c r="BO44" s="706"/>
      <c r="BP44" s="707"/>
      <c r="BQ44" s="130"/>
      <c r="BR44" s="714">
        <v>93.83</v>
      </c>
      <c r="BS44" s="715"/>
      <c r="BT44" s="715"/>
      <c r="BU44" s="715"/>
      <c r="BV44" s="715"/>
      <c r="BW44" s="715"/>
      <c r="BX44" s="715"/>
      <c r="BY44" s="696" t="s">
        <v>385</v>
      </c>
      <c r="BZ44" s="696"/>
      <c r="CA44" s="696"/>
      <c r="CB44" s="697"/>
      <c r="CC44" s="718">
        <v>3201</v>
      </c>
      <c r="CD44" s="719"/>
      <c r="CE44" s="719"/>
      <c r="CF44" s="719"/>
      <c r="CG44" s="719"/>
      <c r="CH44" s="719"/>
      <c r="CI44" s="719"/>
      <c r="CJ44" s="696" t="s">
        <v>386</v>
      </c>
      <c r="CK44" s="696"/>
      <c r="CL44" s="696"/>
      <c r="CM44" s="697"/>
    </row>
    <row r="45" spans="1:100" ht="17.25" customHeight="1" x14ac:dyDescent="0.15">
      <c r="A45" s="771"/>
      <c r="B45" s="772"/>
      <c r="C45" s="772"/>
      <c r="D45" s="772"/>
      <c r="E45" s="772"/>
      <c r="F45" s="772"/>
      <c r="G45" s="772"/>
      <c r="H45" s="772"/>
      <c r="I45" s="772"/>
      <c r="J45" s="772"/>
      <c r="K45" s="772"/>
      <c r="L45" s="772"/>
      <c r="M45" s="773"/>
      <c r="N45" s="169"/>
      <c r="O45" s="752"/>
      <c r="P45" s="753"/>
      <c r="Q45" s="753"/>
      <c r="R45" s="753"/>
      <c r="S45" s="753"/>
      <c r="T45" s="753"/>
      <c r="U45" s="753"/>
      <c r="V45" s="753"/>
      <c r="W45" s="753"/>
      <c r="X45" s="753"/>
      <c r="Y45" s="753"/>
      <c r="Z45" s="753"/>
      <c r="AA45" s="753"/>
      <c r="AB45" s="753"/>
      <c r="AC45" s="753"/>
      <c r="AD45" s="753"/>
      <c r="AE45" s="753"/>
      <c r="AF45" s="753"/>
      <c r="AG45" s="753"/>
      <c r="AH45" s="753"/>
      <c r="AI45" s="753"/>
      <c r="AJ45" s="753"/>
      <c r="AK45" s="753"/>
      <c r="AL45" s="754"/>
      <c r="AM45" s="5"/>
      <c r="AN45" s="766"/>
      <c r="AO45" s="767"/>
      <c r="AP45" s="767"/>
      <c r="AQ45" s="767"/>
      <c r="AR45" s="767"/>
      <c r="AS45" s="282"/>
      <c r="AT45" s="282"/>
      <c r="AU45" s="282"/>
      <c r="AV45" s="283"/>
      <c r="AW45" s="731"/>
      <c r="AX45" s="732"/>
      <c r="AY45" s="732"/>
      <c r="AZ45" s="732"/>
      <c r="BA45" s="732"/>
      <c r="BB45" s="732"/>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771"/>
      <c r="B46" s="772"/>
      <c r="C46" s="772"/>
      <c r="D46" s="772"/>
      <c r="E46" s="772"/>
      <c r="F46" s="772"/>
      <c r="G46" s="772"/>
      <c r="H46" s="772"/>
      <c r="I46" s="772"/>
      <c r="J46" s="772"/>
      <c r="K46" s="772"/>
      <c r="L46" s="772"/>
      <c r="M46" s="773"/>
      <c r="N46" s="140"/>
      <c r="O46" s="752"/>
      <c r="P46" s="753"/>
      <c r="Q46" s="753"/>
      <c r="R46" s="753"/>
      <c r="S46" s="753"/>
      <c r="T46" s="753"/>
      <c r="U46" s="753"/>
      <c r="V46" s="753"/>
      <c r="W46" s="753"/>
      <c r="X46" s="753"/>
      <c r="Y46" s="753"/>
      <c r="Z46" s="753"/>
      <c r="AA46" s="753"/>
      <c r="AB46" s="753"/>
      <c r="AC46" s="753"/>
      <c r="AD46" s="753"/>
      <c r="AE46" s="753"/>
      <c r="AF46" s="753"/>
      <c r="AG46" s="753"/>
      <c r="AH46" s="753"/>
      <c r="AI46" s="753"/>
      <c r="AJ46" s="753"/>
      <c r="AK46" s="753"/>
      <c r="AL46" s="754"/>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771"/>
      <c r="B47" s="772"/>
      <c r="C47" s="772"/>
      <c r="D47" s="772"/>
      <c r="E47" s="772"/>
      <c r="F47" s="772"/>
      <c r="G47" s="772"/>
      <c r="H47" s="772"/>
      <c r="I47" s="772"/>
      <c r="J47" s="772"/>
      <c r="K47" s="772"/>
      <c r="L47" s="772"/>
      <c r="M47" s="773"/>
      <c r="N47" s="84"/>
      <c r="O47" s="752"/>
      <c r="P47" s="753"/>
      <c r="Q47" s="753"/>
      <c r="R47" s="753"/>
      <c r="S47" s="753"/>
      <c r="T47" s="753"/>
      <c r="U47" s="753"/>
      <c r="V47" s="753"/>
      <c r="W47" s="753"/>
      <c r="X47" s="753"/>
      <c r="Y47" s="753"/>
      <c r="Z47" s="753"/>
      <c r="AA47" s="753"/>
      <c r="AB47" s="753"/>
      <c r="AC47" s="753"/>
      <c r="AD47" s="753"/>
      <c r="AE47" s="753"/>
      <c r="AF47" s="753"/>
      <c r="AG47" s="753"/>
      <c r="AH47" s="753"/>
      <c r="AI47" s="753"/>
      <c r="AJ47" s="753"/>
      <c r="AK47" s="753"/>
      <c r="AL47" s="754"/>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771"/>
      <c r="B48" s="772"/>
      <c r="C48" s="772"/>
      <c r="D48" s="772"/>
      <c r="E48" s="772"/>
      <c r="F48" s="772"/>
      <c r="G48" s="772"/>
      <c r="H48" s="772"/>
      <c r="I48" s="772"/>
      <c r="J48" s="772"/>
      <c r="K48" s="772"/>
      <c r="L48" s="772"/>
      <c r="M48" s="773"/>
      <c r="N48" s="84"/>
      <c r="O48" s="752"/>
      <c r="P48" s="753"/>
      <c r="Q48" s="753"/>
      <c r="R48" s="753"/>
      <c r="S48" s="753"/>
      <c r="T48" s="753"/>
      <c r="U48" s="753"/>
      <c r="V48" s="753"/>
      <c r="W48" s="753"/>
      <c r="X48" s="753"/>
      <c r="Y48" s="753"/>
      <c r="Z48" s="753"/>
      <c r="AA48" s="753"/>
      <c r="AB48" s="753"/>
      <c r="AC48" s="753"/>
      <c r="AD48" s="753"/>
      <c r="AE48" s="753"/>
      <c r="AF48" s="753"/>
      <c r="AG48" s="753"/>
      <c r="AH48" s="753"/>
      <c r="AI48" s="753"/>
      <c r="AJ48" s="753"/>
      <c r="AK48" s="753"/>
      <c r="AL48" s="754"/>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771"/>
      <c r="B49" s="772"/>
      <c r="C49" s="772"/>
      <c r="D49" s="772"/>
      <c r="E49" s="772"/>
      <c r="F49" s="772"/>
      <c r="G49" s="772"/>
      <c r="H49" s="772"/>
      <c r="I49" s="772"/>
      <c r="J49" s="772"/>
      <c r="K49" s="772"/>
      <c r="L49" s="772"/>
      <c r="M49" s="773"/>
      <c r="N49" s="84"/>
      <c r="O49" s="752"/>
      <c r="P49" s="753"/>
      <c r="Q49" s="753"/>
      <c r="R49" s="753"/>
      <c r="S49" s="753"/>
      <c r="T49" s="753"/>
      <c r="U49" s="753"/>
      <c r="V49" s="753"/>
      <c r="W49" s="753"/>
      <c r="X49" s="753"/>
      <c r="Y49" s="753"/>
      <c r="Z49" s="753"/>
      <c r="AA49" s="753"/>
      <c r="AB49" s="753"/>
      <c r="AC49" s="753"/>
      <c r="AD49" s="753"/>
      <c r="AE49" s="753"/>
      <c r="AF49" s="753"/>
      <c r="AG49" s="753"/>
      <c r="AH49" s="753"/>
      <c r="AI49" s="753"/>
      <c r="AJ49" s="753"/>
      <c r="AK49" s="753"/>
      <c r="AL49" s="754"/>
      <c r="AM49" s="5"/>
      <c r="AN49" s="223">
        <v>51812.375</v>
      </c>
      <c r="AO49" s="224"/>
      <c r="AP49" s="224"/>
      <c r="AQ49" s="224"/>
      <c r="AR49" s="224"/>
      <c r="AS49" s="224"/>
      <c r="AT49" s="225"/>
      <c r="AU49" s="229">
        <v>1.1479999999999999</v>
      </c>
      <c r="AV49" s="230"/>
      <c r="AW49" s="230"/>
      <c r="AX49" s="230"/>
      <c r="AY49" s="231"/>
      <c r="AZ49" s="210">
        <v>7.2</v>
      </c>
      <c r="BA49" s="211"/>
      <c r="BB49" s="211"/>
      <c r="BC49" s="211"/>
      <c r="BD49" s="212"/>
      <c r="BE49" s="210">
        <v>3.2</v>
      </c>
      <c r="BF49" s="211"/>
      <c r="BG49" s="211"/>
      <c r="BH49" s="211"/>
      <c r="BI49" s="212"/>
      <c r="BJ49" s="210">
        <v>56.2</v>
      </c>
      <c r="BK49" s="211"/>
      <c r="BL49" s="211"/>
      <c r="BM49" s="211"/>
      <c r="BN49" s="212"/>
      <c r="BO49" s="210">
        <v>7.3</v>
      </c>
      <c r="BP49" s="211"/>
      <c r="BQ49" s="211"/>
      <c r="BR49" s="211"/>
      <c r="BS49" s="212"/>
      <c r="BT49" s="210">
        <v>88.5</v>
      </c>
      <c r="BU49" s="211"/>
      <c r="BV49" s="211"/>
      <c r="BW49" s="211"/>
      <c r="BX49" s="212"/>
      <c r="BY49" s="210">
        <v>31</v>
      </c>
      <c r="BZ49" s="211"/>
      <c r="CA49" s="211"/>
      <c r="CB49" s="211"/>
      <c r="CC49" s="212"/>
      <c r="CD49" s="210">
        <v>47.6</v>
      </c>
      <c r="CE49" s="211"/>
      <c r="CF49" s="211"/>
      <c r="CG49" s="211"/>
      <c r="CH49" s="212"/>
      <c r="CI49" s="210">
        <v>59.4</v>
      </c>
      <c r="CJ49" s="211"/>
      <c r="CK49" s="211"/>
      <c r="CL49" s="211"/>
      <c r="CM49" s="212"/>
    </row>
    <row r="50" spans="1:91" ht="17.25" customHeight="1" x14ac:dyDescent="0.15">
      <c r="A50" s="1052"/>
      <c r="B50" s="860"/>
      <c r="C50" s="860"/>
      <c r="D50" s="860"/>
      <c r="E50" s="860"/>
      <c r="F50" s="860"/>
      <c r="G50" s="860"/>
      <c r="H50" s="860"/>
      <c r="I50" s="860"/>
      <c r="J50" s="860"/>
      <c r="K50" s="860"/>
      <c r="L50" s="860"/>
      <c r="M50" s="861"/>
      <c r="N50" s="84"/>
      <c r="O50" s="755"/>
      <c r="P50" s="756"/>
      <c r="Q50" s="756"/>
      <c r="R50" s="756"/>
      <c r="S50" s="756"/>
      <c r="T50" s="756"/>
      <c r="U50" s="756"/>
      <c r="V50" s="756"/>
      <c r="W50" s="756"/>
      <c r="X50" s="756"/>
      <c r="Y50" s="756"/>
      <c r="Z50" s="756"/>
      <c r="AA50" s="756"/>
      <c r="AB50" s="756"/>
      <c r="AC50" s="756"/>
      <c r="AD50" s="756"/>
      <c r="AE50" s="756"/>
      <c r="AF50" s="756"/>
      <c r="AG50" s="756"/>
      <c r="AH50" s="756"/>
      <c r="AI50" s="756"/>
      <c r="AJ50" s="756"/>
      <c r="AK50" s="756"/>
      <c r="AL50" s="757"/>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2">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BR42:CB43"/>
    <mergeCell ref="CC42:CM43"/>
    <mergeCell ref="A46:M46"/>
    <mergeCell ref="O46:AL46"/>
    <mergeCell ref="AN46:AV46"/>
    <mergeCell ref="AW46:BD46"/>
    <mergeCell ref="CD46:CM46"/>
    <mergeCell ref="BC44:BF45"/>
    <mergeCell ref="BG44:BL45"/>
    <mergeCell ref="BM44:BP45"/>
    <mergeCell ref="BR44:BX45"/>
    <mergeCell ref="BY44:CB45"/>
    <mergeCell ref="CC44:CI45"/>
    <mergeCell ref="A43:M43"/>
    <mergeCell ref="O43:AL43"/>
    <mergeCell ref="A44:M44"/>
    <mergeCell ref="O44:AL44"/>
    <mergeCell ref="AN44:AR45"/>
    <mergeCell ref="AS44:AV45"/>
    <mergeCell ref="AW44:BB45"/>
    <mergeCell ref="BY39:CG40"/>
    <mergeCell ref="CH39:CM40"/>
    <mergeCell ref="A40:M40"/>
    <mergeCell ref="O40:AL40"/>
    <mergeCell ref="A41:M41"/>
    <mergeCell ref="O41:AL41"/>
    <mergeCell ref="AU41:BE41"/>
    <mergeCell ref="BR41:CM41"/>
    <mergeCell ref="BG42:BP43"/>
    <mergeCell ref="A39:M39"/>
    <mergeCell ref="O39:AL39"/>
    <mergeCell ref="AN39:AV40"/>
    <mergeCell ref="AW39:BF40"/>
    <mergeCell ref="BG39:BP40"/>
    <mergeCell ref="BR39:BX40"/>
    <mergeCell ref="A42:M42"/>
    <mergeCell ref="O42:AL42"/>
    <mergeCell ref="AN42:AV43"/>
    <mergeCell ref="AW42:BF4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7:CG38"/>
    <mergeCell ref="CH37:CM38"/>
    <mergeCell ref="A38:M38"/>
    <mergeCell ref="O38:AL38"/>
    <mergeCell ref="CH31:CM32"/>
    <mergeCell ref="AO32:BP32"/>
    <mergeCell ref="AO33:BP33"/>
    <mergeCell ref="BR33:BX34"/>
    <mergeCell ref="BY33:CG34"/>
    <mergeCell ref="CH33:CM34"/>
    <mergeCell ref="AN34:BO34"/>
    <mergeCell ref="AO27:CM27"/>
    <mergeCell ref="A28:AL28"/>
    <mergeCell ref="AN28:BP28"/>
    <mergeCell ref="AO29:BP29"/>
    <mergeCell ref="AO30:BP30"/>
    <mergeCell ref="BY30:CI30"/>
    <mergeCell ref="AO31:BP31"/>
    <mergeCell ref="BR31:BX32"/>
    <mergeCell ref="BY31:CG32"/>
    <mergeCell ref="A29:AL34"/>
    <mergeCell ref="A22:E24"/>
    <mergeCell ref="F22:M22"/>
    <mergeCell ref="O22:P23"/>
    <mergeCell ref="Q22:AL22"/>
    <mergeCell ref="AN22:CM22"/>
    <mergeCell ref="F23:M24"/>
    <mergeCell ref="Q23:AL23"/>
    <mergeCell ref="AO23:CM23"/>
    <mergeCell ref="O24:P25"/>
    <mergeCell ref="Q24:AL24"/>
    <mergeCell ref="A25:E27"/>
    <mergeCell ref="F25:M25"/>
    <mergeCell ref="Q25:AL25"/>
    <mergeCell ref="AO25:CM25"/>
    <mergeCell ref="F26:M27"/>
    <mergeCell ref="O26:P27"/>
    <mergeCell ref="Q26:AL26"/>
    <mergeCell ref="AO26:CM26"/>
    <mergeCell ref="Q27:AL27"/>
    <mergeCell ref="AT16:CM18"/>
    <mergeCell ref="F17:M18"/>
    <mergeCell ref="Q17:T17"/>
    <mergeCell ref="U17:X17"/>
    <mergeCell ref="Q18:T18"/>
    <mergeCell ref="U18:X18"/>
    <mergeCell ref="Y18:AL18"/>
    <mergeCell ref="AT19:CM21"/>
    <mergeCell ref="AO24:CM24"/>
    <mergeCell ref="Q13:T13"/>
    <mergeCell ref="AN13:AS15"/>
    <mergeCell ref="A16:E21"/>
    <mergeCell ref="F16:M16"/>
    <mergeCell ref="Q16:T16"/>
    <mergeCell ref="U16:X16"/>
    <mergeCell ref="Y16:AL17"/>
    <mergeCell ref="AN16:AS18"/>
    <mergeCell ref="F19:M19"/>
    <mergeCell ref="Q19:T19"/>
    <mergeCell ref="U19:AL19"/>
    <mergeCell ref="AN19:AS21"/>
    <mergeCell ref="F20:M21"/>
    <mergeCell ref="Q20:T20"/>
    <mergeCell ref="U20:X20"/>
    <mergeCell ref="Y20:AL20"/>
    <mergeCell ref="Q21:AL21"/>
    <mergeCell ref="A9:D10"/>
    <mergeCell ref="E9:AL10"/>
    <mergeCell ref="AN9:CM9"/>
    <mergeCell ref="AN10:AS12"/>
    <mergeCell ref="AT10:CM12"/>
    <mergeCell ref="A11:D11"/>
    <mergeCell ref="E11:AL11"/>
    <mergeCell ref="A12:E13"/>
    <mergeCell ref="F12:M12"/>
    <mergeCell ref="N12:N27"/>
    <mergeCell ref="AT13:CM15"/>
    <mergeCell ref="A14:E14"/>
    <mergeCell ref="Q14:T14"/>
    <mergeCell ref="U14:X14"/>
    <mergeCell ref="Y14:AL14"/>
    <mergeCell ref="A15:E15"/>
    <mergeCell ref="F15:M15"/>
    <mergeCell ref="Q15:T15"/>
    <mergeCell ref="U15:X15"/>
    <mergeCell ref="Y15:AL15"/>
    <mergeCell ref="O12:P21"/>
    <mergeCell ref="Q12:T12"/>
    <mergeCell ref="U12:AL13"/>
    <mergeCell ref="F13:M14"/>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city.atsug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3―</oddFooter>
  </headerFooter>
  <drawing r:id="rId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29"/>
  <sheetViews>
    <sheetView showZeros="0" tabSelected="1" view="pageBreakPreview"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375" style="3" customWidth="1"/>
    <col min="95" max="16384" width="9" style="3"/>
  </cols>
  <sheetData>
    <row r="1" spans="1:100" ht="17.25" customHeight="1" x14ac:dyDescent="0.15">
      <c r="A1" s="644" t="s" ph="1">
        <v>132</v>
      </c>
      <c r="B1" s="644" ph="1"/>
      <c r="C1" s="644" ph="1"/>
      <c r="D1" s="644" ph="1"/>
      <c r="E1" s="644" ph="1"/>
      <c r="F1" s="644" ph="1"/>
      <c r="G1" s="644" ph="1"/>
      <c r="H1" s="644" ph="1"/>
      <c r="I1" s="645"/>
      <c r="J1" s="645"/>
      <c r="K1" s="645"/>
      <c r="L1" s="645"/>
      <c r="M1" s="645"/>
      <c r="N1" s="454" t="s">
        <v>124</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1153" t="s">
        <v>908</v>
      </c>
      <c r="AO2" s="1153"/>
      <c r="AP2" s="1153"/>
      <c r="AQ2" s="1153"/>
      <c r="AR2" s="1153"/>
      <c r="AS2" s="1153"/>
      <c r="AT2" s="1153"/>
      <c r="AU2" s="1153"/>
      <c r="AV2" s="1153"/>
      <c r="AW2" s="1153"/>
      <c r="AX2" s="1153"/>
      <c r="AY2" s="1153"/>
      <c r="AZ2" s="1153"/>
      <c r="BA2" s="1153"/>
      <c r="BB2" s="1153"/>
      <c r="BC2" s="1153"/>
      <c r="BD2" s="1153"/>
      <c r="BE2" s="1153"/>
      <c r="BF2" s="1153"/>
      <c r="BG2" s="1153"/>
      <c r="BH2" s="1153"/>
      <c r="BI2" s="1153"/>
      <c r="BJ2" s="1153"/>
      <c r="BK2" s="1153"/>
      <c r="BL2" s="1153"/>
      <c r="BM2" s="1153"/>
      <c r="BN2" s="1153"/>
      <c r="BO2" s="1153"/>
      <c r="BP2" s="1153"/>
      <c r="BQ2" s="1153"/>
      <c r="BR2" s="1153"/>
      <c r="BS2" s="1153"/>
      <c r="BT2" s="1153"/>
      <c r="BU2" s="1153"/>
      <c r="BV2" s="1153"/>
      <c r="BW2" s="1153"/>
      <c r="BX2" s="1153"/>
      <c r="BY2" s="1153"/>
      <c r="BZ2" s="1153"/>
      <c r="CA2" s="1153"/>
      <c r="CB2" s="1153"/>
      <c r="CC2" s="1153"/>
      <c r="CD2" s="1153"/>
      <c r="CE2" s="1153"/>
      <c r="CF2" s="1153"/>
      <c r="CG2" s="1153"/>
      <c r="CH2" s="1153"/>
      <c r="CI2" s="1153"/>
      <c r="CJ2" s="1153"/>
      <c r="CK2" s="1153"/>
      <c r="CL2" s="1153"/>
      <c r="CM2" s="1153"/>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1153"/>
      <c r="AO3" s="1153"/>
      <c r="AP3" s="1153"/>
      <c r="AQ3" s="1153"/>
      <c r="AR3" s="1153"/>
      <c r="AS3" s="1153"/>
      <c r="AT3" s="1153"/>
      <c r="AU3" s="1153"/>
      <c r="AV3" s="1153"/>
      <c r="AW3" s="1153"/>
      <c r="AX3" s="1153"/>
      <c r="AY3" s="1153"/>
      <c r="AZ3" s="1153"/>
      <c r="BA3" s="1153"/>
      <c r="BB3" s="1153"/>
      <c r="BC3" s="1153"/>
      <c r="BD3" s="1153"/>
      <c r="BE3" s="1153"/>
      <c r="BF3" s="1153"/>
      <c r="BG3" s="1153"/>
      <c r="BH3" s="1153"/>
      <c r="BI3" s="1153"/>
      <c r="BJ3" s="1153"/>
      <c r="BK3" s="1153"/>
      <c r="BL3" s="1153"/>
      <c r="BM3" s="1153"/>
      <c r="BN3" s="1153"/>
      <c r="BO3" s="1153"/>
      <c r="BP3" s="1153"/>
      <c r="BQ3" s="1153"/>
      <c r="BR3" s="1153"/>
      <c r="BS3" s="1153"/>
      <c r="BT3" s="1153"/>
      <c r="BU3" s="1153"/>
      <c r="BV3" s="1153"/>
      <c r="BW3" s="1153"/>
      <c r="BX3" s="1153"/>
      <c r="BY3" s="1153"/>
      <c r="BZ3" s="1153"/>
      <c r="CA3" s="1153"/>
      <c r="CB3" s="1153"/>
      <c r="CC3" s="1153"/>
      <c r="CD3" s="1153"/>
      <c r="CE3" s="1153"/>
      <c r="CF3" s="1153"/>
      <c r="CG3" s="1153"/>
      <c r="CH3" s="1153"/>
      <c r="CI3" s="1153"/>
      <c r="CJ3" s="1153"/>
      <c r="CK3" s="1153"/>
      <c r="CL3" s="1153"/>
      <c r="CM3" s="1153"/>
      <c r="CQ3" s="3" ph="1"/>
    </row>
    <row r="4" spans="1:100" ht="17.25" customHeight="1" x14ac:dyDescent="0.15">
      <c r="A4" s="641" t="s">
        <v>236</v>
      </c>
      <c r="B4" s="641"/>
      <c r="C4" s="641"/>
      <c r="D4" s="641"/>
      <c r="E4" s="458">
        <v>142131</v>
      </c>
      <c r="F4" s="458"/>
      <c r="G4" s="458"/>
      <c r="H4" s="458"/>
      <c r="I4" s="647"/>
      <c r="J4" s="647"/>
      <c r="K4" s="647"/>
      <c r="L4" s="647"/>
      <c r="M4" s="647"/>
      <c r="N4" s="459" t="s">
        <v>125</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1153"/>
      <c r="AO4" s="1153"/>
      <c r="AP4" s="1153"/>
      <c r="AQ4" s="1153"/>
      <c r="AR4" s="1153"/>
      <c r="AS4" s="1153"/>
      <c r="AT4" s="1153"/>
      <c r="AU4" s="1153"/>
      <c r="AV4" s="1153"/>
      <c r="AW4" s="1153"/>
      <c r="AX4" s="1153"/>
      <c r="AY4" s="1153"/>
      <c r="AZ4" s="1153"/>
      <c r="BA4" s="1153"/>
      <c r="BB4" s="1153"/>
      <c r="BC4" s="1153"/>
      <c r="BD4" s="1153"/>
      <c r="BE4" s="1153"/>
      <c r="BF4" s="1153"/>
      <c r="BG4" s="1153"/>
      <c r="BH4" s="1153"/>
      <c r="BI4" s="1153"/>
      <c r="BJ4" s="1153"/>
      <c r="BK4" s="1153"/>
      <c r="BL4" s="1153"/>
      <c r="BM4" s="1153"/>
      <c r="BN4" s="1153"/>
      <c r="BO4" s="1153"/>
      <c r="BP4" s="1153"/>
      <c r="BQ4" s="1153"/>
      <c r="BR4" s="1153"/>
      <c r="BS4" s="1153"/>
      <c r="BT4" s="1153"/>
      <c r="BU4" s="1153"/>
      <c r="BV4" s="1153"/>
      <c r="BW4" s="1153"/>
      <c r="BX4" s="1153"/>
      <c r="BY4" s="1153"/>
      <c r="BZ4" s="1153"/>
      <c r="CA4" s="1153"/>
      <c r="CB4" s="1153"/>
      <c r="CC4" s="1153"/>
      <c r="CD4" s="1153"/>
      <c r="CE4" s="1153"/>
      <c r="CF4" s="1153"/>
      <c r="CG4" s="1153"/>
      <c r="CH4" s="1153"/>
      <c r="CI4" s="1153"/>
      <c r="CJ4" s="1153"/>
      <c r="CK4" s="1153"/>
      <c r="CL4" s="1153"/>
      <c r="CM4" s="1153"/>
    </row>
    <row r="5" spans="1:100" ht="17.25" customHeight="1" x14ac:dyDescent="0.15">
      <c r="A5" s="428" t="s">
        <v>237</v>
      </c>
      <c r="B5" s="428"/>
      <c r="C5" s="428"/>
      <c r="D5" s="428"/>
      <c r="E5" s="428"/>
      <c r="F5" s="428"/>
      <c r="G5" s="428"/>
      <c r="H5" s="428"/>
      <c r="I5" s="486" t="s">
        <v>1475</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1153"/>
      <c r="AO5" s="1153"/>
      <c r="AP5" s="1153"/>
      <c r="AQ5" s="1153"/>
      <c r="AR5" s="1153"/>
      <c r="AS5" s="1153"/>
      <c r="AT5" s="1153"/>
      <c r="AU5" s="1153"/>
      <c r="AV5" s="1153"/>
      <c r="AW5" s="1153"/>
      <c r="AX5" s="1153"/>
      <c r="AY5" s="1153"/>
      <c r="AZ5" s="1153"/>
      <c r="BA5" s="1153"/>
      <c r="BB5" s="1153"/>
      <c r="BC5" s="1153"/>
      <c r="BD5" s="1153"/>
      <c r="BE5" s="1153"/>
      <c r="BF5" s="1153"/>
      <c r="BG5" s="1153"/>
      <c r="BH5" s="1153"/>
      <c r="BI5" s="1153"/>
      <c r="BJ5" s="1153"/>
      <c r="BK5" s="1153"/>
      <c r="BL5" s="1153"/>
      <c r="BM5" s="1153"/>
      <c r="BN5" s="1153"/>
      <c r="BO5" s="1153"/>
      <c r="BP5" s="1153"/>
      <c r="BQ5" s="1153"/>
      <c r="BR5" s="1153"/>
      <c r="BS5" s="1153"/>
      <c r="BT5" s="1153"/>
      <c r="BU5" s="1153"/>
      <c r="BV5" s="1153"/>
      <c r="BW5" s="1153"/>
      <c r="BX5" s="1153"/>
      <c r="BY5" s="1153"/>
      <c r="BZ5" s="1153"/>
      <c r="CA5" s="1153"/>
      <c r="CB5" s="1153"/>
      <c r="CC5" s="1153"/>
      <c r="CD5" s="1153"/>
      <c r="CE5" s="1153"/>
      <c r="CF5" s="1153"/>
      <c r="CG5" s="1153"/>
      <c r="CH5" s="1153"/>
      <c r="CI5" s="1153"/>
      <c r="CJ5" s="1153"/>
      <c r="CK5" s="1153"/>
      <c r="CL5" s="1153"/>
      <c r="CM5" s="1153"/>
    </row>
    <row r="6" spans="1:100" ht="17.25" customHeight="1" x14ac:dyDescent="0.15">
      <c r="A6" s="428"/>
      <c r="B6" s="428"/>
      <c r="C6" s="428"/>
      <c r="D6" s="428"/>
      <c r="E6" s="428"/>
      <c r="F6" s="428"/>
      <c r="G6" s="428"/>
      <c r="H6" s="428"/>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1153"/>
      <c r="AO6" s="1153"/>
      <c r="AP6" s="1153"/>
      <c r="AQ6" s="1153"/>
      <c r="AR6" s="1153"/>
      <c r="AS6" s="1153"/>
      <c r="AT6" s="1153"/>
      <c r="AU6" s="1153"/>
      <c r="AV6" s="1153"/>
      <c r="AW6" s="1153"/>
      <c r="AX6" s="1153"/>
      <c r="AY6" s="1153"/>
      <c r="AZ6" s="1153"/>
      <c r="BA6" s="1153"/>
      <c r="BB6" s="1153"/>
      <c r="BC6" s="1153"/>
      <c r="BD6" s="1153"/>
      <c r="BE6" s="1153"/>
      <c r="BF6" s="1153"/>
      <c r="BG6" s="1153"/>
      <c r="BH6" s="1153"/>
      <c r="BI6" s="1153"/>
      <c r="BJ6" s="1153"/>
      <c r="BK6" s="1153"/>
      <c r="BL6" s="1153"/>
      <c r="BM6" s="1153"/>
      <c r="BN6" s="1153"/>
      <c r="BO6" s="1153"/>
      <c r="BP6" s="1153"/>
      <c r="BQ6" s="1153"/>
      <c r="BR6" s="1153"/>
      <c r="BS6" s="1153"/>
      <c r="BT6" s="1153"/>
      <c r="BU6" s="1153"/>
      <c r="BV6" s="1153"/>
      <c r="BW6" s="1153"/>
      <c r="BX6" s="1153"/>
      <c r="BY6" s="1153"/>
      <c r="BZ6" s="1153"/>
      <c r="CA6" s="1153"/>
      <c r="CB6" s="1153"/>
      <c r="CC6" s="1153"/>
      <c r="CD6" s="1153"/>
      <c r="CE6" s="1153"/>
      <c r="CF6" s="1153"/>
      <c r="CG6" s="1153"/>
      <c r="CH6" s="1153"/>
      <c r="CI6" s="1153"/>
      <c r="CJ6" s="1153"/>
      <c r="CK6" s="1153"/>
      <c r="CL6" s="1153"/>
      <c r="CM6" s="1153"/>
    </row>
    <row r="7" spans="1:100" ht="17.25" customHeight="1" x14ac:dyDescent="0.15">
      <c r="A7" s="405" t="s">
        <v>238</v>
      </c>
      <c r="B7" s="406"/>
      <c r="C7" s="406"/>
      <c r="D7" s="407"/>
      <c r="E7" s="65" t="s">
        <v>0</v>
      </c>
      <c r="F7" s="492" t="s">
        <v>126</v>
      </c>
      <c r="G7" s="492"/>
      <c r="H7" s="492"/>
      <c r="I7" s="492"/>
      <c r="J7" s="492"/>
      <c r="K7" s="492"/>
      <c r="L7" s="493"/>
      <c r="M7" s="642"/>
      <c r="N7" s="642"/>
      <c r="O7" s="642"/>
      <c r="P7" s="642"/>
      <c r="Q7" s="642"/>
      <c r="R7" s="642"/>
      <c r="S7" s="642"/>
      <c r="T7" s="642"/>
      <c r="U7" s="642"/>
      <c r="V7" s="642"/>
      <c r="W7" s="642"/>
      <c r="X7" s="642"/>
      <c r="Y7" s="643"/>
      <c r="Z7" s="332" t="s">
        <v>239</v>
      </c>
      <c r="AA7" s="332"/>
      <c r="AB7" s="332"/>
      <c r="AC7" s="431" t="s">
        <v>127</v>
      </c>
      <c r="AD7" s="431"/>
      <c r="AE7" s="431"/>
      <c r="AF7" s="431"/>
      <c r="AG7" s="431"/>
      <c r="AH7" s="431"/>
      <c r="AI7" s="431"/>
      <c r="AJ7" s="431"/>
      <c r="AK7" s="431"/>
      <c r="AL7" s="431"/>
      <c r="AM7" s="5"/>
      <c r="AN7" s="1153"/>
      <c r="AO7" s="1153"/>
      <c r="AP7" s="1153"/>
      <c r="AQ7" s="1153"/>
      <c r="AR7" s="1153"/>
      <c r="AS7" s="1153"/>
      <c r="AT7" s="1153"/>
      <c r="AU7" s="1153"/>
      <c r="AV7" s="1153"/>
      <c r="AW7" s="1153"/>
      <c r="AX7" s="1153"/>
      <c r="AY7" s="1153"/>
      <c r="AZ7" s="1153"/>
      <c r="BA7" s="1153"/>
      <c r="BB7" s="1153"/>
      <c r="BC7" s="1153"/>
      <c r="BD7" s="1153"/>
      <c r="BE7" s="1153"/>
      <c r="BF7" s="1153"/>
      <c r="BG7" s="1153"/>
      <c r="BH7" s="1153"/>
      <c r="BI7" s="1153"/>
      <c r="BJ7" s="1153"/>
      <c r="BK7" s="1153"/>
      <c r="BL7" s="1153"/>
      <c r="BM7" s="1153"/>
      <c r="BN7" s="1153"/>
      <c r="BO7" s="1153"/>
      <c r="BP7" s="1153"/>
      <c r="BQ7" s="1153"/>
      <c r="BR7" s="1153"/>
      <c r="BS7" s="1153"/>
      <c r="BT7" s="1153"/>
      <c r="BU7" s="1153"/>
      <c r="BV7" s="1153"/>
      <c r="BW7" s="1153"/>
      <c r="BX7" s="1153"/>
      <c r="BY7" s="1153"/>
      <c r="BZ7" s="1153"/>
      <c r="CA7" s="1153"/>
      <c r="CB7" s="1153"/>
      <c r="CC7" s="1153"/>
      <c r="CD7" s="1153"/>
      <c r="CE7" s="1153"/>
      <c r="CF7" s="1153"/>
      <c r="CG7" s="1153"/>
      <c r="CH7" s="1153"/>
      <c r="CI7" s="1153"/>
      <c r="CJ7" s="1153"/>
      <c r="CK7" s="1153"/>
      <c r="CL7" s="1153"/>
      <c r="CM7" s="1153"/>
    </row>
    <row r="8" spans="1:100" ht="17.25" customHeight="1" x14ac:dyDescent="0.15">
      <c r="A8" s="405"/>
      <c r="B8" s="406"/>
      <c r="C8" s="406"/>
      <c r="D8" s="407"/>
      <c r="E8" s="433" t="s">
        <v>128</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1153"/>
      <c r="AO8" s="1153"/>
      <c r="AP8" s="1153"/>
      <c r="AQ8" s="1153"/>
      <c r="AR8" s="1153"/>
      <c r="AS8" s="1153"/>
      <c r="AT8" s="1153"/>
      <c r="AU8" s="1153"/>
      <c r="AV8" s="1153"/>
      <c r="AW8" s="1153"/>
      <c r="AX8" s="1153"/>
      <c r="AY8" s="1153"/>
      <c r="AZ8" s="1153"/>
      <c r="BA8" s="1153"/>
      <c r="BB8" s="1153"/>
      <c r="BC8" s="1153"/>
      <c r="BD8" s="1153"/>
      <c r="BE8" s="1153"/>
      <c r="BF8" s="1153"/>
      <c r="BG8" s="1153"/>
      <c r="BH8" s="1153"/>
      <c r="BI8" s="1153"/>
      <c r="BJ8" s="1153"/>
      <c r="BK8" s="1153"/>
      <c r="BL8" s="1153"/>
      <c r="BM8" s="1153"/>
      <c r="BN8" s="1153"/>
      <c r="BO8" s="1153"/>
      <c r="BP8" s="1153"/>
      <c r="BQ8" s="1153"/>
      <c r="BR8" s="1153"/>
      <c r="BS8" s="1153"/>
      <c r="BT8" s="1153"/>
      <c r="BU8" s="1153"/>
      <c r="BV8" s="1153"/>
      <c r="BW8" s="1153"/>
      <c r="BX8" s="1153"/>
      <c r="BY8" s="1153"/>
      <c r="BZ8" s="1153"/>
      <c r="CA8" s="1153"/>
      <c r="CB8" s="1153"/>
      <c r="CC8" s="1153"/>
      <c r="CD8" s="1153"/>
      <c r="CE8" s="1153"/>
      <c r="CF8" s="1153"/>
      <c r="CG8" s="1153"/>
      <c r="CH8" s="1153"/>
      <c r="CI8" s="1153"/>
      <c r="CJ8" s="1153"/>
      <c r="CK8" s="1153"/>
      <c r="CL8" s="1153"/>
      <c r="CM8" s="1153"/>
    </row>
    <row r="9" spans="1:100" ht="17.25" customHeight="1" x14ac:dyDescent="0.15">
      <c r="A9" s="405" t="s">
        <v>240</v>
      </c>
      <c r="B9" s="406"/>
      <c r="C9" s="406"/>
      <c r="D9" s="407"/>
      <c r="E9" s="445" t="s">
        <v>1168</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1153"/>
      <c r="AO9" s="1153"/>
      <c r="AP9" s="1153"/>
      <c r="AQ9" s="1153"/>
      <c r="AR9" s="1153"/>
      <c r="AS9" s="1153"/>
      <c r="AT9" s="1153"/>
      <c r="AU9" s="1153"/>
      <c r="AV9" s="1153"/>
      <c r="AW9" s="1153"/>
      <c r="AX9" s="1153"/>
      <c r="AY9" s="1153"/>
      <c r="AZ9" s="1153"/>
      <c r="BA9" s="1153"/>
      <c r="BB9" s="1153"/>
      <c r="BC9" s="1153"/>
      <c r="BD9" s="1153"/>
      <c r="BE9" s="1153"/>
      <c r="BF9" s="1153"/>
      <c r="BG9" s="1153"/>
      <c r="BH9" s="1153"/>
      <c r="BI9" s="1153"/>
      <c r="BJ9" s="1153"/>
      <c r="BK9" s="1153"/>
      <c r="BL9" s="1153"/>
      <c r="BM9" s="1153"/>
      <c r="BN9" s="1153"/>
      <c r="BO9" s="1153"/>
      <c r="BP9" s="1153"/>
      <c r="BQ9" s="1153"/>
      <c r="BR9" s="1153"/>
      <c r="BS9" s="1153"/>
      <c r="BT9" s="1153"/>
      <c r="BU9" s="1153"/>
      <c r="BV9" s="1153"/>
      <c r="BW9" s="1153"/>
      <c r="BX9" s="1153"/>
      <c r="BY9" s="1153"/>
      <c r="BZ9" s="1153"/>
      <c r="CA9" s="1153"/>
      <c r="CB9" s="1153"/>
      <c r="CC9" s="1153"/>
      <c r="CD9" s="1153"/>
      <c r="CE9" s="1153"/>
      <c r="CF9" s="1153"/>
      <c r="CG9" s="1153"/>
      <c r="CH9" s="1153"/>
      <c r="CI9" s="1153"/>
      <c r="CJ9" s="1153"/>
      <c r="CK9" s="1153"/>
      <c r="CL9" s="1153"/>
      <c r="CM9" s="1153"/>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388" t="s">
        <v>245</v>
      </c>
      <c r="AO10" s="388"/>
      <c r="AP10" s="389"/>
      <c r="AQ10" s="389"/>
      <c r="AR10" s="389"/>
      <c r="AS10" s="389"/>
      <c r="AT10" s="389"/>
      <c r="AU10" s="389"/>
      <c r="AV10" s="389"/>
      <c r="AW10" s="389"/>
      <c r="AX10" s="389"/>
      <c r="AY10" s="389"/>
      <c r="AZ10" s="389"/>
      <c r="BA10" s="389"/>
      <c r="BB10" s="389"/>
      <c r="BC10" s="389"/>
      <c r="BD10" s="389"/>
      <c r="BE10" s="389"/>
      <c r="BF10" s="389"/>
      <c r="BG10" s="389"/>
      <c r="BH10" s="389"/>
      <c r="BI10" s="389"/>
      <c r="BJ10" s="389"/>
      <c r="BK10" s="389"/>
      <c r="BL10" s="389"/>
      <c r="BM10" s="389"/>
      <c r="BN10" s="389"/>
      <c r="BO10" s="389"/>
      <c r="BP10" s="389"/>
      <c r="BQ10" s="389"/>
      <c r="BR10" s="389"/>
      <c r="BS10" s="389"/>
      <c r="BT10" s="389"/>
      <c r="BU10" s="389"/>
      <c r="BV10" s="389"/>
      <c r="BW10" s="389"/>
      <c r="BX10" s="389"/>
      <c r="BY10" s="389"/>
      <c r="BZ10" s="389"/>
      <c r="CA10" s="389"/>
      <c r="CB10" s="389"/>
      <c r="CC10" s="389"/>
      <c r="CD10" s="389"/>
      <c r="CE10" s="389"/>
      <c r="CF10" s="389"/>
      <c r="CG10" s="389"/>
      <c r="CH10" s="389"/>
      <c r="CI10" s="389"/>
      <c r="CJ10" s="389"/>
      <c r="CK10" s="389"/>
      <c r="CL10" s="389"/>
      <c r="CM10" s="389"/>
    </row>
    <row r="11" spans="1:100" ht="17.25" customHeight="1" x14ac:dyDescent="0.15">
      <c r="A11" s="405" t="s">
        <v>37</v>
      </c>
      <c r="B11" s="406"/>
      <c r="C11" s="406"/>
      <c r="D11" s="407"/>
      <c r="E11" s="615" t="s">
        <v>1107</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287" t="s">
        <v>219</v>
      </c>
      <c r="AO11" s="287"/>
      <c r="AP11" s="287"/>
      <c r="AQ11" s="287"/>
      <c r="AR11" s="287"/>
      <c r="AS11" s="287"/>
      <c r="AT11" s="856" t="s">
        <v>1674</v>
      </c>
      <c r="AU11" s="856"/>
      <c r="AV11" s="856"/>
      <c r="AW11" s="856"/>
      <c r="AX11" s="856"/>
      <c r="AY11" s="856"/>
      <c r="AZ11" s="856"/>
      <c r="BA11" s="856"/>
      <c r="BB11" s="856"/>
      <c r="BC11" s="856"/>
      <c r="BD11" s="856"/>
      <c r="BE11" s="856"/>
      <c r="BF11" s="856"/>
      <c r="BG11" s="856"/>
      <c r="BH11" s="856"/>
      <c r="BI11" s="856"/>
      <c r="BJ11" s="856"/>
      <c r="BK11" s="856"/>
      <c r="BL11" s="856"/>
      <c r="BM11" s="856"/>
      <c r="BN11" s="856"/>
      <c r="BO11" s="856"/>
      <c r="BP11" s="856"/>
      <c r="BQ11" s="856"/>
      <c r="BR11" s="856"/>
      <c r="BS11" s="856"/>
      <c r="BT11" s="856"/>
      <c r="BU11" s="856"/>
      <c r="BV11" s="856"/>
      <c r="BW11" s="856"/>
      <c r="BX11" s="856"/>
      <c r="BY11" s="856"/>
      <c r="BZ11" s="856"/>
      <c r="CA11" s="856"/>
      <c r="CB11" s="856"/>
      <c r="CC11" s="856"/>
      <c r="CD11" s="856"/>
      <c r="CE11" s="856"/>
      <c r="CF11" s="856"/>
      <c r="CG11" s="856"/>
      <c r="CH11" s="856"/>
      <c r="CI11" s="856"/>
      <c r="CJ11" s="856"/>
      <c r="CK11" s="856"/>
      <c r="CL11" s="856"/>
      <c r="CM11" s="856"/>
    </row>
    <row r="12" spans="1:100" ht="17.25" customHeight="1" x14ac:dyDescent="0.15">
      <c r="A12" s="332" t="s">
        <v>241</v>
      </c>
      <c r="B12" s="332"/>
      <c r="C12" s="332"/>
      <c r="D12" s="332"/>
      <c r="E12" s="328"/>
      <c r="F12" s="844" t="s">
        <v>1208</v>
      </c>
      <c r="G12" s="845"/>
      <c r="H12" s="845"/>
      <c r="I12" s="845"/>
      <c r="J12" s="845"/>
      <c r="K12" s="845"/>
      <c r="L12" s="845"/>
      <c r="M12" s="845"/>
      <c r="N12" s="522"/>
      <c r="O12" s="416" t="s">
        <v>242</v>
      </c>
      <c r="P12" s="417"/>
      <c r="Q12" s="377">
        <v>20699</v>
      </c>
      <c r="R12" s="220"/>
      <c r="S12" s="220"/>
      <c r="T12" s="220"/>
      <c r="U12" s="371" t="s">
        <v>326</v>
      </c>
      <c r="V12" s="220"/>
      <c r="W12" s="220"/>
      <c r="X12" s="220"/>
      <c r="Y12" s="371" t="s">
        <v>133</v>
      </c>
      <c r="Z12" s="220"/>
      <c r="AA12" s="220"/>
      <c r="AB12" s="220"/>
      <c r="AC12" s="220"/>
      <c r="AD12" s="220"/>
      <c r="AE12" s="220"/>
      <c r="AF12" s="220"/>
      <c r="AG12" s="220"/>
      <c r="AH12" s="220"/>
      <c r="AI12" s="220"/>
      <c r="AJ12" s="220"/>
      <c r="AK12" s="220"/>
      <c r="AL12" s="372"/>
      <c r="AM12" s="5"/>
      <c r="AN12" s="287"/>
      <c r="AO12" s="287"/>
      <c r="AP12" s="287"/>
      <c r="AQ12" s="287"/>
      <c r="AR12" s="287"/>
      <c r="AS12" s="287"/>
      <c r="AT12" s="856"/>
      <c r="AU12" s="856"/>
      <c r="AV12" s="856"/>
      <c r="AW12" s="856"/>
      <c r="AX12" s="856"/>
      <c r="AY12" s="856"/>
      <c r="AZ12" s="856"/>
      <c r="BA12" s="856"/>
      <c r="BB12" s="856"/>
      <c r="BC12" s="856"/>
      <c r="BD12" s="856"/>
      <c r="BE12" s="856"/>
      <c r="BF12" s="856"/>
      <c r="BG12" s="856"/>
      <c r="BH12" s="856"/>
      <c r="BI12" s="856"/>
      <c r="BJ12" s="856"/>
      <c r="BK12" s="856"/>
      <c r="BL12" s="856"/>
      <c r="BM12" s="856"/>
      <c r="BN12" s="856"/>
      <c r="BO12" s="856"/>
      <c r="BP12" s="856"/>
      <c r="BQ12" s="856"/>
      <c r="BR12" s="856"/>
      <c r="BS12" s="856"/>
      <c r="BT12" s="856"/>
      <c r="BU12" s="856"/>
      <c r="BV12" s="856"/>
      <c r="BW12" s="856"/>
      <c r="BX12" s="856"/>
      <c r="BY12" s="856"/>
      <c r="BZ12" s="856"/>
      <c r="CA12" s="856"/>
      <c r="CB12" s="856"/>
      <c r="CC12" s="856"/>
      <c r="CD12" s="856"/>
      <c r="CE12" s="856"/>
      <c r="CF12" s="856"/>
      <c r="CG12" s="856"/>
      <c r="CH12" s="856"/>
      <c r="CI12" s="856"/>
      <c r="CJ12" s="856"/>
      <c r="CK12" s="856"/>
      <c r="CL12" s="856"/>
      <c r="CM12" s="856"/>
      <c r="CQ12" s="3" ph="1"/>
      <c r="CR12" s="3" ph="1"/>
      <c r="CS12" s="3" ph="1"/>
      <c r="CT12" s="3" ph="1"/>
      <c r="CU12" s="3" ph="1"/>
      <c r="CV12" s="3" ph="1"/>
    </row>
    <row r="13" spans="1:100" ht="17.25" customHeight="1" x14ac:dyDescent="0.15">
      <c r="A13" s="328"/>
      <c r="B13" s="328"/>
      <c r="C13" s="328"/>
      <c r="D13" s="328"/>
      <c r="E13" s="328"/>
      <c r="F13" s="398" t="s">
        <v>1206</v>
      </c>
      <c r="G13" s="369"/>
      <c r="H13" s="369"/>
      <c r="I13" s="369"/>
      <c r="J13" s="369"/>
      <c r="K13" s="369"/>
      <c r="L13" s="369"/>
      <c r="M13" s="369"/>
      <c r="N13" s="523"/>
      <c r="O13" s="418"/>
      <c r="P13" s="419"/>
      <c r="Q13" s="377">
        <v>21582</v>
      </c>
      <c r="R13" s="220"/>
      <c r="S13" s="220"/>
      <c r="T13" s="220"/>
      <c r="U13" s="371" t="s">
        <v>345</v>
      </c>
      <c r="V13" s="220"/>
      <c r="W13" s="220"/>
      <c r="X13" s="220"/>
      <c r="Y13" s="371"/>
      <c r="Z13" s="852"/>
      <c r="AA13" s="852"/>
      <c r="AB13" s="852"/>
      <c r="AC13" s="852"/>
      <c r="AD13" s="852"/>
      <c r="AE13" s="852"/>
      <c r="AF13" s="852"/>
      <c r="AG13" s="852"/>
      <c r="AH13" s="852"/>
      <c r="AI13" s="852"/>
      <c r="AJ13" s="852"/>
      <c r="AK13" s="852"/>
      <c r="AL13" s="853"/>
      <c r="AM13" s="5"/>
      <c r="AN13" s="287" t="s">
        <v>220</v>
      </c>
      <c r="AO13" s="287"/>
      <c r="AP13" s="287"/>
      <c r="AQ13" s="287"/>
      <c r="AR13" s="287"/>
      <c r="AS13" s="287"/>
      <c r="AT13" s="856" t="s">
        <v>129</v>
      </c>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426">
        <v>1</v>
      </c>
      <c r="B14" s="651"/>
      <c r="C14" s="651"/>
      <c r="D14" s="651"/>
      <c r="E14" s="651"/>
      <c r="F14" s="370"/>
      <c r="G14" s="370"/>
      <c r="H14" s="370"/>
      <c r="I14" s="370"/>
      <c r="J14" s="370"/>
      <c r="K14" s="370"/>
      <c r="L14" s="370"/>
      <c r="M14" s="370"/>
      <c r="N14" s="523"/>
      <c r="O14" s="418"/>
      <c r="P14" s="419"/>
      <c r="Q14" s="377">
        <v>31079</v>
      </c>
      <c r="R14" s="220"/>
      <c r="S14" s="220"/>
      <c r="T14" s="220"/>
      <c r="U14" s="371" t="s">
        <v>328</v>
      </c>
      <c r="V14" s="220"/>
      <c r="W14" s="220"/>
      <c r="X14" s="220"/>
      <c r="Y14" s="854" t="s">
        <v>134</v>
      </c>
      <c r="Z14" s="400"/>
      <c r="AA14" s="400"/>
      <c r="AB14" s="400"/>
      <c r="AC14" s="400"/>
      <c r="AD14" s="400"/>
      <c r="AE14" s="400"/>
      <c r="AF14" s="400"/>
      <c r="AG14" s="400"/>
      <c r="AH14" s="400"/>
      <c r="AI14" s="400"/>
      <c r="AJ14" s="400"/>
      <c r="AK14" s="400"/>
      <c r="AL14" s="401"/>
      <c r="AM14" s="5"/>
      <c r="AN14" s="287"/>
      <c r="AO14" s="287"/>
      <c r="AP14" s="287"/>
      <c r="AQ14" s="287"/>
      <c r="AR14" s="287"/>
      <c r="AS14" s="287"/>
      <c r="AT14" s="856"/>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6508</v>
      </c>
      <c r="G15" s="430"/>
      <c r="H15" s="430"/>
      <c r="I15" s="430"/>
      <c r="J15" s="430"/>
      <c r="K15" s="430"/>
      <c r="L15" s="430"/>
      <c r="M15" s="430"/>
      <c r="N15" s="523"/>
      <c r="O15" s="418"/>
      <c r="P15" s="419"/>
      <c r="Q15" s="377"/>
      <c r="R15" s="220"/>
      <c r="S15" s="220"/>
      <c r="T15" s="220"/>
      <c r="U15" s="371"/>
      <c r="V15" s="220"/>
      <c r="W15" s="220"/>
      <c r="X15" s="220"/>
      <c r="Y15" s="400"/>
      <c r="Z15" s="400"/>
      <c r="AA15" s="400"/>
      <c r="AB15" s="400"/>
      <c r="AC15" s="400"/>
      <c r="AD15" s="400"/>
      <c r="AE15" s="400"/>
      <c r="AF15" s="400"/>
      <c r="AG15" s="400"/>
      <c r="AH15" s="400"/>
      <c r="AI15" s="400"/>
      <c r="AJ15" s="400"/>
      <c r="AK15" s="400"/>
      <c r="AL15" s="401"/>
      <c r="AM15" s="5"/>
      <c r="AN15" s="287" t="s">
        <v>221</v>
      </c>
      <c r="AO15" s="287"/>
      <c r="AP15" s="287"/>
      <c r="AQ15" s="287"/>
      <c r="AR15" s="287"/>
      <c r="AS15" s="287"/>
      <c r="AT15" s="856" t="s">
        <v>1335</v>
      </c>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49</v>
      </c>
      <c r="B16" s="484"/>
      <c r="C16" s="484"/>
      <c r="D16" s="484"/>
      <c r="E16" s="485"/>
      <c r="F16" s="345" t="s">
        <v>1209</v>
      </c>
      <c r="G16" s="346"/>
      <c r="H16" s="346"/>
      <c r="I16" s="346"/>
      <c r="J16" s="346"/>
      <c r="K16" s="346"/>
      <c r="L16" s="346"/>
      <c r="M16" s="346"/>
      <c r="N16" s="523"/>
      <c r="O16" s="418"/>
      <c r="P16" s="419"/>
      <c r="Q16" s="377">
        <v>36495</v>
      </c>
      <c r="R16" s="220"/>
      <c r="S16" s="220"/>
      <c r="T16" s="220"/>
      <c r="U16" s="371" t="s">
        <v>328</v>
      </c>
      <c r="V16" s="220"/>
      <c r="W16" s="220"/>
      <c r="X16" s="220"/>
      <c r="Y16" s="854" t="s">
        <v>135</v>
      </c>
      <c r="Z16" s="400"/>
      <c r="AA16" s="400"/>
      <c r="AB16" s="400"/>
      <c r="AC16" s="400"/>
      <c r="AD16" s="400"/>
      <c r="AE16" s="400"/>
      <c r="AF16" s="400"/>
      <c r="AG16" s="400"/>
      <c r="AH16" s="400"/>
      <c r="AI16" s="400"/>
      <c r="AJ16" s="400"/>
      <c r="AK16" s="400"/>
      <c r="AL16" s="401"/>
      <c r="AM16" s="5"/>
      <c r="AN16" s="287"/>
      <c r="AO16" s="287"/>
      <c r="AP16" s="287"/>
      <c r="AQ16" s="287"/>
      <c r="AR16" s="287"/>
      <c r="AS16" s="287"/>
      <c r="AT16" s="856"/>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73" t="s">
        <v>1207</v>
      </c>
      <c r="G17" s="374"/>
      <c r="H17" s="374"/>
      <c r="I17" s="374"/>
      <c r="J17" s="374"/>
      <c r="K17" s="374"/>
      <c r="L17" s="374"/>
      <c r="M17" s="374"/>
      <c r="N17" s="523"/>
      <c r="O17" s="418"/>
      <c r="P17" s="419"/>
      <c r="Q17" s="377"/>
      <c r="R17" s="220"/>
      <c r="S17" s="220"/>
      <c r="T17" s="220"/>
      <c r="U17" s="371"/>
      <c r="V17" s="220"/>
      <c r="W17" s="220"/>
      <c r="X17" s="220"/>
      <c r="Y17" s="400"/>
      <c r="Z17" s="400"/>
      <c r="AA17" s="400"/>
      <c r="AB17" s="400"/>
      <c r="AC17" s="400"/>
      <c r="AD17" s="400"/>
      <c r="AE17" s="400"/>
      <c r="AF17" s="400"/>
      <c r="AG17" s="400"/>
      <c r="AH17" s="400"/>
      <c r="AI17" s="400"/>
      <c r="AJ17" s="400"/>
      <c r="AK17" s="400"/>
      <c r="AL17" s="401"/>
      <c r="AM17" s="5"/>
      <c r="AN17" s="292" t="s">
        <v>222</v>
      </c>
      <c r="AO17" s="293"/>
      <c r="AP17" s="293"/>
      <c r="AQ17" s="293"/>
      <c r="AR17" s="293"/>
      <c r="AS17" s="294"/>
      <c r="AT17" s="460" t="s">
        <v>1485</v>
      </c>
      <c r="AU17" s="349"/>
      <c r="AV17" s="349"/>
      <c r="AW17" s="349"/>
      <c r="AX17" s="349"/>
      <c r="AY17" s="349"/>
      <c r="AZ17" s="349"/>
      <c r="BA17" s="349"/>
      <c r="BB17" s="349"/>
      <c r="BC17" s="349"/>
      <c r="BD17" s="349"/>
      <c r="BE17" s="349"/>
      <c r="BF17" s="349"/>
      <c r="BG17" s="349"/>
      <c r="BH17" s="349"/>
      <c r="BI17" s="349"/>
      <c r="BJ17" s="349"/>
      <c r="BK17" s="349"/>
      <c r="BL17" s="349"/>
      <c r="BM17" s="349"/>
      <c r="BN17" s="349"/>
      <c r="BO17" s="349"/>
      <c r="BP17" s="349"/>
      <c r="BQ17" s="349"/>
      <c r="BR17" s="349"/>
      <c r="BS17" s="349"/>
      <c r="BT17" s="349"/>
      <c r="BU17" s="349"/>
      <c r="BV17" s="349"/>
      <c r="BW17" s="349"/>
      <c r="BX17" s="349"/>
      <c r="BY17" s="349"/>
      <c r="BZ17" s="349"/>
      <c r="CA17" s="349"/>
      <c r="CB17" s="349"/>
      <c r="CC17" s="349"/>
      <c r="CD17" s="349"/>
      <c r="CE17" s="349"/>
      <c r="CF17" s="349"/>
      <c r="CG17" s="349"/>
      <c r="CH17" s="349"/>
      <c r="CI17" s="349"/>
      <c r="CJ17" s="349"/>
      <c r="CK17" s="349"/>
      <c r="CL17" s="349"/>
      <c r="CM17" s="350"/>
      <c r="CQ17" s="3" ph="1"/>
      <c r="CR17" s="3" ph="1"/>
      <c r="CS17" s="3" ph="1"/>
      <c r="CT17" s="3" ph="1"/>
      <c r="CU17" s="3" ph="1"/>
      <c r="CV17" s="3" ph="1"/>
    </row>
    <row r="18" spans="1:100" ht="17.25" customHeight="1" x14ac:dyDescent="0.15">
      <c r="A18" s="361"/>
      <c r="B18" s="362"/>
      <c r="C18" s="362"/>
      <c r="D18" s="362"/>
      <c r="E18" s="363"/>
      <c r="F18" s="375"/>
      <c r="G18" s="375"/>
      <c r="H18" s="375"/>
      <c r="I18" s="375"/>
      <c r="J18" s="375"/>
      <c r="K18" s="375"/>
      <c r="L18" s="375"/>
      <c r="M18" s="375"/>
      <c r="N18" s="523"/>
      <c r="O18" s="418"/>
      <c r="P18" s="419"/>
      <c r="Q18" s="377">
        <v>36831</v>
      </c>
      <c r="R18" s="220"/>
      <c r="S18" s="220"/>
      <c r="T18" s="220"/>
      <c r="U18" s="371" t="s">
        <v>364</v>
      </c>
      <c r="V18" s="220"/>
      <c r="W18" s="220"/>
      <c r="X18" s="220"/>
      <c r="Y18" s="371"/>
      <c r="Z18" s="220"/>
      <c r="AA18" s="220"/>
      <c r="AB18" s="220"/>
      <c r="AC18" s="220"/>
      <c r="AD18" s="220"/>
      <c r="AE18" s="220"/>
      <c r="AF18" s="220"/>
      <c r="AG18" s="220"/>
      <c r="AH18" s="220"/>
      <c r="AI18" s="220"/>
      <c r="AJ18" s="220"/>
      <c r="AK18" s="220"/>
      <c r="AL18" s="372"/>
      <c r="AM18" s="5"/>
      <c r="AN18" s="436"/>
      <c r="AO18" s="437"/>
      <c r="AP18" s="437"/>
      <c r="AQ18" s="437"/>
      <c r="AR18" s="437"/>
      <c r="AS18" s="438"/>
      <c r="AT18" s="1101"/>
      <c r="AU18" s="351"/>
      <c r="AV18" s="351"/>
      <c r="AW18" s="351"/>
      <c r="AX18" s="351"/>
      <c r="AY18" s="351"/>
      <c r="AZ18" s="351"/>
      <c r="BA18" s="351"/>
      <c r="BB18" s="351"/>
      <c r="BC18" s="351"/>
      <c r="BD18" s="351"/>
      <c r="BE18" s="351"/>
      <c r="BF18" s="351"/>
      <c r="BG18" s="351"/>
      <c r="BH18" s="351"/>
      <c r="BI18" s="351"/>
      <c r="BJ18" s="351"/>
      <c r="BK18" s="351"/>
      <c r="BL18" s="351"/>
      <c r="BM18" s="351"/>
      <c r="BN18" s="351"/>
      <c r="BO18" s="351"/>
      <c r="BP18" s="351"/>
      <c r="BQ18" s="351"/>
      <c r="BR18" s="351"/>
      <c r="BS18" s="351"/>
      <c r="BT18" s="351"/>
      <c r="BU18" s="351"/>
      <c r="BV18" s="351"/>
      <c r="BW18" s="351"/>
      <c r="BX18" s="351"/>
      <c r="BY18" s="351"/>
      <c r="BZ18" s="351"/>
      <c r="CA18" s="351"/>
      <c r="CB18" s="351"/>
      <c r="CC18" s="351"/>
      <c r="CD18" s="351"/>
      <c r="CE18" s="351"/>
      <c r="CF18" s="351"/>
      <c r="CG18" s="351"/>
      <c r="CH18" s="351"/>
      <c r="CI18" s="351"/>
      <c r="CJ18" s="351"/>
      <c r="CK18" s="351"/>
      <c r="CL18" s="351"/>
      <c r="CM18" s="352"/>
      <c r="CQ18" s="3" ph="1"/>
      <c r="CR18" s="3" ph="1"/>
      <c r="CS18" s="3" ph="1"/>
      <c r="CT18" s="3" ph="1"/>
      <c r="CU18" s="3" ph="1"/>
      <c r="CV18" s="3" ph="1"/>
    </row>
    <row r="19" spans="1:100" ht="17.25" customHeight="1" x14ac:dyDescent="0.15">
      <c r="A19" s="361"/>
      <c r="B19" s="362"/>
      <c r="C19" s="362"/>
      <c r="D19" s="362"/>
      <c r="E19" s="363"/>
      <c r="F19" s="345" t="s">
        <v>1596</v>
      </c>
      <c r="G19" s="346"/>
      <c r="H19" s="346"/>
      <c r="I19" s="346"/>
      <c r="J19" s="346"/>
      <c r="K19" s="346"/>
      <c r="L19" s="346"/>
      <c r="M19" s="346"/>
      <c r="N19" s="523"/>
      <c r="O19" s="418"/>
      <c r="P19" s="419"/>
      <c r="Q19" s="377">
        <v>42095</v>
      </c>
      <c r="R19" s="220"/>
      <c r="S19" s="220"/>
      <c r="T19" s="220"/>
      <c r="U19" s="1132" t="s">
        <v>382</v>
      </c>
      <c r="V19" s="1132"/>
      <c r="W19" s="1132"/>
      <c r="X19" s="1132"/>
      <c r="Y19" s="1132"/>
      <c r="Z19" s="1132"/>
      <c r="AA19" s="1132"/>
      <c r="AB19" s="1132"/>
      <c r="AC19" s="1132"/>
      <c r="AD19" s="1132"/>
      <c r="AE19" s="1132"/>
      <c r="AF19" s="1132"/>
      <c r="AG19" s="1132"/>
      <c r="AH19" s="1132"/>
      <c r="AI19" s="1132"/>
      <c r="AJ19" s="1132"/>
      <c r="AK19" s="1132"/>
      <c r="AL19" s="1133"/>
      <c r="AM19" s="5"/>
      <c r="AN19" s="295"/>
      <c r="AO19" s="296"/>
      <c r="AP19" s="296"/>
      <c r="AQ19" s="296"/>
      <c r="AR19" s="296"/>
      <c r="AS19" s="297"/>
      <c r="AT19" s="901"/>
      <c r="AU19" s="353"/>
      <c r="AV19" s="353"/>
      <c r="AW19" s="353"/>
      <c r="AX19" s="353"/>
      <c r="AY19" s="353"/>
      <c r="AZ19" s="353"/>
      <c r="BA19" s="353"/>
      <c r="BB19" s="353"/>
      <c r="BC19" s="353"/>
      <c r="BD19" s="353"/>
      <c r="BE19" s="353"/>
      <c r="BF19" s="353"/>
      <c r="BG19" s="353"/>
      <c r="BH19" s="353"/>
      <c r="BI19" s="353"/>
      <c r="BJ19" s="353"/>
      <c r="BK19" s="353"/>
      <c r="BL19" s="353"/>
      <c r="BM19" s="353"/>
      <c r="BN19" s="353"/>
      <c r="BO19" s="353"/>
      <c r="BP19" s="353"/>
      <c r="BQ19" s="353"/>
      <c r="BR19" s="353"/>
      <c r="BS19" s="353"/>
      <c r="BT19" s="353"/>
      <c r="BU19" s="353"/>
      <c r="BV19" s="353"/>
      <c r="BW19" s="353"/>
      <c r="BX19" s="353"/>
      <c r="BY19" s="353"/>
      <c r="BZ19" s="353"/>
      <c r="CA19" s="353"/>
      <c r="CB19" s="353"/>
      <c r="CC19" s="353"/>
      <c r="CD19" s="353"/>
      <c r="CE19" s="353"/>
      <c r="CF19" s="353"/>
      <c r="CG19" s="353"/>
      <c r="CH19" s="353"/>
      <c r="CI19" s="353"/>
      <c r="CJ19" s="353"/>
      <c r="CK19" s="353"/>
      <c r="CL19" s="353"/>
      <c r="CM19" s="354"/>
      <c r="CQ19" s="3" ph="1"/>
      <c r="CR19" s="3" ph="1"/>
      <c r="CS19" s="3" ph="1"/>
      <c r="CT19" s="3" ph="1"/>
      <c r="CU19" s="3" ph="1"/>
      <c r="CV19" s="3" ph="1"/>
    </row>
    <row r="20" spans="1:100" ht="17.25" customHeight="1" x14ac:dyDescent="0.15">
      <c r="A20" s="361"/>
      <c r="B20" s="362"/>
      <c r="C20" s="362"/>
      <c r="D20" s="362"/>
      <c r="E20" s="363"/>
      <c r="F20" s="398" t="s">
        <v>1595</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176"/>
      <c r="AN20" s="1151" t="s">
        <v>462</v>
      </c>
      <c r="AO20" s="1151"/>
      <c r="AP20" s="1151"/>
      <c r="AQ20" s="1151"/>
      <c r="AR20" s="1151"/>
      <c r="AS20" s="1151"/>
      <c r="AT20" s="1151"/>
      <c r="AU20" s="1151"/>
      <c r="AV20" s="1151"/>
      <c r="AW20" s="1151"/>
      <c r="AX20" s="1151"/>
      <c r="AY20" s="1151"/>
      <c r="AZ20" s="1151"/>
      <c r="BA20" s="1151"/>
      <c r="BB20" s="1151"/>
      <c r="BC20" s="1151"/>
      <c r="BD20" s="1151"/>
      <c r="BE20" s="1151"/>
      <c r="BF20" s="1151"/>
      <c r="BG20" s="1151"/>
      <c r="BH20" s="1151"/>
      <c r="BI20" s="1151"/>
      <c r="BJ20" s="1151"/>
      <c r="BK20" s="1151"/>
      <c r="BL20" s="1151"/>
      <c r="BM20" s="1151"/>
      <c r="BN20" s="1151"/>
      <c r="BO20" s="1151"/>
      <c r="BP20" s="1151"/>
      <c r="BQ20" s="1151"/>
      <c r="BR20" s="1151"/>
      <c r="BS20" s="1151"/>
      <c r="BT20" s="1151"/>
      <c r="BU20" s="1151"/>
      <c r="BV20" s="1151"/>
      <c r="BW20" s="1151"/>
      <c r="BX20" s="1151"/>
      <c r="BY20" s="1151"/>
      <c r="BZ20" s="1151"/>
      <c r="CA20" s="1151"/>
      <c r="CB20" s="1151"/>
      <c r="CC20" s="1151"/>
      <c r="CD20" s="1151"/>
      <c r="CE20" s="1151"/>
      <c r="CF20" s="1151"/>
      <c r="CG20" s="1151"/>
      <c r="CH20" s="1151"/>
      <c r="CI20" s="1151"/>
      <c r="CJ20" s="1151"/>
      <c r="CK20" s="1151"/>
      <c r="CL20" s="1151"/>
      <c r="CM20" s="1151"/>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1152" t="s">
        <v>372</v>
      </c>
      <c r="R21" s="378"/>
      <c r="S21" s="378"/>
      <c r="T21" s="378"/>
      <c r="U21" s="378"/>
      <c r="V21" s="378"/>
      <c r="W21" s="378"/>
      <c r="X21" s="378"/>
      <c r="Y21" s="378"/>
      <c r="Z21" s="378"/>
      <c r="AA21" s="378"/>
      <c r="AB21" s="378"/>
      <c r="AC21" s="378"/>
      <c r="AD21" s="378"/>
      <c r="AE21" s="378"/>
      <c r="AF21" s="378"/>
      <c r="AG21" s="378"/>
      <c r="AH21" s="378"/>
      <c r="AI21" s="378"/>
      <c r="AJ21" s="378"/>
      <c r="AK21" s="378"/>
      <c r="AL21" s="379"/>
      <c r="AM21" s="5"/>
      <c r="AN21" s="89" t="s">
        <v>1478</v>
      </c>
      <c r="AO21" s="99"/>
      <c r="AP21" s="99"/>
      <c r="AQ21" s="99"/>
      <c r="AR21" s="99"/>
      <c r="AS21" s="99"/>
      <c r="AT21" s="99"/>
      <c r="AU21" s="99"/>
      <c r="AV21" s="99"/>
      <c r="AW21" s="99"/>
      <c r="AX21" s="99"/>
      <c r="AY21" s="99"/>
      <c r="AZ21" s="99"/>
      <c r="BA21" s="99"/>
      <c r="BB21" s="99"/>
      <c r="BC21" s="99"/>
      <c r="BD21" s="99"/>
      <c r="BE21" s="99"/>
      <c r="BF21" s="99"/>
      <c r="BG21" s="99"/>
      <c r="BH21" s="99"/>
      <c r="BI21" s="99"/>
      <c r="BJ21" s="99"/>
      <c r="BK21" s="45"/>
      <c r="BL21" s="99"/>
      <c r="BM21" s="99"/>
      <c r="BN21" s="99" t="s">
        <v>1479</v>
      </c>
      <c r="BO21" s="99"/>
      <c r="BP21" s="99"/>
      <c r="BQ21" s="99"/>
      <c r="BR21" s="99"/>
      <c r="BS21" s="99"/>
      <c r="BT21" s="99"/>
      <c r="BU21" s="99"/>
      <c r="BV21" s="99"/>
      <c r="BW21" s="99"/>
      <c r="BX21" s="99"/>
      <c r="BY21" s="99"/>
      <c r="BZ21" s="99"/>
      <c r="CA21" s="99"/>
      <c r="CB21" s="99"/>
      <c r="CC21" s="99"/>
      <c r="CD21" s="99"/>
      <c r="CE21" s="99"/>
      <c r="CF21" s="99"/>
      <c r="CG21" s="99"/>
      <c r="CH21" s="99"/>
      <c r="CI21" s="99"/>
      <c r="CJ21" s="99"/>
      <c r="CK21" s="99"/>
      <c r="CL21" s="99"/>
      <c r="CM21" s="100"/>
      <c r="CQ21" s="3" ph="1"/>
      <c r="CR21" s="3" ph="1"/>
      <c r="CS21" s="3" ph="1"/>
      <c r="CT21" s="3" ph="1"/>
      <c r="CU21" s="3" ph="1"/>
      <c r="CV21" s="3" ph="1"/>
    </row>
    <row r="22" spans="1:100" ht="17.25" customHeight="1" x14ac:dyDescent="0.15">
      <c r="A22" s="332" t="s">
        <v>259</v>
      </c>
      <c r="B22" s="332"/>
      <c r="C22" s="332"/>
      <c r="D22" s="332"/>
      <c r="E22" s="332"/>
      <c r="F22" s="380" t="s">
        <v>1601</v>
      </c>
      <c r="G22" s="381"/>
      <c r="H22" s="381"/>
      <c r="I22" s="381"/>
      <c r="J22" s="381"/>
      <c r="K22" s="381"/>
      <c r="L22" s="381"/>
      <c r="M22" s="381"/>
      <c r="N22" s="523"/>
      <c r="O22" s="1031" t="s">
        <v>258</v>
      </c>
      <c r="P22" s="1031"/>
      <c r="Q22" s="916" t="s">
        <v>915</v>
      </c>
      <c r="R22" s="917"/>
      <c r="S22" s="917"/>
      <c r="T22" s="917"/>
      <c r="U22" s="917"/>
      <c r="V22" s="917"/>
      <c r="W22" s="917"/>
      <c r="X22" s="917"/>
      <c r="Y22" s="917"/>
      <c r="Z22" s="917"/>
      <c r="AA22" s="917"/>
      <c r="AB22" s="917"/>
      <c r="AC22" s="917"/>
      <c r="AD22" s="917"/>
      <c r="AE22" s="917"/>
      <c r="AF22" s="917"/>
      <c r="AG22" s="917"/>
      <c r="AH22" s="917"/>
      <c r="AI22" s="917"/>
      <c r="AJ22" s="917"/>
      <c r="AK22" s="917"/>
      <c r="AL22" s="918"/>
      <c r="AM22" s="5"/>
      <c r="AN22" s="89" t="s">
        <v>1480</v>
      </c>
      <c r="AO22" s="87"/>
      <c r="AP22" s="87"/>
      <c r="AQ22" s="87"/>
      <c r="AR22" s="87"/>
      <c r="AS22" s="87"/>
      <c r="AT22" s="87"/>
      <c r="AU22" s="87"/>
      <c r="AV22" s="87"/>
      <c r="AW22" s="87"/>
      <c r="AX22" s="87"/>
      <c r="AY22" s="87"/>
      <c r="AZ22" s="87"/>
      <c r="BA22" s="87"/>
      <c r="BB22" s="87"/>
      <c r="BC22" s="87"/>
      <c r="BD22" s="87"/>
      <c r="BE22" s="87"/>
      <c r="BF22" s="87"/>
      <c r="BG22" s="87"/>
      <c r="BH22" s="87"/>
      <c r="BI22" s="87"/>
      <c r="BJ22" s="87"/>
      <c r="BK22" s="128"/>
      <c r="BL22" s="87"/>
      <c r="BM22" s="87"/>
      <c r="BN22" s="87" t="s">
        <v>1481</v>
      </c>
      <c r="BO22" s="87"/>
      <c r="BP22" s="87"/>
      <c r="BQ22" s="87"/>
      <c r="BR22" s="87"/>
      <c r="BS22" s="87"/>
      <c r="BT22" s="87"/>
      <c r="BU22" s="87"/>
      <c r="BV22" s="87"/>
      <c r="BW22" s="87"/>
      <c r="BX22" s="87"/>
      <c r="BY22" s="87"/>
      <c r="BZ22" s="87"/>
      <c r="CA22" s="87"/>
      <c r="CB22" s="87"/>
      <c r="CC22" s="87"/>
      <c r="CD22" s="87"/>
      <c r="CE22" s="87"/>
      <c r="CF22" s="87"/>
      <c r="CG22" s="87"/>
      <c r="CH22" s="87"/>
      <c r="CI22" s="87"/>
      <c r="CJ22" s="87"/>
      <c r="CK22" s="87"/>
      <c r="CL22" s="87"/>
      <c r="CM22" s="88"/>
      <c r="CQ22" s="3" ph="1"/>
      <c r="CR22" s="3" ph="1"/>
      <c r="CS22" s="3" ph="1"/>
      <c r="CT22" s="3" ph="1"/>
      <c r="CU22" s="3" ph="1"/>
      <c r="CV22" s="3" ph="1"/>
    </row>
    <row r="23" spans="1:100" ht="17.25" customHeight="1" x14ac:dyDescent="0.15">
      <c r="A23" s="328"/>
      <c r="B23" s="328"/>
      <c r="C23" s="328"/>
      <c r="D23" s="328"/>
      <c r="E23" s="328"/>
      <c r="F23" s="564" t="s">
        <v>1600</v>
      </c>
      <c r="G23" s="565"/>
      <c r="H23" s="565"/>
      <c r="I23" s="565"/>
      <c r="J23" s="565"/>
      <c r="K23" s="565"/>
      <c r="L23" s="565"/>
      <c r="M23" s="566"/>
      <c r="N23" s="523"/>
      <c r="O23" s="1031"/>
      <c r="P23" s="1031"/>
      <c r="Q23" s="355">
        <v>25235</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89" t="s">
        <v>1482</v>
      </c>
      <c r="AO23" s="87"/>
      <c r="AP23" s="87"/>
      <c r="AQ23" s="87"/>
      <c r="AR23" s="87"/>
      <c r="AS23" s="87"/>
      <c r="AT23" s="87"/>
      <c r="AU23" s="87"/>
      <c r="AV23" s="87"/>
      <c r="AW23" s="87"/>
      <c r="AX23" s="87"/>
      <c r="AY23" s="87"/>
      <c r="AZ23" s="87"/>
      <c r="BA23" s="87"/>
      <c r="BB23" s="87"/>
      <c r="BC23" s="87"/>
      <c r="BD23" s="87"/>
      <c r="BE23" s="87"/>
      <c r="BF23" s="87"/>
      <c r="BG23" s="87"/>
      <c r="BH23" s="87"/>
      <c r="BI23" s="87"/>
      <c r="BJ23" s="87"/>
      <c r="BK23" s="128"/>
      <c r="BL23" s="87"/>
      <c r="BM23" s="87"/>
      <c r="BN23" s="87"/>
      <c r="BO23" s="87"/>
      <c r="BP23" s="87"/>
      <c r="BQ23" s="87"/>
      <c r="BR23" s="87"/>
      <c r="BS23" s="87"/>
      <c r="BT23" s="87"/>
      <c r="BU23" s="87"/>
      <c r="BV23" s="87"/>
      <c r="BW23" s="87"/>
      <c r="BX23" s="87"/>
      <c r="BY23" s="87"/>
      <c r="BZ23" s="87"/>
      <c r="CA23" s="87"/>
      <c r="CB23" s="87"/>
      <c r="CC23" s="87"/>
      <c r="CD23" s="87"/>
      <c r="CE23" s="87"/>
      <c r="CF23" s="87"/>
      <c r="CG23" s="87"/>
      <c r="CH23" s="87"/>
      <c r="CI23" s="87"/>
      <c r="CJ23" s="87"/>
      <c r="CK23" s="87"/>
      <c r="CL23" s="87"/>
      <c r="CM23" s="88"/>
      <c r="CQ23" s="3" ph="1"/>
      <c r="CR23" s="3" ph="1"/>
      <c r="CS23" s="3" ph="1"/>
      <c r="CT23" s="3" ph="1"/>
      <c r="CU23" s="3" ph="1"/>
      <c r="CV23" s="3" ph="1"/>
    </row>
    <row r="24" spans="1:100" ht="17.25" customHeight="1" x14ac:dyDescent="0.15">
      <c r="A24" s="329"/>
      <c r="B24" s="329"/>
      <c r="C24" s="329"/>
      <c r="D24" s="329"/>
      <c r="E24" s="329"/>
      <c r="F24" s="567"/>
      <c r="G24" s="568"/>
      <c r="H24" s="568"/>
      <c r="I24" s="568"/>
      <c r="J24" s="568"/>
      <c r="K24" s="568"/>
      <c r="L24" s="568"/>
      <c r="M24" s="569"/>
      <c r="N24" s="523"/>
      <c r="O24" s="428" t="s">
        <v>260</v>
      </c>
      <c r="P24" s="428"/>
      <c r="Q24" s="1030" t="s">
        <v>916</v>
      </c>
      <c r="R24" s="862"/>
      <c r="S24" s="862"/>
      <c r="T24" s="862"/>
      <c r="U24" s="862"/>
      <c r="V24" s="862"/>
      <c r="W24" s="862"/>
      <c r="X24" s="862"/>
      <c r="Y24" s="862"/>
      <c r="Z24" s="862"/>
      <c r="AA24" s="862"/>
      <c r="AB24" s="862"/>
      <c r="AC24" s="862"/>
      <c r="AD24" s="862"/>
      <c r="AE24" s="862"/>
      <c r="AF24" s="862"/>
      <c r="AG24" s="862"/>
      <c r="AH24" s="862"/>
      <c r="AI24" s="862"/>
      <c r="AJ24" s="862"/>
      <c r="AK24" s="862"/>
      <c r="AL24" s="863"/>
      <c r="AM24" s="5"/>
      <c r="AN24" s="86" t="s">
        <v>1483</v>
      </c>
      <c r="AO24" s="87"/>
      <c r="AP24" s="87"/>
      <c r="AQ24" s="87"/>
      <c r="AR24" s="87"/>
      <c r="AS24" s="87"/>
      <c r="AT24" s="87"/>
      <c r="AU24" s="87"/>
      <c r="AV24" s="87"/>
      <c r="AW24" s="87"/>
      <c r="AX24" s="87"/>
      <c r="AY24" s="87"/>
      <c r="AZ24" s="87"/>
      <c r="BA24" s="87"/>
      <c r="BB24" s="87"/>
      <c r="BC24" s="87"/>
      <c r="BD24" s="87"/>
      <c r="BE24" s="87"/>
      <c r="BF24" s="87"/>
      <c r="BG24" s="87"/>
      <c r="BH24" s="87"/>
      <c r="BI24" s="87"/>
      <c r="BJ24" s="87"/>
      <c r="BK24" s="128"/>
      <c r="BL24" s="87"/>
      <c r="BM24" s="87"/>
      <c r="BN24" s="87"/>
      <c r="BO24" s="87"/>
      <c r="BP24" s="87"/>
      <c r="BQ24" s="87"/>
      <c r="BR24" s="87"/>
      <c r="BS24" s="87"/>
      <c r="BT24" s="87"/>
      <c r="BU24" s="87"/>
      <c r="BV24" s="87"/>
      <c r="BW24" s="87"/>
      <c r="BX24" s="87"/>
      <c r="BY24" s="87"/>
      <c r="BZ24" s="87"/>
      <c r="CA24" s="87"/>
      <c r="CB24" s="87"/>
      <c r="CC24" s="87"/>
      <c r="CD24" s="87"/>
      <c r="CE24" s="87"/>
      <c r="CF24" s="87"/>
      <c r="CG24" s="87"/>
      <c r="CH24" s="87"/>
      <c r="CI24" s="87"/>
      <c r="CJ24" s="87"/>
      <c r="CK24" s="87"/>
      <c r="CL24" s="87"/>
      <c r="CM24" s="88"/>
      <c r="CQ24" s="3" ph="1"/>
      <c r="CR24" s="3" ph="1"/>
      <c r="CS24" s="3" ph="1"/>
      <c r="CT24" s="3" ph="1"/>
      <c r="CU24" s="3" ph="1"/>
      <c r="CV24" s="3" ph="1"/>
    </row>
    <row r="25" spans="1:100" ht="17.25" customHeight="1" x14ac:dyDescent="0.15">
      <c r="A25" s="328" t="s">
        <v>263</v>
      </c>
      <c r="B25" s="328"/>
      <c r="C25" s="328"/>
      <c r="D25" s="328"/>
      <c r="E25" s="328"/>
      <c r="F25" s="844" t="s">
        <v>1603</v>
      </c>
      <c r="G25" s="845"/>
      <c r="H25" s="845"/>
      <c r="I25" s="845"/>
      <c r="J25" s="845"/>
      <c r="K25" s="845"/>
      <c r="L25" s="845"/>
      <c r="M25" s="845"/>
      <c r="N25" s="523"/>
      <c r="O25" s="428"/>
      <c r="P25" s="428"/>
      <c r="Q25" s="355">
        <v>25235</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48" t="s">
        <v>1484</v>
      </c>
      <c r="AO25" s="97"/>
      <c r="AP25" s="97"/>
      <c r="AQ25" s="97"/>
      <c r="AR25" s="97"/>
      <c r="AS25" s="97"/>
      <c r="AT25" s="97"/>
      <c r="AU25" s="97"/>
      <c r="AV25" s="97"/>
      <c r="AW25" s="97"/>
      <c r="AX25" s="97"/>
      <c r="AY25" s="97"/>
      <c r="AZ25" s="97"/>
      <c r="BA25" s="97"/>
      <c r="BB25" s="97"/>
      <c r="BC25" s="97"/>
      <c r="BD25" s="97"/>
      <c r="BE25" s="97"/>
      <c r="BF25" s="97"/>
      <c r="BG25" s="97"/>
      <c r="BH25" s="97"/>
      <c r="BI25" s="97"/>
      <c r="BJ25" s="97"/>
      <c r="BK25" s="125"/>
      <c r="BL25" s="97"/>
      <c r="BM25" s="97"/>
      <c r="BN25" s="97"/>
      <c r="BO25" s="97"/>
      <c r="BP25" s="97"/>
      <c r="BQ25" s="97"/>
      <c r="BR25" s="97"/>
      <c r="BS25" s="97"/>
      <c r="BT25" s="97"/>
      <c r="BU25" s="97"/>
      <c r="BV25" s="97"/>
      <c r="BW25" s="97"/>
      <c r="BX25" s="97"/>
      <c r="BY25" s="97"/>
      <c r="BZ25" s="97"/>
      <c r="CA25" s="97"/>
      <c r="CB25" s="97"/>
      <c r="CC25" s="97"/>
      <c r="CD25" s="97"/>
      <c r="CE25" s="97"/>
      <c r="CF25" s="97"/>
      <c r="CG25" s="97"/>
      <c r="CH25" s="97"/>
      <c r="CI25" s="97"/>
      <c r="CJ25" s="97"/>
      <c r="CK25" s="97"/>
      <c r="CL25" s="97"/>
      <c r="CM25" s="98"/>
      <c r="CQ25" s="3" ph="1"/>
      <c r="CR25" s="3" ph="1"/>
      <c r="CS25" s="3" ph="1"/>
      <c r="CT25" s="3" ph="1"/>
      <c r="CU25" s="3" ph="1"/>
      <c r="CV25" s="3" ph="1"/>
    </row>
    <row r="26" spans="1:100" ht="17.25" customHeight="1" x14ac:dyDescent="0.15">
      <c r="A26" s="328"/>
      <c r="B26" s="328"/>
      <c r="C26" s="328"/>
      <c r="D26" s="328"/>
      <c r="E26" s="328"/>
      <c r="F26" s="336" t="s">
        <v>1602</v>
      </c>
      <c r="G26" s="337"/>
      <c r="H26" s="337"/>
      <c r="I26" s="337"/>
      <c r="J26" s="337"/>
      <c r="K26" s="337"/>
      <c r="L26" s="337"/>
      <c r="M26" s="338"/>
      <c r="N26" s="523"/>
      <c r="O26" s="428" t="s">
        <v>264</v>
      </c>
      <c r="P26" s="428"/>
      <c r="Q26" s="486" t="s">
        <v>909</v>
      </c>
      <c r="R26" s="487"/>
      <c r="S26" s="487"/>
      <c r="T26" s="487"/>
      <c r="U26" s="487"/>
      <c r="V26" s="487"/>
      <c r="W26" s="487"/>
      <c r="X26" s="487"/>
      <c r="Y26" s="487"/>
      <c r="Z26" s="487"/>
      <c r="AA26" s="487"/>
      <c r="AB26" s="487"/>
      <c r="AC26" s="487"/>
      <c r="AD26" s="487"/>
      <c r="AE26" s="487"/>
      <c r="AF26" s="487"/>
      <c r="AG26" s="487"/>
      <c r="AH26" s="487"/>
      <c r="AI26" s="487"/>
      <c r="AJ26" s="487"/>
      <c r="AK26" s="487"/>
      <c r="AL26" s="488"/>
      <c r="AM26" s="5"/>
      <c r="AN26" s="388" t="s">
        <v>905</v>
      </c>
      <c r="AO26" s="388"/>
      <c r="AP26" s="389"/>
      <c r="AQ26" s="389"/>
      <c r="AR26" s="389"/>
      <c r="AS26" s="389"/>
      <c r="AT26" s="389"/>
      <c r="AU26" s="389"/>
      <c r="AV26" s="389"/>
      <c r="AW26" s="389"/>
      <c r="AX26" s="389"/>
      <c r="AY26" s="389"/>
      <c r="AZ26" s="389"/>
      <c r="BA26" s="389"/>
      <c r="BB26" s="389"/>
      <c r="BC26" s="389"/>
      <c r="BD26" s="389"/>
      <c r="BE26" s="389"/>
      <c r="BF26" s="389"/>
      <c r="BG26" s="389"/>
      <c r="BH26" s="389"/>
      <c r="BI26" s="389"/>
      <c r="BJ26" s="389"/>
      <c r="BK26" s="389"/>
      <c r="BL26" s="389"/>
      <c r="BM26" s="389"/>
      <c r="BN26" s="389"/>
      <c r="BO26" s="389"/>
      <c r="BP26" s="389"/>
      <c r="BQ26" s="389"/>
      <c r="BR26" s="389"/>
      <c r="BS26" s="389"/>
      <c r="BT26" s="389"/>
      <c r="BU26" s="389"/>
      <c r="BV26" s="389"/>
      <c r="BW26" s="389"/>
      <c r="BX26" s="389"/>
      <c r="BY26" s="389"/>
      <c r="BZ26" s="389"/>
      <c r="CA26" s="389"/>
      <c r="CB26" s="389"/>
      <c r="CC26" s="389"/>
      <c r="CD26" s="389"/>
      <c r="CE26" s="389"/>
      <c r="CF26" s="389"/>
      <c r="CG26" s="389"/>
      <c r="CH26" s="389"/>
      <c r="CI26" s="389"/>
      <c r="CJ26" s="389"/>
      <c r="CK26" s="389"/>
      <c r="CL26" s="389"/>
      <c r="CM26" s="389"/>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42" t="s">
        <v>130</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79" t="s">
        <v>16</v>
      </c>
      <c r="AO27" s="487" t="s">
        <v>1236</v>
      </c>
      <c r="AP27" s="487"/>
      <c r="AQ27" s="487"/>
      <c r="AR27" s="487"/>
      <c r="AS27" s="487"/>
      <c r="AT27" s="487"/>
      <c r="AU27" s="487"/>
      <c r="AV27" s="487"/>
      <c r="AW27" s="487"/>
      <c r="AX27" s="487"/>
      <c r="AY27" s="487"/>
      <c r="AZ27" s="487"/>
      <c r="BA27" s="487"/>
      <c r="BB27" s="487"/>
      <c r="BC27" s="487"/>
      <c r="BD27" s="487"/>
      <c r="BE27" s="487"/>
      <c r="BF27" s="487"/>
      <c r="BG27" s="487"/>
      <c r="BH27" s="487"/>
      <c r="BI27" s="487"/>
      <c r="BJ27" s="487"/>
      <c r="BK27" s="487"/>
      <c r="BL27" s="487"/>
      <c r="BM27" s="487"/>
      <c r="BN27" s="487"/>
      <c r="BO27" s="487"/>
      <c r="BP27" s="488"/>
      <c r="BQ27" s="68"/>
      <c r="BR27" s="68"/>
      <c r="BS27" s="68"/>
      <c r="BT27" s="68"/>
      <c r="BU27" s="68"/>
      <c r="BV27" s="68"/>
      <c r="BW27" s="68"/>
      <c r="BX27" s="68"/>
      <c r="BY27" s="68"/>
      <c r="BZ27" s="68"/>
      <c r="CA27" s="68"/>
      <c r="CB27" s="68"/>
      <c r="CC27" s="68"/>
      <c r="CD27" s="68"/>
      <c r="CE27" s="68"/>
      <c r="CF27" s="68"/>
      <c r="CG27" s="68"/>
      <c r="CH27" s="68"/>
      <c r="CI27" s="68"/>
      <c r="CJ27" s="68"/>
      <c r="CK27" s="68"/>
      <c r="CL27" s="68"/>
      <c r="CM27" s="68"/>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20" t="s">
        <v>16</v>
      </c>
      <c r="AO28" s="1149" t="s">
        <v>1517</v>
      </c>
      <c r="AP28" s="1149"/>
      <c r="AQ28" s="1149"/>
      <c r="AR28" s="1149"/>
      <c r="AS28" s="1149"/>
      <c r="AT28" s="1149"/>
      <c r="AU28" s="1149"/>
      <c r="AV28" s="1149"/>
      <c r="AW28" s="1149"/>
      <c r="AX28" s="1149"/>
      <c r="AY28" s="1149"/>
      <c r="AZ28" s="1149"/>
      <c r="BA28" s="1149"/>
      <c r="BB28" s="1149"/>
      <c r="BC28" s="1149"/>
      <c r="BD28" s="1149"/>
      <c r="BE28" s="1149"/>
      <c r="BF28" s="1149"/>
      <c r="BG28" s="1149"/>
      <c r="BH28" s="1149"/>
      <c r="BI28" s="1149"/>
      <c r="BJ28" s="1149"/>
      <c r="BK28" s="1149"/>
      <c r="BL28" s="1149"/>
      <c r="BM28" s="1149"/>
      <c r="BN28" s="1149"/>
      <c r="BO28" s="1149"/>
      <c r="BP28" s="1150"/>
      <c r="BQ28" s="76"/>
      <c r="BR28" s="76"/>
      <c r="BS28" s="76"/>
      <c r="BT28" s="76"/>
      <c r="BU28" s="76"/>
      <c r="BV28" s="76"/>
      <c r="BW28" s="76"/>
      <c r="BX28" s="76"/>
      <c r="BY28" s="76"/>
      <c r="BZ28" s="76"/>
      <c r="CA28" s="76"/>
      <c r="CB28" s="76"/>
      <c r="CC28" s="76"/>
      <c r="CD28" s="76"/>
      <c r="CE28" s="76"/>
      <c r="CF28" s="76"/>
      <c r="CG28" s="76"/>
      <c r="CH28" s="76"/>
      <c r="CI28" s="76"/>
      <c r="CJ28" s="76"/>
      <c r="CK28" s="76"/>
      <c r="CL28" s="76"/>
      <c r="CM28" s="76"/>
      <c r="CN28" s="33"/>
      <c r="CQ28" s="3" ph="1"/>
      <c r="CR28" s="3" ph="1"/>
      <c r="CS28" s="3" ph="1"/>
      <c r="CT28" s="3" ph="1"/>
      <c r="CU28" s="3" ph="1"/>
      <c r="CV28" s="3" ph="1"/>
    </row>
    <row r="29" spans="1:100" ht="17.25" customHeight="1" x14ac:dyDescent="0.15">
      <c r="A29" s="302" t="s">
        <v>917</v>
      </c>
      <c r="B29" s="303"/>
      <c r="C29" s="303"/>
      <c r="D29" s="303"/>
      <c r="E29" s="303"/>
      <c r="F29" s="303"/>
      <c r="G29" s="303"/>
      <c r="H29" s="303"/>
      <c r="I29" s="303"/>
      <c r="J29" s="303"/>
      <c r="K29" s="303"/>
      <c r="L29" s="303"/>
      <c r="M29" s="303"/>
      <c r="N29" s="303"/>
      <c r="O29" s="303"/>
      <c r="P29" s="303"/>
      <c r="Q29" s="303"/>
      <c r="R29" s="303"/>
      <c r="S29" s="303"/>
      <c r="T29" s="303"/>
      <c r="U29" s="303"/>
      <c r="V29" s="303"/>
      <c r="W29" s="303"/>
      <c r="X29" s="303"/>
      <c r="Y29" s="303"/>
      <c r="Z29" s="303"/>
      <c r="AA29" s="303"/>
      <c r="AB29" s="303"/>
      <c r="AC29" s="303"/>
      <c r="AD29" s="303"/>
      <c r="AE29" s="303"/>
      <c r="AF29" s="303"/>
      <c r="AG29" s="303"/>
      <c r="AH29" s="303"/>
      <c r="AI29" s="303"/>
      <c r="AJ29" s="303"/>
      <c r="AK29" s="303"/>
      <c r="AL29" s="304"/>
      <c r="AM29" s="5"/>
      <c r="AN29" s="20"/>
      <c r="AO29" s="1149"/>
      <c r="AP29" s="1149"/>
      <c r="AQ29" s="1149"/>
      <c r="AR29" s="1149"/>
      <c r="AS29" s="1149"/>
      <c r="AT29" s="1149"/>
      <c r="AU29" s="1149"/>
      <c r="AV29" s="1149"/>
      <c r="AW29" s="1149"/>
      <c r="AX29" s="1149"/>
      <c r="AY29" s="1149"/>
      <c r="AZ29" s="1149"/>
      <c r="BA29" s="1149"/>
      <c r="BB29" s="1149"/>
      <c r="BC29" s="1149"/>
      <c r="BD29" s="1149"/>
      <c r="BE29" s="1149"/>
      <c r="BF29" s="1149"/>
      <c r="BG29" s="1149"/>
      <c r="BH29" s="1149"/>
      <c r="BI29" s="1149"/>
      <c r="BJ29" s="1149"/>
      <c r="BK29" s="1149"/>
      <c r="BL29" s="1149"/>
      <c r="BM29" s="1149"/>
      <c r="BN29" s="1149"/>
      <c r="BO29" s="1149"/>
      <c r="BP29" s="1150"/>
      <c r="BQ29" s="126"/>
      <c r="BR29" s="76"/>
      <c r="BS29" s="76"/>
      <c r="BT29" s="76"/>
      <c r="BU29" s="76"/>
      <c r="BV29" s="76"/>
      <c r="BW29" s="76"/>
      <c r="BX29" s="76"/>
      <c r="BY29" s="76"/>
      <c r="BZ29" s="76"/>
      <c r="CA29" s="76"/>
      <c r="CB29" s="76"/>
      <c r="CC29" s="76"/>
      <c r="CD29" s="76"/>
      <c r="CE29" s="76"/>
      <c r="CF29" s="76"/>
      <c r="CG29" s="76"/>
      <c r="CH29" s="76"/>
      <c r="CI29" s="76"/>
      <c r="CJ29" s="76"/>
      <c r="CK29" s="76"/>
      <c r="CL29" s="76"/>
      <c r="CM29" s="76"/>
      <c r="CN29" s="33"/>
      <c r="CQ29" s="3" ph="1"/>
      <c r="CR29" s="3" ph="1"/>
      <c r="CS29" s="3" ph="1"/>
      <c r="CT29" s="3" ph="1"/>
      <c r="CU29" s="3" ph="1"/>
      <c r="CV29" s="3" ph="1"/>
    </row>
    <row r="30" spans="1:100" ht="17.25" customHeight="1" x14ac:dyDescent="0.15">
      <c r="A30" s="305"/>
      <c r="B30" s="306"/>
      <c r="C30" s="306"/>
      <c r="D30" s="306"/>
      <c r="E30" s="306"/>
      <c r="F30" s="306"/>
      <c r="G30" s="306"/>
      <c r="H30" s="306"/>
      <c r="I30" s="306"/>
      <c r="J30" s="306"/>
      <c r="K30" s="306"/>
      <c r="L30" s="306"/>
      <c r="M30" s="306"/>
      <c r="N30" s="306"/>
      <c r="O30" s="306"/>
      <c r="P30" s="306"/>
      <c r="Q30" s="306"/>
      <c r="R30" s="306"/>
      <c r="S30" s="306"/>
      <c r="T30" s="306"/>
      <c r="U30" s="306"/>
      <c r="V30" s="306"/>
      <c r="W30" s="306"/>
      <c r="X30" s="306"/>
      <c r="Y30" s="306"/>
      <c r="Z30" s="306"/>
      <c r="AA30" s="306"/>
      <c r="AB30" s="306"/>
      <c r="AC30" s="306"/>
      <c r="AD30" s="306"/>
      <c r="AE30" s="306"/>
      <c r="AF30" s="306"/>
      <c r="AG30" s="306"/>
      <c r="AH30" s="306"/>
      <c r="AI30" s="306"/>
      <c r="AJ30" s="306"/>
      <c r="AK30" s="306"/>
      <c r="AL30" s="307"/>
      <c r="AM30" s="5"/>
      <c r="AN30" s="20" t="s">
        <v>16</v>
      </c>
      <c r="AO30" s="1149" t="s">
        <v>1518</v>
      </c>
      <c r="AP30" s="1149"/>
      <c r="AQ30" s="1149"/>
      <c r="AR30" s="1149"/>
      <c r="AS30" s="1149"/>
      <c r="AT30" s="1149"/>
      <c r="AU30" s="1149"/>
      <c r="AV30" s="1149"/>
      <c r="AW30" s="1149"/>
      <c r="AX30" s="1149"/>
      <c r="AY30" s="1149"/>
      <c r="AZ30" s="1149"/>
      <c r="BA30" s="1149"/>
      <c r="BB30" s="1149"/>
      <c r="BC30" s="1149"/>
      <c r="BD30" s="1149"/>
      <c r="BE30" s="1149"/>
      <c r="BF30" s="1149"/>
      <c r="BG30" s="1149"/>
      <c r="BH30" s="1149"/>
      <c r="BI30" s="1149"/>
      <c r="BJ30" s="1149"/>
      <c r="BK30" s="1149"/>
      <c r="BL30" s="1149"/>
      <c r="BM30" s="1149"/>
      <c r="BN30" s="1149"/>
      <c r="BO30" s="1149"/>
      <c r="BP30" s="1150"/>
      <c r="BQ30" s="76"/>
      <c r="BR30" s="136" t="s">
        <v>262</v>
      </c>
      <c r="BS30" s="93"/>
      <c r="BT30" s="145"/>
      <c r="BU30" s="145"/>
      <c r="BV30" s="145"/>
      <c r="BW30" s="145"/>
      <c r="BX30" s="145"/>
      <c r="BY30" s="327">
        <v>2</v>
      </c>
      <c r="BZ30" s="327"/>
      <c r="CA30" s="327"/>
      <c r="CB30" s="327"/>
      <c r="CC30" s="327"/>
      <c r="CD30" s="327"/>
      <c r="CE30" s="327"/>
      <c r="CF30" s="327"/>
      <c r="CG30" s="327"/>
      <c r="CH30" s="327"/>
      <c r="CI30" s="327"/>
      <c r="CJ30" s="93"/>
      <c r="CK30" s="93"/>
      <c r="CL30" s="93"/>
      <c r="CM30" s="164"/>
      <c r="CN30" s="33"/>
    </row>
    <row r="31" spans="1:100" ht="17.25" customHeight="1" x14ac:dyDescent="0.15">
      <c r="A31" s="305"/>
      <c r="B31" s="306"/>
      <c r="C31" s="306"/>
      <c r="D31" s="306"/>
      <c r="E31" s="306"/>
      <c r="F31" s="306"/>
      <c r="G31" s="306"/>
      <c r="H31" s="306"/>
      <c r="I31" s="306"/>
      <c r="J31" s="306"/>
      <c r="K31" s="306"/>
      <c r="L31" s="306"/>
      <c r="M31" s="306"/>
      <c r="N31" s="306"/>
      <c r="O31" s="306"/>
      <c r="P31" s="306"/>
      <c r="Q31" s="306"/>
      <c r="R31" s="306"/>
      <c r="S31" s="306"/>
      <c r="T31" s="306"/>
      <c r="U31" s="306"/>
      <c r="V31" s="306"/>
      <c r="W31" s="306"/>
      <c r="X31" s="306"/>
      <c r="Y31" s="306"/>
      <c r="Z31" s="306"/>
      <c r="AA31" s="306"/>
      <c r="AB31" s="306"/>
      <c r="AC31" s="306"/>
      <c r="AD31" s="306"/>
      <c r="AE31" s="306"/>
      <c r="AF31" s="306"/>
      <c r="AG31" s="306"/>
      <c r="AH31" s="306"/>
      <c r="AI31" s="306"/>
      <c r="AJ31" s="306"/>
      <c r="AK31" s="306"/>
      <c r="AL31" s="307"/>
      <c r="AM31" s="5"/>
      <c r="AN31" s="20"/>
      <c r="AO31" s="1149"/>
      <c r="AP31" s="1149"/>
      <c r="AQ31" s="1149"/>
      <c r="AR31" s="1149"/>
      <c r="AS31" s="1149"/>
      <c r="AT31" s="1149"/>
      <c r="AU31" s="1149"/>
      <c r="AV31" s="1149"/>
      <c r="AW31" s="1149"/>
      <c r="AX31" s="1149"/>
      <c r="AY31" s="1149"/>
      <c r="AZ31" s="1149"/>
      <c r="BA31" s="1149"/>
      <c r="BB31" s="1149"/>
      <c r="BC31" s="1149"/>
      <c r="BD31" s="1149"/>
      <c r="BE31" s="1149"/>
      <c r="BF31" s="1149"/>
      <c r="BG31" s="1149"/>
      <c r="BH31" s="1149"/>
      <c r="BI31" s="1149"/>
      <c r="BJ31" s="1149"/>
      <c r="BK31" s="1149"/>
      <c r="BL31" s="1149"/>
      <c r="BM31" s="1149"/>
      <c r="BN31" s="1149"/>
      <c r="BO31" s="1149"/>
      <c r="BP31" s="1150"/>
      <c r="BQ31" s="69"/>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308"/>
      <c r="B32" s="309"/>
      <c r="C32" s="309"/>
      <c r="D32" s="309"/>
      <c r="E32" s="309"/>
      <c r="F32" s="309"/>
      <c r="G32" s="309"/>
      <c r="H32" s="309"/>
      <c r="I32" s="309"/>
      <c r="J32" s="309"/>
      <c r="K32" s="309"/>
      <c r="L32" s="309"/>
      <c r="M32" s="309"/>
      <c r="N32" s="309"/>
      <c r="O32" s="309"/>
      <c r="P32" s="309"/>
      <c r="Q32" s="309"/>
      <c r="R32" s="309"/>
      <c r="S32" s="309"/>
      <c r="T32" s="309"/>
      <c r="U32" s="309"/>
      <c r="V32" s="309"/>
      <c r="W32" s="309"/>
      <c r="X32" s="309"/>
      <c r="Y32" s="309"/>
      <c r="Z32" s="309"/>
      <c r="AA32" s="309"/>
      <c r="AB32" s="309"/>
      <c r="AC32" s="309"/>
      <c r="AD32" s="309"/>
      <c r="AE32" s="309"/>
      <c r="AF32" s="309"/>
      <c r="AG32" s="309"/>
      <c r="AH32" s="309"/>
      <c r="AI32" s="309"/>
      <c r="AJ32" s="309"/>
      <c r="AK32" s="309"/>
      <c r="AL32" s="310"/>
      <c r="AM32" s="5"/>
      <c r="AN32" s="20" t="s">
        <v>16</v>
      </c>
      <c r="AO32" s="655" t="s">
        <v>1476</v>
      </c>
      <c r="AP32" s="655"/>
      <c r="AQ32" s="655"/>
      <c r="AR32" s="655"/>
      <c r="AS32" s="655"/>
      <c r="AT32" s="655"/>
      <c r="AU32" s="655"/>
      <c r="AV32" s="655"/>
      <c r="AW32" s="655"/>
      <c r="AX32" s="655"/>
      <c r="AY32" s="655"/>
      <c r="AZ32" s="655"/>
      <c r="BA32" s="655"/>
      <c r="BB32" s="655"/>
      <c r="BC32" s="655"/>
      <c r="BD32" s="655"/>
      <c r="BE32" s="655"/>
      <c r="BF32" s="655"/>
      <c r="BG32" s="655"/>
      <c r="BH32" s="655"/>
      <c r="BI32" s="655"/>
      <c r="BJ32" s="655"/>
      <c r="BK32" s="655"/>
      <c r="BL32" s="655"/>
      <c r="BM32" s="655"/>
      <c r="BN32" s="655"/>
      <c r="BO32" s="655"/>
      <c r="BP32" s="656"/>
      <c r="BQ32" s="68"/>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255" t="s">
        <v>274</v>
      </c>
      <c r="B33" s="255"/>
      <c r="C33" s="255"/>
      <c r="D33" s="255"/>
      <c r="E33" s="255"/>
      <c r="F33" s="255"/>
      <c r="G33" s="255"/>
      <c r="H33" s="255"/>
      <c r="I33" s="255"/>
      <c r="J33" s="255"/>
      <c r="K33" s="255"/>
      <c r="L33" s="255"/>
      <c r="M33" s="255"/>
      <c r="N33" s="134"/>
      <c r="O33" s="388" t="s">
        <v>906</v>
      </c>
      <c r="P33" s="388"/>
      <c r="Q33" s="388"/>
      <c r="R33" s="388"/>
      <c r="S33" s="388"/>
      <c r="T33" s="388"/>
      <c r="U33" s="388"/>
      <c r="V33" s="388"/>
      <c r="W33" s="388"/>
      <c r="X33" s="388"/>
      <c r="Y33" s="388"/>
      <c r="Z33" s="388"/>
      <c r="AA33" s="388"/>
      <c r="AB33" s="388"/>
      <c r="AC33" s="388"/>
      <c r="AD33" s="388"/>
      <c r="AE33" s="388"/>
      <c r="AF33" s="388"/>
      <c r="AG33" s="388"/>
      <c r="AH33" s="388"/>
      <c r="AI33" s="388"/>
      <c r="AJ33" s="388"/>
      <c r="AK33" s="388"/>
      <c r="AL33" s="388"/>
      <c r="AM33" s="5"/>
      <c r="AN33" s="94" t="s">
        <v>16</v>
      </c>
      <c r="AO33" s="708" t="s">
        <v>1477</v>
      </c>
      <c r="AP33" s="708"/>
      <c r="AQ33" s="708"/>
      <c r="AR33" s="708"/>
      <c r="AS33" s="708"/>
      <c r="AT33" s="708"/>
      <c r="AU33" s="708"/>
      <c r="AV33" s="708"/>
      <c r="AW33" s="708"/>
      <c r="AX33" s="708"/>
      <c r="AY33" s="708"/>
      <c r="AZ33" s="708"/>
      <c r="BA33" s="708"/>
      <c r="BB33" s="708"/>
      <c r="BC33" s="708"/>
      <c r="BD33" s="708"/>
      <c r="BE33" s="708"/>
      <c r="BF33" s="708"/>
      <c r="BG33" s="708"/>
      <c r="BH33" s="708"/>
      <c r="BI33" s="708"/>
      <c r="BJ33" s="708"/>
      <c r="BK33" s="708"/>
      <c r="BL33" s="708"/>
      <c r="BM33" s="708"/>
      <c r="BN33" s="708"/>
      <c r="BO33" s="708"/>
      <c r="BP33" s="709"/>
      <c r="BQ33" s="76"/>
      <c r="BR33" s="292" t="s">
        <v>267</v>
      </c>
      <c r="BS33" s="293"/>
      <c r="BT33" s="293"/>
      <c r="BU33" s="293"/>
      <c r="BV33" s="293"/>
      <c r="BW33" s="293"/>
      <c r="BX33" s="294"/>
      <c r="BY33" s="284">
        <v>462</v>
      </c>
      <c r="BZ33" s="285"/>
      <c r="CA33" s="285"/>
      <c r="CB33" s="285"/>
      <c r="CC33" s="285"/>
      <c r="CD33" s="285"/>
      <c r="CE33" s="285"/>
      <c r="CF33" s="285"/>
      <c r="CG33" s="288"/>
      <c r="CH33" s="286">
        <v>0.47749999999999998</v>
      </c>
      <c r="CI33" s="286"/>
      <c r="CJ33" s="286"/>
      <c r="CK33" s="286"/>
      <c r="CL33" s="286"/>
      <c r="CM33" s="286"/>
      <c r="CQ33" s="3" ph="1"/>
      <c r="CR33" s="3" ph="1"/>
      <c r="CS33" s="3" ph="1"/>
      <c r="CT33" s="3" ph="1"/>
      <c r="CU33" s="3" ph="1"/>
      <c r="CV33" s="3" ph="1"/>
    </row>
    <row r="34" spans="1:100" ht="17.25" customHeight="1" x14ac:dyDescent="0.15">
      <c r="A34" s="486" t="s">
        <v>1086</v>
      </c>
      <c r="B34" s="487"/>
      <c r="C34" s="487"/>
      <c r="D34" s="487"/>
      <c r="E34" s="487"/>
      <c r="F34" s="487"/>
      <c r="G34" s="487"/>
      <c r="H34" s="487"/>
      <c r="I34" s="487"/>
      <c r="J34" s="487"/>
      <c r="K34" s="487"/>
      <c r="L34" s="487"/>
      <c r="M34" s="488"/>
      <c r="N34" s="134"/>
      <c r="O34" s="486" t="s">
        <v>131</v>
      </c>
      <c r="P34" s="487"/>
      <c r="Q34" s="487"/>
      <c r="R34" s="487"/>
      <c r="S34" s="487"/>
      <c r="T34" s="487"/>
      <c r="U34" s="487"/>
      <c r="V34" s="487"/>
      <c r="W34" s="487"/>
      <c r="X34" s="487"/>
      <c r="Y34" s="487"/>
      <c r="Z34" s="487"/>
      <c r="AA34" s="487"/>
      <c r="AB34" s="487"/>
      <c r="AC34" s="487"/>
      <c r="AD34" s="487"/>
      <c r="AE34" s="487"/>
      <c r="AF34" s="487"/>
      <c r="AG34" s="487"/>
      <c r="AH34" s="487"/>
      <c r="AI34" s="487"/>
      <c r="AJ34" s="487"/>
      <c r="AK34" s="487"/>
      <c r="AL34" s="488"/>
      <c r="AM34" s="5"/>
      <c r="AN34" s="255" t="s">
        <v>269</v>
      </c>
      <c r="AO34" s="255"/>
      <c r="AP34" s="1147"/>
      <c r="AQ34" s="1147"/>
      <c r="AR34" s="1147"/>
      <c r="AS34" s="1147"/>
      <c r="AT34" s="1147"/>
      <c r="AU34" s="1147"/>
      <c r="AV34" s="1147"/>
      <c r="AW34" s="1147"/>
      <c r="AX34" s="1147"/>
      <c r="AY34" s="1147"/>
      <c r="AZ34" s="1147"/>
      <c r="BA34" s="1147"/>
      <c r="BB34" s="1147"/>
      <c r="BC34" s="1147"/>
      <c r="BD34" s="1147"/>
      <c r="BE34" s="1147"/>
      <c r="BF34" s="1147"/>
      <c r="BG34" s="1147"/>
      <c r="BH34" s="1147"/>
      <c r="BI34" s="1147"/>
      <c r="BJ34" s="1147"/>
      <c r="BK34" s="1147"/>
      <c r="BL34" s="1147"/>
      <c r="BM34" s="1147"/>
      <c r="BN34" s="1147"/>
      <c r="BO34" s="1147"/>
      <c r="BP34" s="178"/>
      <c r="BQ34" s="178"/>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771" t="s">
        <v>918</v>
      </c>
      <c r="B35" s="772"/>
      <c r="C35" s="772"/>
      <c r="D35" s="772"/>
      <c r="E35" s="772"/>
      <c r="F35" s="772"/>
      <c r="G35" s="772"/>
      <c r="H35" s="772"/>
      <c r="I35" s="772"/>
      <c r="J35" s="772"/>
      <c r="K35" s="772"/>
      <c r="L35" s="772"/>
      <c r="M35" s="773"/>
      <c r="N35" s="85"/>
      <c r="O35" s="1067" t="s">
        <v>230</v>
      </c>
      <c r="P35" s="556"/>
      <c r="Q35" s="556"/>
      <c r="R35" s="556"/>
      <c r="S35" s="556"/>
      <c r="T35" s="556"/>
      <c r="U35" s="556"/>
      <c r="V35" s="556"/>
      <c r="W35" s="556"/>
      <c r="X35" s="556"/>
      <c r="Y35" s="556"/>
      <c r="Z35" s="556"/>
      <c r="AA35" s="556"/>
      <c r="AB35" s="556"/>
      <c r="AC35" s="556"/>
      <c r="AD35" s="556"/>
      <c r="AE35" s="556"/>
      <c r="AF35" s="556"/>
      <c r="AG35" s="556"/>
      <c r="AH35" s="556"/>
      <c r="AI35" s="556"/>
      <c r="AJ35" s="556"/>
      <c r="AK35" s="556"/>
      <c r="AL35" s="557"/>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20685</v>
      </c>
      <c r="BZ35" s="681"/>
      <c r="CA35" s="682"/>
      <c r="CB35" s="682"/>
      <c r="CC35" s="682"/>
      <c r="CD35" s="682"/>
      <c r="CE35" s="682"/>
      <c r="CF35" s="682"/>
      <c r="CG35" s="682"/>
      <c r="CH35" s="683">
        <v>21.379180000000002</v>
      </c>
      <c r="CI35" s="683"/>
      <c r="CJ35" s="683"/>
      <c r="CK35" s="683"/>
      <c r="CL35" s="683"/>
      <c r="CM35" s="683"/>
      <c r="CQ35" s="3" ph="1"/>
    </row>
    <row r="36" spans="1:100" ht="17.25" customHeight="1" x14ac:dyDescent="0.15">
      <c r="A36" s="779">
        <v>30042</v>
      </c>
      <c r="B36" s="780"/>
      <c r="C36" s="780"/>
      <c r="D36" s="780"/>
      <c r="E36" s="780"/>
      <c r="F36" s="780"/>
      <c r="G36" s="780"/>
      <c r="H36" s="780"/>
      <c r="I36" s="780"/>
      <c r="J36" s="780"/>
      <c r="K36" s="780"/>
      <c r="L36" s="780"/>
      <c r="M36" s="781"/>
      <c r="N36" s="83"/>
      <c r="O36" s="1148" t="s">
        <v>318</v>
      </c>
      <c r="P36" s="655"/>
      <c r="Q36" s="655"/>
      <c r="R36" s="655"/>
      <c r="S36" s="655"/>
      <c r="T36" s="655"/>
      <c r="U36" s="655"/>
      <c r="V36" s="655"/>
      <c r="W36" s="655"/>
      <c r="X36" s="655"/>
      <c r="Y36" s="655"/>
      <c r="Z36" s="655"/>
      <c r="AA36" s="655"/>
      <c r="AB36" s="655"/>
      <c r="AC36" s="655"/>
      <c r="AD36" s="655"/>
      <c r="AE36" s="655"/>
      <c r="AF36" s="655"/>
      <c r="AG36" s="655"/>
      <c r="AH36" s="655"/>
      <c r="AI36" s="655"/>
      <c r="AJ36" s="655"/>
      <c r="AK36" s="655"/>
      <c r="AL36" s="656"/>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1141" t="s">
        <v>1087</v>
      </c>
      <c r="B37" s="1142"/>
      <c r="C37" s="1142"/>
      <c r="D37" s="1142"/>
      <c r="E37" s="1142"/>
      <c r="F37" s="1142"/>
      <c r="G37" s="1142"/>
      <c r="H37" s="1142"/>
      <c r="I37" s="1142"/>
      <c r="J37" s="1142"/>
      <c r="K37" s="1142"/>
      <c r="L37" s="1142"/>
      <c r="M37" s="1143"/>
      <c r="N37" s="83"/>
      <c r="O37" s="1072" t="s">
        <v>1711</v>
      </c>
      <c r="P37" s="1073"/>
      <c r="Q37" s="1073"/>
      <c r="R37" s="1073"/>
      <c r="S37" s="1073"/>
      <c r="T37" s="1073"/>
      <c r="U37" s="1073"/>
      <c r="V37" s="1073"/>
      <c r="W37" s="1073"/>
      <c r="X37" s="1073"/>
      <c r="Y37" s="1073"/>
      <c r="Z37" s="1073"/>
      <c r="AA37" s="1073"/>
      <c r="AB37" s="1073"/>
      <c r="AC37" s="1073"/>
      <c r="AD37" s="1073"/>
      <c r="AE37" s="1073"/>
      <c r="AF37" s="1073"/>
      <c r="AG37" s="1073"/>
      <c r="AH37" s="1073"/>
      <c r="AI37" s="1073"/>
      <c r="AJ37" s="1073"/>
      <c r="AK37" s="1073"/>
      <c r="AL37" s="1074"/>
      <c r="AM37" s="5"/>
      <c r="AN37" s="287" t="s">
        <v>399</v>
      </c>
      <c r="AO37" s="287"/>
      <c r="AP37" s="287"/>
      <c r="AQ37" s="287"/>
      <c r="AR37" s="287"/>
      <c r="AS37" s="287"/>
      <c r="AT37" s="287"/>
      <c r="AU37" s="287"/>
      <c r="AV37" s="287"/>
      <c r="AW37" s="681">
        <v>232922</v>
      </c>
      <c r="AX37" s="681"/>
      <c r="AY37" s="681"/>
      <c r="AZ37" s="681"/>
      <c r="BA37" s="681"/>
      <c r="BB37" s="681"/>
      <c r="BC37" s="681"/>
      <c r="BD37" s="681"/>
      <c r="BE37" s="681"/>
      <c r="BF37" s="681"/>
      <c r="BG37" s="681">
        <v>102020</v>
      </c>
      <c r="BH37" s="681"/>
      <c r="BI37" s="681"/>
      <c r="BJ37" s="681"/>
      <c r="BK37" s="681"/>
      <c r="BL37" s="681"/>
      <c r="BM37" s="681"/>
      <c r="BN37" s="681"/>
      <c r="BO37" s="681"/>
      <c r="BP37" s="681"/>
      <c r="BQ37" s="149"/>
      <c r="BR37" s="680" t="s">
        <v>273</v>
      </c>
      <c r="BS37" s="680"/>
      <c r="BT37" s="680"/>
      <c r="BU37" s="680"/>
      <c r="BV37" s="680"/>
      <c r="BW37" s="680"/>
      <c r="BX37" s="680"/>
      <c r="BY37" s="681">
        <v>75606</v>
      </c>
      <c r="BZ37" s="681"/>
      <c r="CA37" s="682"/>
      <c r="CB37" s="682"/>
      <c r="CC37" s="682"/>
      <c r="CD37" s="682"/>
      <c r="CE37" s="682"/>
      <c r="CF37" s="682"/>
      <c r="CG37" s="682"/>
      <c r="CH37" s="683">
        <v>78.14331</v>
      </c>
      <c r="CI37" s="683"/>
      <c r="CJ37" s="683"/>
      <c r="CK37" s="683"/>
      <c r="CL37" s="683"/>
      <c r="CM37" s="683"/>
      <c r="CQ37" s="3" ph="1"/>
    </row>
    <row r="38" spans="1:100" ht="17.25" customHeight="1" x14ac:dyDescent="0.15">
      <c r="A38" s="779">
        <v>31309</v>
      </c>
      <c r="B38" s="780"/>
      <c r="C38" s="780"/>
      <c r="D38" s="780"/>
      <c r="E38" s="780"/>
      <c r="F38" s="780"/>
      <c r="G38" s="780"/>
      <c r="H38" s="780"/>
      <c r="I38" s="780"/>
      <c r="J38" s="780"/>
      <c r="K38" s="780"/>
      <c r="L38" s="780"/>
      <c r="M38" s="781"/>
      <c r="N38" s="83"/>
      <c r="O38" s="761"/>
      <c r="P38" s="774"/>
      <c r="Q38" s="774"/>
      <c r="R38" s="774"/>
      <c r="S38" s="774"/>
      <c r="T38" s="774"/>
      <c r="U38" s="774"/>
      <c r="V38" s="774"/>
      <c r="W38" s="774"/>
      <c r="X38" s="774"/>
      <c r="Y38" s="774"/>
      <c r="Z38" s="774"/>
      <c r="AA38" s="774"/>
      <c r="AB38" s="774"/>
      <c r="AC38" s="774"/>
      <c r="AD38" s="774"/>
      <c r="AE38" s="774"/>
      <c r="AF38" s="774"/>
      <c r="AG38" s="774"/>
      <c r="AH38" s="774"/>
      <c r="AI38" s="774"/>
      <c r="AJ38" s="774"/>
      <c r="AK38" s="774"/>
      <c r="AL38" s="775"/>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779" t="s">
        <v>1088</v>
      </c>
      <c r="B39" s="780"/>
      <c r="C39" s="780"/>
      <c r="D39" s="780"/>
      <c r="E39" s="780"/>
      <c r="F39" s="780"/>
      <c r="G39" s="780"/>
      <c r="H39" s="780"/>
      <c r="I39" s="780"/>
      <c r="J39" s="780"/>
      <c r="K39" s="780"/>
      <c r="L39" s="780"/>
      <c r="M39" s="781"/>
      <c r="N39" s="84"/>
      <c r="O39" s="761"/>
      <c r="P39" s="774"/>
      <c r="Q39" s="774"/>
      <c r="R39" s="774"/>
      <c r="S39" s="774"/>
      <c r="T39" s="774"/>
      <c r="U39" s="774"/>
      <c r="V39" s="774"/>
      <c r="W39" s="774"/>
      <c r="X39" s="774"/>
      <c r="Y39" s="774"/>
      <c r="Z39" s="774"/>
      <c r="AA39" s="774"/>
      <c r="AB39" s="774"/>
      <c r="AC39" s="774"/>
      <c r="AD39" s="774"/>
      <c r="AE39" s="774"/>
      <c r="AF39" s="774"/>
      <c r="AG39" s="774"/>
      <c r="AH39" s="774"/>
      <c r="AI39" s="774"/>
      <c r="AJ39" s="774"/>
      <c r="AK39" s="774"/>
      <c r="AL39" s="775"/>
      <c r="AM39" s="5"/>
      <c r="AN39" s="300" t="s">
        <v>1059</v>
      </c>
      <c r="AO39" s="300"/>
      <c r="AP39" s="300"/>
      <c r="AQ39" s="300"/>
      <c r="AR39" s="300"/>
      <c r="AS39" s="300"/>
      <c r="AT39" s="300"/>
      <c r="AU39" s="300"/>
      <c r="AV39" s="300"/>
      <c r="AW39" s="681">
        <v>239169</v>
      </c>
      <c r="AX39" s="681"/>
      <c r="AY39" s="681"/>
      <c r="AZ39" s="682"/>
      <c r="BA39" s="682"/>
      <c r="BB39" s="682"/>
      <c r="BC39" s="682"/>
      <c r="BD39" s="682"/>
      <c r="BE39" s="682"/>
      <c r="BF39" s="682"/>
      <c r="BG39" s="681">
        <v>110519</v>
      </c>
      <c r="BH39" s="681"/>
      <c r="BI39" s="681"/>
      <c r="BJ39" s="681"/>
      <c r="BK39" s="681"/>
      <c r="BL39" s="681"/>
      <c r="BM39" s="681"/>
      <c r="BN39" s="681"/>
      <c r="BO39" s="681"/>
      <c r="BP39" s="681"/>
      <c r="BQ39" s="149"/>
      <c r="BR39" s="301" t="s">
        <v>1119</v>
      </c>
      <c r="BS39" s="293"/>
      <c r="BT39" s="293"/>
      <c r="BU39" s="293"/>
      <c r="BV39" s="293"/>
      <c r="BW39" s="293"/>
      <c r="BX39" s="294"/>
      <c r="BY39" s="681">
        <v>100085</v>
      </c>
      <c r="BZ39" s="681"/>
      <c r="CA39" s="682"/>
      <c r="CB39" s="682"/>
      <c r="CC39" s="682"/>
      <c r="CD39" s="682"/>
      <c r="CE39" s="682"/>
      <c r="CF39" s="682"/>
      <c r="CG39" s="682"/>
      <c r="CH39" s="683">
        <v>100</v>
      </c>
      <c r="CI39" s="683"/>
      <c r="CJ39" s="683"/>
      <c r="CK39" s="683"/>
      <c r="CL39" s="683"/>
      <c r="CM39" s="683"/>
    </row>
    <row r="40" spans="1:100" ht="17.25" customHeight="1" x14ac:dyDescent="0.15">
      <c r="A40" s="779">
        <v>38099</v>
      </c>
      <c r="B40" s="780"/>
      <c r="C40" s="780"/>
      <c r="D40" s="780"/>
      <c r="E40" s="780"/>
      <c r="F40" s="780"/>
      <c r="G40" s="780"/>
      <c r="H40" s="780"/>
      <c r="I40" s="780"/>
      <c r="J40" s="780"/>
      <c r="K40" s="780"/>
      <c r="L40" s="780"/>
      <c r="M40" s="781"/>
      <c r="N40" s="83"/>
      <c r="O40" s="761"/>
      <c r="P40" s="774"/>
      <c r="Q40" s="774"/>
      <c r="R40" s="774"/>
      <c r="S40" s="774"/>
      <c r="T40" s="774"/>
      <c r="U40" s="774"/>
      <c r="V40" s="774"/>
      <c r="W40" s="774"/>
      <c r="X40" s="774"/>
      <c r="Y40" s="774"/>
      <c r="Z40" s="774"/>
      <c r="AA40" s="774"/>
      <c r="AB40" s="774"/>
      <c r="AC40" s="774"/>
      <c r="AD40" s="774"/>
      <c r="AE40" s="774"/>
      <c r="AF40" s="774"/>
      <c r="AG40" s="774"/>
      <c r="AH40" s="774"/>
      <c r="AI40" s="774"/>
      <c r="AJ40" s="774"/>
      <c r="AK40" s="774"/>
      <c r="AL40" s="775"/>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1141" t="s">
        <v>1089</v>
      </c>
      <c r="B41" s="1142"/>
      <c r="C41" s="1142"/>
      <c r="D41" s="1142"/>
      <c r="E41" s="1142"/>
      <c r="F41" s="1142"/>
      <c r="G41" s="1142"/>
      <c r="H41" s="1142"/>
      <c r="I41" s="1142"/>
      <c r="J41" s="1142"/>
      <c r="K41" s="1142"/>
      <c r="L41" s="1142"/>
      <c r="M41" s="1143"/>
      <c r="N41" s="84"/>
      <c r="O41" s="761"/>
      <c r="P41" s="774"/>
      <c r="Q41" s="774"/>
      <c r="R41" s="774"/>
      <c r="S41" s="774"/>
      <c r="T41" s="774"/>
      <c r="U41" s="774"/>
      <c r="V41" s="774"/>
      <c r="W41" s="774"/>
      <c r="X41" s="774"/>
      <c r="Y41" s="774"/>
      <c r="Z41" s="774"/>
      <c r="AA41" s="774"/>
      <c r="AB41" s="774"/>
      <c r="AC41" s="774"/>
      <c r="AD41" s="774"/>
      <c r="AE41" s="774"/>
      <c r="AF41" s="774"/>
      <c r="AG41" s="774"/>
      <c r="AH41" s="774"/>
      <c r="AI41" s="774"/>
      <c r="AJ41" s="774"/>
      <c r="AK41" s="774"/>
      <c r="AL41" s="775"/>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1067" t="s">
        <v>1090</v>
      </c>
      <c r="B42" s="556"/>
      <c r="C42" s="556"/>
      <c r="D42" s="556"/>
      <c r="E42" s="556"/>
      <c r="F42" s="556"/>
      <c r="G42" s="556"/>
      <c r="H42" s="556"/>
      <c r="I42" s="556"/>
      <c r="J42" s="556"/>
      <c r="K42" s="556"/>
      <c r="L42" s="556"/>
      <c r="M42" s="557"/>
      <c r="N42" s="83"/>
      <c r="O42" s="761"/>
      <c r="P42" s="774"/>
      <c r="Q42" s="774"/>
      <c r="R42" s="774"/>
      <c r="S42" s="774"/>
      <c r="T42" s="774"/>
      <c r="U42" s="774"/>
      <c r="V42" s="774"/>
      <c r="W42" s="774"/>
      <c r="X42" s="774"/>
      <c r="Y42" s="774"/>
      <c r="Z42" s="774"/>
      <c r="AA42" s="774"/>
      <c r="AB42" s="774"/>
      <c r="AC42" s="774"/>
      <c r="AD42" s="774"/>
      <c r="AE42" s="774"/>
      <c r="AF42" s="774"/>
      <c r="AG42" s="774"/>
      <c r="AH42" s="774"/>
      <c r="AI42" s="774"/>
      <c r="AJ42" s="774"/>
      <c r="AK42" s="774"/>
      <c r="AL42" s="775"/>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1144">
        <v>42628</v>
      </c>
      <c r="B43" s="1145"/>
      <c r="C43" s="1145"/>
      <c r="D43" s="1145"/>
      <c r="E43" s="1145"/>
      <c r="F43" s="1145"/>
      <c r="G43" s="1145"/>
      <c r="H43" s="1145"/>
      <c r="I43" s="1145"/>
      <c r="J43" s="1145"/>
      <c r="K43" s="1145"/>
      <c r="L43" s="1145"/>
      <c r="M43" s="1146"/>
      <c r="N43" s="68"/>
      <c r="O43" s="761"/>
      <c r="P43" s="774"/>
      <c r="Q43" s="774"/>
      <c r="R43" s="774"/>
      <c r="S43" s="774"/>
      <c r="T43" s="774"/>
      <c r="U43" s="774"/>
      <c r="V43" s="774"/>
      <c r="W43" s="774"/>
      <c r="X43" s="774"/>
      <c r="Y43" s="774"/>
      <c r="Z43" s="774"/>
      <c r="AA43" s="774"/>
      <c r="AB43" s="774"/>
      <c r="AC43" s="774"/>
      <c r="AD43" s="774"/>
      <c r="AE43" s="774"/>
      <c r="AF43" s="774"/>
      <c r="AG43" s="774"/>
      <c r="AH43" s="774"/>
      <c r="AI43" s="774"/>
      <c r="AJ43" s="774"/>
      <c r="AK43" s="774"/>
      <c r="AL43" s="775"/>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324" t="s">
        <v>1091</v>
      </c>
      <c r="B44" s="325"/>
      <c r="C44" s="325"/>
      <c r="D44" s="325"/>
      <c r="E44" s="325"/>
      <c r="F44" s="325"/>
      <c r="G44" s="325"/>
      <c r="H44" s="325"/>
      <c r="I44" s="325"/>
      <c r="J44" s="325"/>
      <c r="K44" s="325"/>
      <c r="L44" s="325"/>
      <c r="M44" s="326"/>
      <c r="N44" s="83"/>
      <c r="O44" s="761"/>
      <c r="P44" s="774"/>
      <c r="Q44" s="774"/>
      <c r="R44" s="774"/>
      <c r="S44" s="774"/>
      <c r="T44" s="774"/>
      <c r="U44" s="774"/>
      <c r="V44" s="774"/>
      <c r="W44" s="774"/>
      <c r="X44" s="774"/>
      <c r="Y44" s="774"/>
      <c r="Z44" s="774"/>
      <c r="AA44" s="774"/>
      <c r="AB44" s="774"/>
      <c r="AC44" s="774"/>
      <c r="AD44" s="774"/>
      <c r="AE44" s="774"/>
      <c r="AF44" s="774"/>
      <c r="AG44" s="774"/>
      <c r="AH44" s="774"/>
      <c r="AI44" s="774"/>
      <c r="AJ44" s="774"/>
      <c r="AK44" s="774"/>
      <c r="AL44" s="775"/>
      <c r="AM44" s="5"/>
      <c r="AN44" s="764">
        <v>8828.7000000000007</v>
      </c>
      <c r="AO44" s="765"/>
      <c r="AP44" s="765"/>
      <c r="AQ44" s="765"/>
      <c r="AR44" s="765"/>
      <c r="AS44" s="727" t="s">
        <v>383</v>
      </c>
      <c r="AT44" s="727"/>
      <c r="AU44" s="727"/>
      <c r="AV44" s="728"/>
      <c r="AW44" s="879">
        <v>24.4</v>
      </c>
      <c r="AX44" s="880"/>
      <c r="AY44" s="880"/>
      <c r="AZ44" s="880"/>
      <c r="BA44" s="880"/>
      <c r="BB44" s="880"/>
      <c r="BC44" s="706" t="s">
        <v>384</v>
      </c>
      <c r="BD44" s="706"/>
      <c r="BE44" s="706"/>
      <c r="BF44" s="707"/>
      <c r="BG44" s="710">
        <v>87.5</v>
      </c>
      <c r="BH44" s="711"/>
      <c r="BI44" s="711"/>
      <c r="BJ44" s="711"/>
      <c r="BK44" s="711"/>
      <c r="BL44" s="711"/>
      <c r="BM44" s="706" t="s">
        <v>384</v>
      </c>
      <c r="BN44" s="706"/>
      <c r="BO44" s="706"/>
      <c r="BP44" s="707"/>
      <c r="BQ44" s="130"/>
      <c r="BR44" s="714">
        <v>27.09</v>
      </c>
      <c r="BS44" s="715"/>
      <c r="BT44" s="715"/>
      <c r="BU44" s="715"/>
      <c r="BV44" s="715"/>
      <c r="BW44" s="715"/>
      <c r="BX44" s="715"/>
      <c r="BY44" s="696" t="s">
        <v>385</v>
      </c>
      <c r="BZ44" s="696"/>
      <c r="CA44" s="696"/>
      <c r="CB44" s="697"/>
      <c r="CC44" s="718">
        <v>2019</v>
      </c>
      <c r="CD44" s="719"/>
      <c r="CE44" s="719"/>
      <c r="CF44" s="719"/>
      <c r="CG44" s="719"/>
      <c r="CH44" s="719"/>
      <c r="CI44" s="719"/>
      <c r="CJ44" s="696" t="s">
        <v>386</v>
      </c>
      <c r="CK44" s="696"/>
      <c r="CL44" s="696"/>
      <c r="CM44" s="697"/>
    </row>
    <row r="45" spans="1:100" ht="17.25" customHeight="1" x14ac:dyDescent="0.15">
      <c r="A45" s="324" t="s">
        <v>1092</v>
      </c>
      <c r="B45" s="325"/>
      <c r="C45" s="325"/>
      <c r="D45" s="325"/>
      <c r="E45" s="325"/>
      <c r="F45" s="325"/>
      <c r="G45" s="325"/>
      <c r="H45" s="325"/>
      <c r="I45" s="325"/>
      <c r="J45" s="325"/>
      <c r="K45" s="325"/>
      <c r="L45" s="325"/>
      <c r="M45" s="326"/>
      <c r="N45" s="68"/>
      <c r="O45" s="761"/>
      <c r="P45" s="774"/>
      <c r="Q45" s="774"/>
      <c r="R45" s="774"/>
      <c r="S45" s="774"/>
      <c r="T45" s="774"/>
      <c r="U45" s="774"/>
      <c r="V45" s="774"/>
      <c r="W45" s="774"/>
      <c r="X45" s="774"/>
      <c r="Y45" s="774"/>
      <c r="Z45" s="774"/>
      <c r="AA45" s="774"/>
      <c r="AB45" s="774"/>
      <c r="AC45" s="774"/>
      <c r="AD45" s="774"/>
      <c r="AE45" s="774"/>
      <c r="AF45" s="774"/>
      <c r="AG45" s="774"/>
      <c r="AH45" s="774"/>
      <c r="AI45" s="774"/>
      <c r="AJ45" s="774"/>
      <c r="AK45" s="774"/>
      <c r="AL45" s="775"/>
      <c r="AM45" s="5"/>
      <c r="AN45" s="766"/>
      <c r="AO45" s="767"/>
      <c r="AP45" s="767"/>
      <c r="AQ45" s="767"/>
      <c r="AR45" s="767"/>
      <c r="AS45" s="282"/>
      <c r="AT45" s="282"/>
      <c r="AU45" s="282"/>
      <c r="AV45" s="283"/>
      <c r="AW45" s="881"/>
      <c r="AX45" s="882"/>
      <c r="AY45" s="882"/>
      <c r="AZ45" s="882"/>
      <c r="BA45" s="882"/>
      <c r="BB45" s="882"/>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v>43201</v>
      </c>
      <c r="B46" s="252"/>
      <c r="C46" s="252"/>
      <c r="D46" s="252"/>
      <c r="E46" s="252"/>
      <c r="F46" s="252"/>
      <c r="G46" s="252"/>
      <c r="H46" s="252"/>
      <c r="I46" s="252"/>
      <c r="J46" s="252"/>
      <c r="K46" s="252"/>
      <c r="L46" s="252"/>
      <c r="M46" s="253"/>
      <c r="N46" s="83"/>
      <c r="O46" s="761"/>
      <c r="P46" s="774"/>
      <c r="Q46" s="774"/>
      <c r="R46" s="774"/>
      <c r="S46" s="774"/>
      <c r="T46" s="774"/>
      <c r="U46" s="774"/>
      <c r="V46" s="774"/>
      <c r="W46" s="774"/>
      <c r="X46" s="774"/>
      <c r="Y46" s="774"/>
      <c r="Z46" s="774"/>
      <c r="AA46" s="774"/>
      <c r="AB46" s="774"/>
      <c r="AC46" s="774"/>
      <c r="AD46" s="774"/>
      <c r="AE46" s="774"/>
      <c r="AF46" s="774"/>
      <c r="AG46" s="774"/>
      <c r="AH46" s="774"/>
      <c r="AI46" s="774"/>
      <c r="AJ46" s="774"/>
      <c r="AK46" s="774"/>
      <c r="AL46" s="775"/>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779" t="s">
        <v>1093</v>
      </c>
      <c r="B47" s="780"/>
      <c r="C47" s="780"/>
      <c r="D47" s="780"/>
      <c r="E47" s="780"/>
      <c r="F47" s="780"/>
      <c r="G47" s="780"/>
      <c r="H47" s="780"/>
      <c r="I47" s="780"/>
      <c r="J47" s="780"/>
      <c r="K47" s="780"/>
      <c r="L47" s="780"/>
      <c r="M47" s="781"/>
      <c r="N47" s="68"/>
      <c r="O47" s="761"/>
      <c r="P47" s="774"/>
      <c r="Q47" s="774"/>
      <c r="R47" s="774"/>
      <c r="S47" s="774"/>
      <c r="T47" s="774"/>
      <c r="U47" s="774"/>
      <c r="V47" s="774"/>
      <c r="W47" s="774"/>
      <c r="X47" s="774"/>
      <c r="Y47" s="774"/>
      <c r="Z47" s="774"/>
      <c r="AA47" s="774"/>
      <c r="AB47" s="774"/>
      <c r="AC47" s="774"/>
      <c r="AD47" s="774"/>
      <c r="AE47" s="774"/>
      <c r="AF47" s="774"/>
      <c r="AG47" s="774"/>
      <c r="AH47" s="774"/>
      <c r="AI47" s="774"/>
      <c r="AJ47" s="774"/>
      <c r="AK47" s="774"/>
      <c r="AL47" s="775"/>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v>44652</v>
      </c>
      <c r="B48" s="252"/>
      <c r="C48" s="252"/>
      <c r="D48" s="252"/>
      <c r="E48" s="252"/>
      <c r="F48" s="252"/>
      <c r="G48" s="252"/>
      <c r="H48" s="252"/>
      <c r="I48" s="252"/>
      <c r="J48" s="252"/>
      <c r="K48" s="252"/>
      <c r="L48" s="252"/>
      <c r="M48" s="253"/>
      <c r="N48" s="83"/>
      <c r="O48" s="761"/>
      <c r="P48" s="774"/>
      <c r="Q48" s="774"/>
      <c r="R48" s="774"/>
      <c r="S48" s="774"/>
      <c r="T48" s="774"/>
      <c r="U48" s="774"/>
      <c r="V48" s="774"/>
      <c r="W48" s="774"/>
      <c r="X48" s="774"/>
      <c r="Y48" s="774"/>
      <c r="Z48" s="774"/>
      <c r="AA48" s="774"/>
      <c r="AB48" s="774"/>
      <c r="AC48" s="774"/>
      <c r="AD48" s="774"/>
      <c r="AE48" s="774"/>
      <c r="AF48" s="774"/>
      <c r="AG48" s="774"/>
      <c r="AH48" s="774"/>
      <c r="AI48" s="774"/>
      <c r="AJ48" s="774"/>
      <c r="AK48" s="774"/>
      <c r="AL48" s="775"/>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779"/>
      <c r="B49" s="780"/>
      <c r="C49" s="780"/>
      <c r="D49" s="780"/>
      <c r="E49" s="780"/>
      <c r="F49" s="780"/>
      <c r="G49" s="780"/>
      <c r="H49" s="780"/>
      <c r="I49" s="780"/>
      <c r="J49" s="780"/>
      <c r="K49" s="780"/>
      <c r="L49" s="780"/>
      <c r="M49" s="781"/>
      <c r="N49" s="68"/>
      <c r="O49" s="761"/>
      <c r="P49" s="774"/>
      <c r="Q49" s="774"/>
      <c r="R49" s="774"/>
      <c r="S49" s="774"/>
      <c r="T49" s="774"/>
      <c r="U49" s="774"/>
      <c r="V49" s="774"/>
      <c r="W49" s="774"/>
      <c r="X49" s="774"/>
      <c r="Y49" s="774"/>
      <c r="Z49" s="774"/>
      <c r="AA49" s="774"/>
      <c r="AB49" s="774"/>
      <c r="AC49" s="774"/>
      <c r="AD49" s="774"/>
      <c r="AE49" s="774"/>
      <c r="AF49" s="774"/>
      <c r="AG49" s="774"/>
      <c r="AH49" s="774"/>
      <c r="AI49" s="774"/>
      <c r="AJ49" s="774"/>
      <c r="AK49" s="774"/>
      <c r="AL49" s="775"/>
      <c r="AM49" s="5"/>
      <c r="AN49" s="223">
        <v>46314.741999999998</v>
      </c>
      <c r="AO49" s="224"/>
      <c r="AP49" s="224"/>
      <c r="AQ49" s="224"/>
      <c r="AR49" s="224"/>
      <c r="AS49" s="224"/>
      <c r="AT49" s="225"/>
      <c r="AU49" s="229">
        <v>0.93200000000000005</v>
      </c>
      <c r="AV49" s="230"/>
      <c r="AW49" s="230"/>
      <c r="AX49" s="230"/>
      <c r="AY49" s="231"/>
      <c r="AZ49" s="210">
        <v>10.1</v>
      </c>
      <c r="BA49" s="211"/>
      <c r="BB49" s="211"/>
      <c r="BC49" s="211"/>
      <c r="BD49" s="212"/>
      <c r="BE49" s="210">
        <v>4.3</v>
      </c>
      <c r="BF49" s="211"/>
      <c r="BG49" s="211"/>
      <c r="BH49" s="211"/>
      <c r="BI49" s="212"/>
      <c r="BJ49" s="210">
        <v>39.799999999999997</v>
      </c>
      <c r="BK49" s="211"/>
      <c r="BL49" s="211"/>
      <c r="BM49" s="211"/>
      <c r="BN49" s="212"/>
      <c r="BO49" s="210">
        <v>4.9000000000000004</v>
      </c>
      <c r="BP49" s="211"/>
      <c r="BQ49" s="211"/>
      <c r="BR49" s="211"/>
      <c r="BS49" s="212"/>
      <c r="BT49" s="210">
        <v>99.3</v>
      </c>
      <c r="BU49" s="211"/>
      <c r="BV49" s="211"/>
      <c r="BW49" s="211"/>
      <c r="BX49" s="212"/>
      <c r="BY49" s="210">
        <v>13</v>
      </c>
      <c r="BZ49" s="211"/>
      <c r="CA49" s="211"/>
      <c r="CB49" s="211"/>
      <c r="CC49" s="212"/>
      <c r="CD49" s="210">
        <v>57.4</v>
      </c>
      <c r="CE49" s="211"/>
      <c r="CF49" s="211"/>
      <c r="CG49" s="211"/>
      <c r="CH49" s="212"/>
      <c r="CI49" s="210">
        <v>53</v>
      </c>
      <c r="CJ49" s="211"/>
      <c r="CK49" s="211"/>
      <c r="CL49" s="211"/>
      <c r="CM49" s="212"/>
    </row>
    <row r="50" spans="1:91" ht="17.25" customHeight="1" x14ac:dyDescent="0.15">
      <c r="A50" s="746"/>
      <c r="B50" s="747"/>
      <c r="C50" s="747"/>
      <c r="D50" s="747"/>
      <c r="E50" s="747"/>
      <c r="F50" s="747"/>
      <c r="G50" s="747"/>
      <c r="H50" s="747"/>
      <c r="I50" s="747"/>
      <c r="J50" s="747"/>
      <c r="K50" s="747"/>
      <c r="L50" s="747"/>
      <c r="M50" s="748"/>
      <c r="N50" s="68"/>
      <c r="O50" s="758"/>
      <c r="P50" s="1136"/>
      <c r="Q50" s="1136"/>
      <c r="R50" s="1136"/>
      <c r="S50" s="1136"/>
      <c r="T50" s="1136"/>
      <c r="U50" s="1136"/>
      <c r="V50" s="1136"/>
      <c r="W50" s="1136"/>
      <c r="X50" s="1136"/>
      <c r="Y50" s="1136"/>
      <c r="Z50" s="1136"/>
      <c r="AA50" s="1136"/>
      <c r="AB50" s="1136"/>
      <c r="AC50" s="1136"/>
      <c r="AD50" s="1136"/>
      <c r="AE50" s="1136"/>
      <c r="AF50" s="1136"/>
      <c r="AG50" s="1136"/>
      <c r="AH50" s="1136"/>
      <c r="AI50" s="1136"/>
      <c r="AJ50" s="1136"/>
      <c r="AK50" s="1136"/>
      <c r="AL50" s="1137"/>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sheetData>
  <sheetProtection formatCells="0" selectLockedCells="1"/>
  <mergeCells count="193">
    <mergeCell ref="AN1:CM1"/>
    <mergeCell ref="AN2:CM9"/>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10:CM10"/>
    <mergeCell ref="A11:D11"/>
    <mergeCell ref="E11:AL11"/>
    <mergeCell ref="AN11:AS12"/>
    <mergeCell ref="AT11:CM12"/>
    <mergeCell ref="A12:E13"/>
    <mergeCell ref="F12:M12"/>
    <mergeCell ref="N12:N27"/>
    <mergeCell ref="AN13:AS14"/>
    <mergeCell ref="AT13:CM14"/>
    <mergeCell ref="A14:E14"/>
    <mergeCell ref="Q14:T14"/>
    <mergeCell ref="U14:X14"/>
    <mergeCell ref="Y14:AL15"/>
    <mergeCell ref="A15:E15"/>
    <mergeCell ref="F15:M15"/>
    <mergeCell ref="Q15:T15"/>
    <mergeCell ref="U15:X15"/>
    <mergeCell ref="O12:P21"/>
    <mergeCell ref="Q12:T12"/>
    <mergeCell ref="U12:X12"/>
    <mergeCell ref="Y12:AL12"/>
    <mergeCell ref="F13:M14"/>
    <mergeCell ref="Q13:T13"/>
    <mergeCell ref="U13:X13"/>
    <mergeCell ref="Y13:AL13"/>
    <mergeCell ref="F20:M21"/>
    <mergeCell ref="Q20:T20"/>
    <mergeCell ref="AN15:AS16"/>
    <mergeCell ref="AT15:CM16"/>
    <mergeCell ref="A16:E21"/>
    <mergeCell ref="F16:M16"/>
    <mergeCell ref="Q16:T16"/>
    <mergeCell ref="U16:X16"/>
    <mergeCell ref="Y16:AL17"/>
    <mergeCell ref="F17:M18"/>
    <mergeCell ref="Q17:T17"/>
    <mergeCell ref="U17:X17"/>
    <mergeCell ref="A22:E24"/>
    <mergeCell ref="F22:M22"/>
    <mergeCell ref="O22:P23"/>
    <mergeCell ref="Q22:AL22"/>
    <mergeCell ref="AN17:AS19"/>
    <mergeCell ref="AT17:CM19"/>
    <mergeCell ref="Q18:T18"/>
    <mergeCell ref="U18:X18"/>
    <mergeCell ref="Y18:AL18"/>
    <mergeCell ref="F19:M19"/>
    <mergeCell ref="Q19:T19"/>
    <mergeCell ref="U19:AL19"/>
    <mergeCell ref="F23:M24"/>
    <mergeCell ref="Q23:AL23"/>
    <mergeCell ref="O24:P25"/>
    <mergeCell ref="Q24:AL24"/>
    <mergeCell ref="U20:X20"/>
    <mergeCell ref="Y20:AL20"/>
    <mergeCell ref="AN20:CM20"/>
    <mergeCell ref="Q21:AL21"/>
    <mergeCell ref="A25:E27"/>
    <mergeCell ref="F25:M25"/>
    <mergeCell ref="Q25:AL25"/>
    <mergeCell ref="F26:M27"/>
    <mergeCell ref="O26:P27"/>
    <mergeCell ref="Q26:AL26"/>
    <mergeCell ref="AN26:CM26"/>
    <mergeCell ref="Q27:AL27"/>
    <mergeCell ref="AO27:BP27"/>
    <mergeCell ref="AO32:BP32"/>
    <mergeCell ref="A33:M33"/>
    <mergeCell ref="O33:AL33"/>
    <mergeCell ref="AO33:BP33"/>
    <mergeCell ref="BR33:BX34"/>
    <mergeCell ref="BY33:CG34"/>
    <mergeCell ref="A28:AL28"/>
    <mergeCell ref="A29:AL32"/>
    <mergeCell ref="BY30:CI30"/>
    <mergeCell ref="BR31:BX32"/>
    <mergeCell ref="BY31:CG32"/>
    <mergeCell ref="CH31:CM32"/>
    <mergeCell ref="AO28:BP29"/>
    <mergeCell ref="AO30:BP31"/>
    <mergeCell ref="O34:AL34"/>
    <mergeCell ref="A36:M36"/>
    <mergeCell ref="A37:M37"/>
    <mergeCell ref="AN37:AV38"/>
    <mergeCell ref="AW37:BF38"/>
    <mergeCell ref="BG37:BP38"/>
    <mergeCell ref="BR37:BX38"/>
    <mergeCell ref="CH33:CM34"/>
    <mergeCell ref="A34:M34"/>
    <mergeCell ref="AN34:BO34"/>
    <mergeCell ref="A35:M35"/>
    <mergeCell ref="AN35:AV36"/>
    <mergeCell ref="AW35:BF36"/>
    <mergeCell ref="BG35:BP36"/>
    <mergeCell ref="BR35:BX36"/>
    <mergeCell ref="BY35:CG36"/>
    <mergeCell ref="CH35:CM36"/>
    <mergeCell ref="O37:AL37"/>
    <mergeCell ref="O35:AL35"/>
    <mergeCell ref="O36:AL36"/>
    <mergeCell ref="BR42:CB43"/>
    <mergeCell ref="CC42:CM43"/>
    <mergeCell ref="BY39:CG40"/>
    <mergeCell ref="CH39:CM40"/>
    <mergeCell ref="A40:M40"/>
    <mergeCell ref="A41:M41"/>
    <mergeCell ref="AU41:BE41"/>
    <mergeCell ref="BR41:CM41"/>
    <mergeCell ref="BY37:CG38"/>
    <mergeCell ref="CH37:CM38"/>
    <mergeCell ref="A38:M38"/>
    <mergeCell ref="O38:AL38"/>
    <mergeCell ref="A39:M39"/>
    <mergeCell ref="O39:AL39"/>
    <mergeCell ref="AN39:AV40"/>
    <mergeCell ref="AW39:BF40"/>
    <mergeCell ref="BG39:BP40"/>
    <mergeCell ref="BR39:BX40"/>
    <mergeCell ref="O40:AL40"/>
    <mergeCell ref="O41:AL41"/>
    <mergeCell ref="A43:M43"/>
    <mergeCell ref="BC44:BF45"/>
    <mergeCell ref="A42:M42"/>
    <mergeCell ref="AN42:AV43"/>
    <mergeCell ref="AW42:BF43"/>
    <mergeCell ref="BG42:BP43"/>
    <mergeCell ref="A45:M45"/>
    <mergeCell ref="A44:M44"/>
    <mergeCell ref="O42:AL42"/>
    <mergeCell ref="O43:AL43"/>
    <mergeCell ref="O44:AL44"/>
    <mergeCell ref="O45:AL45"/>
    <mergeCell ref="A46:M46"/>
    <mergeCell ref="AN46:AV46"/>
    <mergeCell ref="AW46:BD46"/>
    <mergeCell ref="BG44:BL45"/>
    <mergeCell ref="BM44:BP45"/>
    <mergeCell ref="BR44:BX45"/>
    <mergeCell ref="CD46:CM46"/>
    <mergeCell ref="A47:M47"/>
    <mergeCell ref="AN47:AT48"/>
    <mergeCell ref="AU47:AY48"/>
    <mergeCell ref="AZ47:BD48"/>
    <mergeCell ref="BE47:BI48"/>
    <mergeCell ref="BJ47:BN48"/>
    <mergeCell ref="BO47:BS48"/>
    <mergeCell ref="BT47:BX48"/>
    <mergeCell ref="BY44:CB45"/>
    <mergeCell ref="CC44:CI45"/>
    <mergeCell ref="CJ44:CM45"/>
    <mergeCell ref="O46:AL46"/>
    <mergeCell ref="O47:AL47"/>
    <mergeCell ref="O48:AL48"/>
    <mergeCell ref="AN44:AR45"/>
    <mergeCell ref="AS44:AV45"/>
    <mergeCell ref="AW44:BB45"/>
    <mergeCell ref="CI49:CM50"/>
    <mergeCell ref="A50:M50"/>
    <mergeCell ref="BE49:BI50"/>
    <mergeCell ref="BJ49:BN50"/>
    <mergeCell ref="BO49:BS50"/>
    <mergeCell ref="BT49:BX50"/>
    <mergeCell ref="BY49:CC50"/>
    <mergeCell ref="CD49:CH50"/>
    <mergeCell ref="BY47:CC48"/>
    <mergeCell ref="CD47:CH48"/>
    <mergeCell ref="CI47:CM48"/>
    <mergeCell ref="A48:M48"/>
    <mergeCell ref="A49:M49"/>
    <mergeCell ref="AN49:AT50"/>
    <mergeCell ref="AU49:AY50"/>
    <mergeCell ref="AZ49:BD50"/>
    <mergeCell ref="O49:AL49"/>
    <mergeCell ref="O50:AL50"/>
  </mergeCells>
  <phoneticPr fontId="3"/>
  <hyperlinks>
    <hyperlink ref="E11:AL11" r:id="rId1" display="http://www.city.yamato.lg.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4―</oddFooter>
  </headerFooter>
  <drawing r:id="rId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147</v>
      </c>
      <c r="B1" s="644" ph="1"/>
      <c r="C1" s="644" ph="1"/>
      <c r="D1" s="644" ph="1"/>
      <c r="E1" s="644" ph="1"/>
      <c r="F1" s="644" ph="1"/>
      <c r="G1" s="644" ph="1"/>
      <c r="H1" s="644" ph="1"/>
      <c r="I1" s="645"/>
      <c r="J1" s="645"/>
      <c r="K1" s="645"/>
      <c r="L1" s="645"/>
      <c r="M1" s="645"/>
      <c r="N1" s="454" t="s">
        <v>919</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1153" t="s">
        <v>920</v>
      </c>
      <c r="AO2" s="1153"/>
      <c r="AP2" s="1153"/>
      <c r="AQ2" s="1153"/>
      <c r="AR2" s="1153"/>
      <c r="AS2" s="1153"/>
      <c r="AT2" s="1153"/>
      <c r="AU2" s="1153"/>
      <c r="AV2" s="1153"/>
      <c r="AW2" s="1153"/>
      <c r="AX2" s="1153"/>
      <c r="AY2" s="1153"/>
      <c r="AZ2" s="1153"/>
      <c r="BA2" s="1153"/>
      <c r="BB2" s="1153"/>
      <c r="BC2" s="1153"/>
      <c r="BD2" s="1153"/>
      <c r="BE2" s="1153"/>
      <c r="BF2" s="1153"/>
      <c r="BG2" s="1153"/>
      <c r="BH2" s="1153"/>
      <c r="BI2" s="1153"/>
      <c r="BJ2" s="1153"/>
      <c r="BK2" s="1153"/>
      <c r="BL2" s="1153"/>
      <c r="BM2" s="1153"/>
      <c r="BN2" s="1153"/>
      <c r="BO2" s="1153"/>
      <c r="BP2" s="1153"/>
      <c r="BQ2" s="1153"/>
      <c r="BR2" s="1153"/>
      <c r="BS2" s="1153"/>
      <c r="BT2" s="1153"/>
      <c r="BU2" s="1153"/>
      <c r="BV2" s="1153"/>
      <c r="BW2" s="1153"/>
      <c r="BX2" s="1153"/>
      <c r="BY2" s="1153"/>
      <c r="BZ2" s="1153"/>
      <c r="CA2" s="1153"/>
      <c r="CB2" s="1153"/>
      <c r="CC2" s="1153"/>
      <c r="CD2" s="1153"/>
      <c r="CE2" s="1153"/>
      <c r="CF2" s="1153"/>
      <c r="CG2" s="1153"/>
      <c r="CH2" s="1153"/>
      <c r="CI2" s="1153"/>
      <c r="CJ2" s="1153"/>
      <c r="CK2" s="1153"/>
      <c r="CL2" s="1153"/>
      <c r="CM2" s="1153"/>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1153"/>
      <c r="AO3" s="1153"/>
      <c r="AP3" s="1153"/>
      <c r="AQ3" s="1153"/>
      <c r="AR3" s="1153"/>
      <c r="AS3" s="1153"/>
      <c r="AT3" s="1153"/>
      <c r="AU3" s="1153"/>
      <c r="AV3" s="1153"/>
      <c r="AW3" s="1153"/>
      <c r="AX3" s="1153"/>
      <c r="AY3" s="1153"/>
      <c r="AZ3" s="1153"/>
      <c r="BA3" s="1153"/>
      <c r="BB3" s="1153"/>
      <c r="BC3" s="1153"/>
      <c r="BD3" s="1153"/>
      <c r="BE3" s="1153"/>
      <c r="BF3" s="1153"/>
      <c r="BG3" s="1153"/>
      <c r="BH3" s="1153"/>
      <c r="BI3" s="1153"/>
      <c r="BJ3" s="1153"/>
      <c r="BK3" s="1153"/>
      <c r="BL3" s="1153"/>
      <c r="BM3" s="1153"/>
      <c r="BN3" s="1153"/>
      <c r="BO3" s="1153"/>
      <c r="BP3" s="1153"/>
      <c r="BQ3" s="1153"/>
      <c r="BR3" s="1153"/>
      <c r="BS3" s="1153"/>
      <c r="BT3" s="1153"/>
      <c r="BU3" s="1153"/>
      <c r="BV3" s="1153"/>
      <c r="BW3" s="1153"/>
      <c r="BX3" s="1153"/>
      <c r="BY3" s="1153"/>
      <c r="BZ3" s="1153"/>
      <c r="CA3" s="1153"/>
      <c r="CB3" s="1153"/>
      <c r="CC3" s="1153"/>
      <c r="CD3" s="1153"/>
      <c r="CE3" s="1153"/>
      <c r="CF3" s="1153"/>
      <c r="CG3" s="1153"/>
      <c r="CH3" s="1153"/>
      <c r="CI3" s="1153"/>
      <c r="CJ3" s="1153"/>
      <c r="CK3" s="1153"/>
      <c r="CL3" s="1153"/>
      <c r="CM3" s="1153"/>
      <c r="CQ3" s="3" ph="1"/>
    </row>
    <row r="4" spans="1:100" ht="17.25" customHeight="1" x14ac:dyDescent="0.15">
      <c r="A4" s="641" t="s">
        <v>236</v>
      </c>
      <c r="B4" s="641"/>
      <c r="C4" s="641"/>
      <c r="D4" s="641"/>
      <c r="E4" s="458">
        <v>142140</v>
      </c>
      <c r="F4" s="458"/>
      <c r="G4" s="458"/>
      <c r="H4" s="458"/>
      <c r="I4" s="647"/>
      <c r="J4" s="647"/>
      <c r="K4" s="647"/>
      <c r="L4" s="647"/>
      <c r="M4" s="647"/>
      <c r="N4" s="459" t="s">
        <v>136</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1153"/>
      <c r="AO4" s="1153"/>
      <c r="AP4" s="1153"/>
      <c r="AQ4" s="1153"/>
      <c r="AR4" s="1153"/>
      <c r="AS4" s="1153"/>
      <c r="AT4" s="1153"/>
      <c r="AU4" s="1153"/>
      <c r="AV4" s="1153"/>
      <c r="AW4" s="1153"/>
      <c r="AX4" s="1153"/>
      <c r="AY4" s="1153"/>
      <c r="AZ4" s="1153"/>
      <c r="BA4" s="1153"/>
      <c r="BB4" s="1153"/>
      <c r="BC4" s="1153"/>
      <c r="BD4" s="1153"/>
      <c r="BE4" s="1153"/>
      <c r="BF4" s="1153"/>
      <c r="BG4" s="1153"/>
      <c r="BH4" s="1153"/>
      <c r="BI4" s="1153"/>
      <c r="BJ4" s="1153"/>
      <c r="BK4" s="1153"/>
      <c r="BL4" s="1153"/>
      <c r="BM4" s="1153"/>
      <c r="BN4" s="1153"/>
      <c r="BO4" s="1153"/>
      <c r="BP4" s="1153"/>
      <c r="BQ4" s="1153"/>
      <c r="BR4" s="1153"/>
      <c r="BS4" s="1153"/>
      <c r="BT4" s="1153"/>
      <c r="BU4" s="1153"/>
      <c r="BV4" s="1153"/>
      <c r="BW4" s="1153"/>
      <c r="BX4" s="1153"/>
      <c r="BY4" s="1153"/>
      <c r="BZ4" s="1153"/>
      <c r="CA4" s="1153"/>
      <c r="CB4" s="1153"/>
      <c r="CC4" s="1153"/>
      <c r="CD4" s="1153"/>
      <c r="CE4" s="1153"/>
      <c r="CF4" s="1153"/>
      <c r="CG4" s="1153"/>
      <c r="CH4" s="1153"/>
      <c r="CI4" s="1153"/>
      <c r="CJ4" s="1153"/>
      <c r="CK4" s="1153"/>
      <c r="CL4" s="1153"/>
      <c r="CM4" s="1153"/>
    </row>
    <row r="5" spans="1:100" ht="17.25" customHeight="1" x14ac:dyDescent="0.15">
      <c r="A5" s="428" t="s">
        <v>831</v>
      </c>
      <c r="B5" s="428"/>
      <c r="C5" s="428"/>
      <c r="D5" s="428"/>
      <c r="E5" s="428"/>
      <c r="F5" s="428"/>
      <c r="G5" s="428"/>
      <c r="H5" s="428"/>
      <c r="I5" s="460" t="s">
        <v>1169</v>
      </c>
      <c r="J5" s="1124"/>
      <c r="K5" s="1124"/>
      <c r="L5" s="1124"/>
      <c r="M5" s="1124"/>
      <c r="N5" s="1124"/>
      <c r="O5" s="1124"/>
      <c r="P5" s="1124"/>
      <c r="Q5" s="1124"/>
      <c r="R5" s="1124"/>
      <c r="S5" s="1124"/>
      <c r="T5" s="1124"/>
      <c r="U5" s="1124"/>
      <c r="V5" s="1124"/>
      <c r="W5" s="1124"/>
      <c r="X5" s="1124"/>
      <c r="Y5" s="1124"/>
      <c r="Z5" s="1124"/>
      <c r="AA5" s="1124"/>
      <c r="AB5" s="1124"/>
      <c r="AC5" s="1124"/>
      <c r="AD5" s="1124"/>
      <c r="AE5" s="1124"/>
      <c r="AF5" s="1124"/>
      <c r="AG5" s="1124"/>
      <c r="AH5" s="1124"/>
      <c r="AI5" s="1124"/>
      <c r="AJ5" s="1124"/>
      <c r="AK5" s="1124"/>
      <c r="AL5" s="1125"/>
      <c r="AM5" s="5"/>
      <c r="AN5" s="1153"/>
      <c r="AO5" s="1153"/>
      <c r="AP5" s="1153"/>
      <c r="AQ5" s="1153"/>
      <c r="AR5" s="1153"/>
      <c r="AS5" s="1153"/>
      <c r="AT5" s="1153"/>
      <c r="AU5" s="1153"/>
      <c r="AV5" s="1153"/>
      <c r="AW5" s="1153"/>
      <c r="AX5" s="1153"/>
      <c r="AY5" s="1153"/>
      <c r="AZ5" s="1153"/>
      <c r="BA5" s="1153"/>
      <c r="BB5" s="1153"/>
      <c r="BC5" s="1153"/>
      <c r="BD5" s="1153"/>
      <c r="BE5" s="1153"/>
      <c r="BF5" s="1153"/>
      <c r="BG5" s="1153"/>
      <c r="BH5" s="1153"/>
      <c r="BI5" s="1153"/>
      <c r="BJ5" s="1153"/>
      <c r="BK5" s="1153"/>
      <c r="BL5" s="1153"/>
      <c r="BM5" s="1153"/>
      <c r="BN5" s="1153"/>
      <c r="BO5" s="1153"/>
      <c r="BP5" s="1153"/>
      <c r="BQ5" s="1153"/>
      <c r="BR5" s="1153"/>
      <c r="BS5" s="1153"/>
      <c r="BT5" s="1153"/>
      <c r="BU5" s="1153"/>
      <c r="BV5" s="1153"/>
      <c r="BW5" s="1153"/>
      <c r="BX5" s="1153"/>
      <c r="BY5" s="1153"/>
      <c r="BZ5" s="1153"/>
      <c r="CA5" s="1153"/>
      <c r="CB5" s="1153"/>
      <c r="CC5" s="1153"/>
      <c r="CD5" s="1153"/>
      <c r="CE5" s="1153"/>
      <c r="CF5" s="1153"/>
      <c r="CG5" s="1153"/>
      <c r="CH5" s="1153"/>
      <c r="CI5" s="1153"/>
      <c r="CJ5" s="1153"/>
      <c r="CK5" s="1153"/>
      <c r="CL5" s="1153"/>
      <c r="CM5" s="1153"/>
    </row>
    <row r="6" spans="1:100" ht="17.25" customHeight="1" x14ac:dyDescent="0.15">
      <c r="A6" s="428"/>
      <c r="B6" s="428"/>
      <c r="C6" s="428"/>
      <c r="D6" s="428"/>
      <c r="E6" s="428"/>
      <c r="F6" s="428"/>
      <c r="G6" s="428"/>
      <c r="H6" s="428"/>
      <c r="I6" s="1126"/>
      <c r="J6" s="1127"/>
      <c r="K6" s="1127"/>
      <c r="L6" s="1127"/>
      <c r="M6" s="1127"/>
      <c r="N6" s="1127"/>
      <c r="O6" s="1127"/>
      <c r="P6" s="1127"/>
      <c r="Q6" s="1127"/>
      <c r="R6" s="1127"/>
      <c r="S6" s="1127"/>
      <c r="T6" s="1127"/>
      <c r="U6" s="1127"/>
      <c r="V6" s="1127"/>
      <c r="W6" s="1127"/>
      <c r="X6" s="1127"/>
      <c r="Y6" s="1127"/>
      <c r="Z6" s="1127"/>
      <c r="AA6" s="1127"/>
      <c r="AB6" s="1127"/>
      <c r="AC6" s="1127"/>
      <c r="AD6" s="1127"/>
      <c r="AE6" s="1127"/>
      <c r="AF6" s="1127"/>
      <c r="AG6" s="1127"/>
      <c r="AH6" s="1127"/>
      <c r="AI6" s="1127"/>
      <c r="AJ6" s="1127"/>
      <c r="AK6" s="1127"/>
      <c r="AL6" s="1128"/>
      <c r="AM6" s="5"/>
      <c r="AN6" s="1153"/>
      <c r="AO6" s="1153"/>
      <c r="AP6" s="1153"/>
      <c r="AQ6" s="1153"/>
      <c r="AR6" s="1153"/>
      <c r="AS6" s="1153"/>
      <c r="AT6" s="1153"/>
      <c r="AU6" s="1153"/>
      <c r="AV6" s="1153"/>
      <c r="AW6" s="1153"/>
      <c r="AX6" s="1153"/>
      <c r="AY6" s="1153"/>
      <c r="AZ6" s="1153"/>
      <c r="BA6" s="1153"/>
      <c r="BB6" s="1153"/>
      <c r="BC6" s="1153"/>
      <c r="BD6" s="1153"/>
      <c r="BE6" s="1153"/>
      <c r="BF6" s="1153"/>
      <c r="BG6" s="1153"/>
      <c r="BH6" s="1153"/>
      <c r="BI6" s="1153"/>
      <c r="BJ6" s="1153"/>
      <c r="BK6" s="1153"/>
      <c r="BL6" s="1153"/>
      <c r="BM6" s="1153"/>
      <c r="BN6" s="1153"/>
      <c r="BO6" s="1153"/>
      <c r="BP6" s="1153"/>
      <c r="BQ6" s="1153"/>
      <c r="BR6" s="1153"/>
      <c r="BS6" s="1153"/>
      <c r="BT6" s="1153"/>
      <c r="BU6" s="1153"/>
      <c r="BV6" s="1153"/>
      <c r="BW6" s="1153"/>
      <c r="BX6" s="1153"/>
      <c r="BY6" s="1153"/>
      <c r="BZ6" s="1153"/>
      <c r="CA6" s="1153"/>
      <c r="CB6" s="1153"/>
      <c r="CC6" s="1153"/>
      <c r="CD6" s="1153"/>
      <c r="CE6" s="1153"/>
      <c r="CF6" s="1153"/>
      <c r="CG6" s="1153"/>
      <c r="CH6" s="1153"/>
      <c r="CI6" s="1153"/>
      <c r="CJ6" s="1153"/>
      <c r="CK6" s="1153"/>
      <c r="CL6" s="1153"/>
      <c r="CM6" s="1153"/>
    </row>
    <row r="7" spans="1:100" ht="17.25" customHeight="1" x14ac:dyDescent="0.15">
      <c r="A7" s="405" t="s">
        <v>238</v>
      </c>
      <c r="B7" s="406"/>
      <c r="C7" s="406"/>
      <c r="D7" s="407"/>
      <c r="E7" s="65" t="s">
        <v>0</v>
      </c>
      <c r="F7" s="492" t="s">
        <v>137</v>
      </c>
      <c r="G7" s="492"/>
      <c r="H7" s="492"/>
      <c r="I7" s="492"/>
      <c r="J7" s="492"/>
      <c r="K7" s="492"/>
      <c r="L7" s="493"/>
      <c r="M7" s="642"/>
      <c r="N7" s="642"/>
      <c r="O7" s="642"/>
      <c r="P7" s="642"/>
      <c r="Q7" s="642"/>
      <c r="R7" s="642"/>
      <c r="S7" s="642"/>
      <c r="T7" s="642"/>
      <c r="U7" s="642"/>
      <c r="V7" s="642"/>
      <c r="W7" s="642"/>
      <c r="X7" s="642"/>
      <c r="Y7" s="643"/>
      <c r="Z7" s="332" t="s">
        <v>239</v>
      </c>
      <c r="AA7" s="332"/>
      <c r="AB7" s="332"/>
      <c r="AC7" s="431" t="s">
        <v>138</v>
      </c>
      <c r="AD7" s="431"/>
      <c r="AE7" s="431"/>
      <c r="AF7" s="431"/>
      <c r="AG7" s="431"/>
      <c r="AH7" s="431"/>
      <c r="AI7" s="431"/>
      <c r="AJ7" s="431"/>
      <c r="AK7" s="431"/>
      <c r="AL7" s="431"/>
      <c r="AM7" s="5"/>
      <c r="AN7" s="1153"/>
      <c r="AO7" s="1153"/>
      <c r="AP7" s="1153"/>
      <c r="AQ7" s="1153"/>
      <c r="AR7" s="1153"/>
      <c r="AS7" s="1153"/>
      <c r="AT7" s="1153"/>
      <c r="AU7" s="1153"/>
      <c r="AV7" s="1153"/>
      <c r="AW7" s="1153"/>
      <c r="AX7" s="1153"/>
      <c r="AY7" s="1153"/>
      <c r="AZ7" s="1153"/>
      <c r="BA7" s="1153"/>
      <c r="BB7" s="1153"/>
      <c r="BC7" s="1153"/>
      <c r="BD7" s="1153"/>
      <c r="BE7" s="1153"/>
      <c r="BF7" s="1153"/>
      <c r="BG7" s="1153"/>
      <c r="BH7" s="1153"/>
      <c r="BI7" s="1153"/>
      <c r="BJ7" s="1153"/>
      <c r="BK7" s="1153"/>
      <c r="BL7" s="1153"/>
      <c r="BM7" s="1153"/>
      <c r="BN7" s="1153"/>
      <c r="BO7" s="1153"/>
      <c r="BP7" s="1153"/>
      <c r="BQ7" s="1153"/>
      <c r="BR7" s="1153"/>
      <c r="BS7" s="1153"/>
      <c r="BT7" s="1153"/>
      <c r="BU7" s="1153"/>
      <c r="BV7" s="1153"/>
      <c r="BW7" s="1153"/>
      <c r="BX7" s="1153"/>
      <c r="BY7" s="1153"/>
      <c r="BZ7" s="1153"/>
      <c r="CA7" s="1153"/>
      <c r="CB7" s="1153"/>
      <c r="CC7" s="1153"/>
      <c r="CD7" s="1153"/>
      <c r="CE7" s="1153"/>
      <c r="CF7" s="1153"/>
      <c r="CG7" s="1153"/>
      <c r="CH7" s="1153"/>
      <c r="CI7" s="1153"/>
      <c r="CJ7" s="1153"/>
      <c r="CK7" s="1153"/>
      <c r="CL7" s="1153"/>
      <c r="CM7" s="1153"/>
    </row>
    <row r="8" spans="1:100" ht="17.25" customHeight="1" x14ac:dyDescent="0.15">
      <c r="A8" s="405"/>
      <c r="B8" s="406"/>
      <c r="C8" s="406"/>
      <c r="D8" s="407"/>
      <c r="E8" s="433" t="s">
        <v>139</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1153"/>
      <c r="AO8" s="1153"/>
      <c r="AP8" s="1153"/>
      <c r="AQ8" s="1153"/>
      <c r="AR8" s="1153"/>
      <c r="AS8" s="1153"/>
      <c r="AT8" s="1153"/>
      <c r="AU8" s="1153"/>
      <c r="AV8" s="1153"/>
      <c r="AW8" s="1153"/>
      <c r="AX8" s="1153"/>
      <c r="AY8" s="1153"/>
      <c r="AZ8" s="1153"/>
      <c r="BA8" s="1153"/>
      <c r="BB8" s="1153"/>
      <c r="BC8" s="1153"/>
      <c r="BD8" s="1153"/>
      <c r="BE8" s="1153"/>
      <c r="BF8" s="1153"/>
      <c r="BG8" s="1153"/>
      <c r="BH8" s="1153"/>
      <c r="BI8" s="1153"/>
      <c r="BJ8" s="1153"/>
      <c r="BK8" s="1153"/>
      <c r="BL8" s="1153"/>
      <c r="BM8" s="1153"/>
      <c r="BN8" s="1153"/>
      <c r="BO8" s="1153"/>
      <c r="BP8" s="1153"/>
      <c r="BQ8" s="1153"/>
      <c r="BR8" s="1153"/>
      <c r="BS8" s="1153"/>
      <c r="BT8" s="1153"/>
      <c r="BU8" s="1153"/>
      <c r="BV8" s="1153"/>
      <c r="BW8" s="1153"/>
      <c r="BX8" s="1153"/>
      <c r="BY8" s="1153"/>
      <c r="BZ8" s="1153"/>
      <c r="CA8" s="1153"/>
      <c r="CB8" s="1153"/>
      <c r="CC8" s="1153"/>
      <c r="CD8" s="1153"/>
      <c r="CE8" s="1153"/>
      <c r="CF8" s="1153"/>
      <c r="CG8" s="1153"/>
      <c r="CH8" s="1153"/>
      <c r="CI8" s="1153"/>
      <c r="CJ8" s="1153"/>
      <c r="CK8" s="1153"/>
      <c r="CL8" s="1153"/>
      <c r="CM8" s="1153"/>
    </row>
    <row r="9" spans="1:100" ht="17.25" customHeight="1" x14ac:dyDescent="0.15">
      <c r="A9" s="405" t="s">
        <v>240</v>
      </c>
      <c r="B9" s="406"/>
      <c r="C9" s="406"/>
      <c r="D9" s="407"/>
      <c r="E9" s="445" t="s">
        <v>140</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388" t="s">
        <v>245</v>
      </c>
      <c r="AO9" s="388"/>
      <c r="AP9" s="389"/>
      <c r="AQ9" s="389"/>
      <c r="AR9" s="389"/>
      <c r="AS9" s="389"/>
      <c r="AT9" s="389"/>
      <c r="AU9" s="389"/>
      <c r="AV9" s="389"/>
      <c r="AW9" s="389"/>
      <c r="AX9" s="389"/>
      <c r="AY9" s="389"/>
      <c r="AZ9" s="389"/>
      <c r="BA9" s="389"/>
      <c r="BB9" s="389"/>
      <c r="BC9" s="389"/>
      <c r="BD9" s="389"/>
      <c r="BE9" s="389"/>
      <c r="BF9" s="389"/>
      <c r="BG9" s="389"/>
      <c r="BH9" s="389"/>
      <c r="BI9" s="389"/>
      <c r="BJ9" s="389"/>
      <c r="BK9" s="389"/>
      <c r="BL9" s="389"/>
      <c r="BM9" s="389"/>
      <c r="BN9" s="389"/>
      <c r="BO9" s="389"/>
      <c r="BP9" s="389"/>
      <c r="BQ9" s="389"/>
      <c r="BR9" s="389"/>
      <c r="BS9" s="389"/>
      <c r="BT9" s="389"/>
      <c r="BU9" s="389"/>
      <c r="BV9" s="389"/>
      <c r="BW9" s="389"/>
      <c r="BX9" s="389"/>
      <c r="BY9" s="389"/>
      <c r="BZ9" s="389"/>
      <c r="CA9" s="389"/>
      <c r="CB9" s="389"/>
      <c r="CC9" s="389"/>
      <c r="CD9" s="389"/>
      <c r="CE9" s="389"/>
      <c r="CF9" s="389"/>
      <c r="CG9" s="389"/>
      <c r="CH9" s="389"/>
      <c r="CI9" s="389"/>
      <c r="CJ9" s="389"/>
      <c r="CK9" s="389"/>
      <c r="CL9" s="389"/>
      <c r="CM9" s="389"/>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287" t="s">
        <v>219</v>
      </c>
      <c r="AO10" s="287"/>
      <c r="AP10" s="287"/>
      <c r="AQ10" s="287"/>
      <c r="AR10" s="287"/>
      <c r="AS10" s="287"/>
      <c r="AT10" s="856" t="s">
        <v>432</v>
      </c>
      <c r="AU10" s="856"/>
      <c r="AV10" s="856"/>
      <c r="AW10" s="856"/>
      <c r="AX10" s="856"/>
      <c r="AY10" s="856"/>
      <c r="AZ10" s="856"/>
      <c r="BA10" s="856"/>
      <c r="BB10" s="856"/>
      <c r="BC10" s="856"/>
      <c r="BD10" s="856"/>
      <c r="BE10" s="856"/>
      <c r="BF10" s="856"/>
      <c r="BG10" s="856"/>
      <c r="BH10" s="856"/>
      <c r="BI10" s="856"/>
      <c r="BJ10" s="856"/>
      <c r="BK10" s="856"/>
      <c r="BL10" s="856"/>
      <c r="BM10" s="856"/>
      <c r="BN10" s="856"/>
      <c r="BO10" s="856"/>
      <c r="BP10" s="856"/>
      <c r="BQ10" s="856"/>
      <c r="BR10" s="856"/>
      <c r="BS10" s="856"/>
      <c r="BT10" s="856"/>
      <c r="BU10" s="856"/>
      <c r="BV10" s="856"/>
      <c r="BW10" s="856"/>
      <c r="BX10" s="856"/>
      <c r="BY10" s="856"/>
      <c r="BZ10" s="856"/>
      <c r="CA10" s="856"/>
      <c r="CB10" s="856"/>
      <c r="CC10" s="856"/>
      <c r="CD10" s="856"/>
      <c r="CE10" s="856"/>
      <c r="CF10" s="856"/>
      <c r="CG10" s="856"/>
      <c r="CH10" s="856"/>
      <c r="CI10" s="856"/>
      <c r="CJ10" s="856"/>
      <c r="CK10" s="856"/>
      <c r="CL10" s="856"/>
      <c r="CM10" s="856"/>
    </row>
    <row r="11" spans="1:100" ht="17.25" customHeight="1" x14ac:dyDescent="0.15">
      <c r="A11" s="405" t="s">
        <v>37</v>
      </c>
      <c r="B11" s="406"/>
      <c r="C11" s="406"/>
      <c r="D11" s="407"/>
      <c r="E11" s="615" t="s">
        <v>921</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287"/>
      <c r="AO11" s="287"/>
      <c r="AP11" s="287"/>
      <c r="AQ11" s="287"/>
      <c r="AR11" s="287"/>
      <c r="AS11" s="287"/>
      <c r="AT11" s="856"/>
      <c r="AU11" s="856"/>
      <c r="AV11" s="856"/>
      <c r="AW11" s="856"/>
      <c r="AX11" s="856"/>
      <c r="AY11" s="856"/>
      <c r="AZ11" s="856"/>
      <c r="BA11" s="856"/>
      <c r="BB11" s="856"/>
      <c r="BC11" s="856"/>
      <c r="BD11" s="856"/>
      <c r="BE11" s="856"/>
      <c r="BF11" s="856"/>
      <c r="BG11" s="856"/>
      <c r="BH11" s="856"/>
      <c r="BI11" s="856"/>
      <c r="BJ11" s="856"/>
      <c r="BK11" s="856"/>
      <c r="BL11" s="856"/>
      <c r="BM11" s="856"/>
      <c r="BN11" s="856"/>
      <c r="BO11" s="856"/>
      <c r="BP11" s="856"/>
      <c r="BQ11" s="856"/>
      <c r="BR11" s="856"/>
      <c r="BS11" s="856"/>
      <c r="BT11" s="856"/>
      <c r="BU11" s="856"/>
      <c r="BV11" s="856"/>
      <c r="BW11" s="856"/>
      <c r="BX11" s="856"/>
      <c r="BY11" s="856"/>
      <c r="BZ11" s="856"/>
      <c r="CA11" s="856"/>
      <c r="CB11" s="856"/>
      <c r="CC11" s="856"/>
      <c r="CD11" s="856"/>
      <c r="CE11" s="856"/>
      <c r="CF11" s="856"/>
      <c r="CG11" s="856"/>
      <c r="CH11" s="856"/>
      <c r="CI11" s="856"/>
      <c r="CJ11" s="856"/>
      <c r="CK11" s="856"/>
      <c r="CL11" s="856"/>
      <c r="CM11" s="856"/>
    </row>
    <row r="12" spans="1:100" ht="17.25" customHeight="1" x14ac:dyDescent="0.15">
      <c r="A12" s="332" t="s">
        <v>241</v>
      </c>
      <c r="B12" s="332"/>
      <c r="C12" s="332"/>
      <c r="D12" s="332"/>
      <c r="E12" s="328"/>
      <c r="F12" s="850" t="s">
        <v>1398</v>
      </c>
      <c r="G12" s="851"/>
      <c r="H12" s="851"/>
      <c r="I12" s="851"/>
      <c r="J12" s="851"/>
      <c r="K12" s="851"/>
      <c r="L12" s="851"/>
      <c r="M12" s="851"/>
      <c r="N12" s="522"/>
      <c r="O12" s="416" t="s">
        <v>242</v>
      </c>
      <c r="P12" s="417"/>
      <c r="Q12" s="377">
        <v>20059</v>
      </c>
      <c r="R12" s="220"/>
      <c r="S12" s="220"/>
      <c r="T12" s="220"/>
      <c r="U12" s="371" t="s">
        <v>148</v>
      </c>
      <c r="V12" s="220"/>
      <c r="W12" s="220"/>
      <c r="X12" s="220"/>
      <c r="Y12" s="854" t="s">
        <v>149</v>
      </c>
      <c r="Z12" s="400"/>
      <c r="AA12" s="400"/>
      <c r="AB12" s="400"/>
      <c r="AC12" s="400"/>
      <c r="AD12" s="400"/>
      <c r="AE12" s="400"/>
      <c r="AF12" s="400"/>
      <c r="AG12" s="400"/>
      <c r="AH12" s="400"/>
      <c r="AI12" s="400"/>
      <c r="AJ12" s="400"/>
      <c r="AK12" s="400"/>
      <c r="AL12" s="401"/>
      <c r="AM12" s="5"/>
      <c r="AN12" s="287"/>
      <c r="AO12" s="287"/>
      <c r="AP12" s="287"/>
      <c r="AQ12" s="287"/>
      <c r="AR12" s="287"/>
      <c r="AS12" s="287"/>
      <c r="AT12" s="856"/>
      <c r="AU12" s="856"/>
      <c r="AV12" s="856"/>
      <c r="AW12" s="856"/>
      <c r="AX12" s="856"/>
      <c r="AY12" s="856"/>
      <c r="AZ12" s="856"/>
      <c r="BA12" s="856"/>
      <c r="BB12" s="856"/>
      <c r="BC12" s="856"/>
      <c r="BD12" s="856"/>
      <c r="BE12" s="856"/>
      <c r="BF12" s="856"/>
      <c r="BG12" s="856"/>
      <c r="BH12" s="856"/>
      <c r="BI12" s="856"/>
      <c r="BJ12" s="856"/>
      <c r="BK12" s="856"/>
      <c r="BL12" s="856"/>
      <c r="BM12" s="856"/>
      <c r="BN12" s="856"/>
      <c r="BO12" s="856"/>
      <c r="BP12" s="856"/>
      <c r="BQ12" s="856"/>
      <c r="BR12" s="856"/>
      <c r="BS12" s="856"/>
      <c r="BT12" s="856"/>
      <c r="BU12" s="856"/>
      <c r="BV12" s="856"/>
      <c r="BW12" s="856"/>
      <c r="BX12" s="856"/>
      <c r="BY12" s="856"/>
      <c r="BZ12" s="856"/>
      <c r="CA12" s="856"/>
      <c r="CB12" s="856"/>
      <c r="CC12" s="856"/>
      <c r="CD12" s="856"/>
      <c r="CE12" s="856"/>
      <c r="CF12" s="856"/>
      <c r="CG12" s="856"/>
      <c r="CH12" s="856"/>
      <c r="CI12" s="856"/>
      <c r="CJ12" s="856"/>
      <c r="CK12" s="856"/>
      <c r="CL12" s="856"/>
      <c r="CM12" s="856"/>
      <c r="CQ12" s="3" ph="1"/>
      <c r="CR12" s="3" ph="1"/>
      <c r="CS12" s="3" ph="1"/>
      <c r="CT12" s="3" ph="1"/>
      <c r="CU12" s="3" ph="1"/>
      <c r="CV12" s="3" ph="1"/>
    </row>
    <row r="13" spans="1:100" ht="17.25" customHeight="1" x14ac:dyDescent="0.15">
      <c r="A13" s="328"/>
      <c r="B13" s="328"/>
      <c r="C13" s="328"/>
      <c r="D13" s="328"/>
      <c r="E13" s="328"/>
      <c r="F13" s="398" t="s">
        <v>1397</v>
      </c>
      <c r="G13" s="369"/>
      <c r="H13" s="369"/>
      <c r="I13" s="369"/>
      <c r="J13" s="369"/>
      <c r="K13" s="369"/>
      <c r="L13" s="369"/>
      <c r="M13" s="369"/>
      <c r="N13" s="523"/>
      <c r="O13" s="418"/>
      <c r="P13" s="419"/>
      <c r="Q13" s="377"/>
      <c r="R13" s="220"/>
      <c r="S13" s="220"/>
      <c r="T13" s="220"/>
      <c r="U13" s="371"/>
      <c r="V13" s="220"/>
      <c r="W13" s="220"/>
      <c r="X13" s="220"/>
      <c r="Y13" s="400"/>
      <c r="Z13" s="400"/>
      <c r="AA13" s="400"/>
      <c r="AB13" s="400"/>
      <c r="AC13" s="400"/>
      <c r="AD13" s="400"/>
      <c r="AE13" s="400"/>
      <c r="AF13" s="400"/>
      <c r="AG13" s="400"/>
      <c r="AH13" s="400"/>
      <c r="AI13" s="400"/>
      <c r="AJ13" s="400"/>
      <c r="AK13" s="400"/>
      <c r="AL13" s="401"/>
      <c r="AM13" s="5"/>
      <c r="AN13" s="287" t="s">
        <v>220</v>
      </c>
      <c r="AO13" s="287"/>
      <c r="AP13" s="287"/>
      <c r="AQ13" s="287"/>
      <c r="AR13" s="287"/>
      <c r="AS13" s="287"/>
      <c r="AT13" s="856" t="s">
        <v>151</v>
      </c>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426">
        <v>1</v>
      </c>
      <c r="B14" s="651"/>
      <c r="C14" s="651"/>
      <c r="D14" s="651"/>
      <c r="E14" s="651"/>
      <c r="F14" s="370"/>
      <c r="G14" s="370"/>
      <c r="H14" s="370"/>
      <c r="I14" s="370"/>
      <c r="J14" s="370"/>
      <c r="K14" s="370"/>
      <c r="L14" s="370"/>
      <c r="M14" s="370"/>
      <c r="N14" s="523"/>
      <c r="O14" s="418"/>
      <c r="P14" s="419"/>
      <c r="Q14" s="377">
        <v>20728</v>
      </c>
      <c r="R14" s="220"/>
      <c r="S14" s="220"/>
      <c r="T14" s="220"/>
      <c r="U14" s="371" t="s">
        <v>326</v>
      </c>
      <c r="V14" s="220"/>
      <c r="W14" s="220"/>
      <c r="X14" s="220"/>
      <c r="Y14" s="371" t="s">
        <v>150</v>
      </c>
      <c r="Z14" s="220"/>
      <c r="AA14" s="220"/>
      <c r="AB14" s="220"/>
      <c r="AC14" s="220"/>
      <c r="AD14" s="220"/>
      <c r="AE14" s="220"/>
      <c r="AF14" s="220"/>
      <c r="AG14" s="220"/>
      <c r="AH14" s="220"/>
      <c r="AI14" s="220"/>
      <c r="AJ14" s="220"/>
      <c r="AK14" s="220"/>
      <c r="AL14" s="372"/>
      <c r="AM14" s="5"/>
      <c r="AN14" s="287"/>
      <c r="AO14" s="287"/>
      <c r="AP14" s="287"/>
      <c r="AQ14" s="287"/>
      <c r="AR14" s="287"/>
      <c r="AS14" s="287"/>
      <c r="AT14" s="856"/>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7026</v>
      </c>
      <c r="G15" s="430"/>
      <c r="H15" s="430"/>
      <c r="I15" s="430"/>
      <c r="J15" s="430"/>
      <c r="K15" s="430"/>
      <c r="L15" s="430"/>
      <c r="M15" s="430"/>
      <c r="N15" s="523"/>
      <c r="O15" s="418"/>
      <c r="P15" s="419"/>
      <c r="Q15" s="377">
        <v>25993</v>
      </c>
      <c r="R15" s="220"/>
      <c r="S15" s="220"/>
      <c r="T15" s="220"/>
      <c r="U15" s="371" t="s">
        <v>345</v>
      </c>
      <c r="V15" s="220"/>
      <c r="W15" s="220"/>
      <c r="X15" s="220"/>
      <c r="Y15" s="371"/>
      <c r="Z15" s="220"/>
      <c r="AA15" s="220"/>
      <c r="AB15" s="220"/>
      <c r="AC15" s="220"/>
      <c r="AD15" s="220"/>
      <c r="AE15" s="220"/>
      <c r="AF15" s="220"/>
      <c r="AG15" s="220"/>
      <c r="AH15" s="220"/>
      <c r="AI15" s="220"/>
      <c r="AJ15" s="220"/>
      <c r="AK15" s="220"/>
      <c r="AL15" s="372"/>
      <c r="AM15" s="5"/>
      <c r="AN15" s="287"/>
      <c r="AO15" s="287"/>
      <c r="AP15" s="287"/>
      <c r="AQ15" s="287"/>
      <c r="AR15" s="287"/>
      <c r="AS15" s="287"/>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49</v>
      </c>
      <c r="B16" s="484"/>
      <c r="C16" s="484"/>
      <c r="D16" s="484"/>
      <c r="E16" s="485"/>
      <c r="F16" s="519" t="s">
        <v>1388</v>
      </c>
      <c r="G16" s="520"/>
      <c r="H16" s="520"/>
      <c r="I16" s="520"/>
      <c r="J16" s="520"/>
      <c r="K16" s="520"/>
      <c r="L16" s="520"/>
      <c r="M16" s="521"/>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87" t="s">
        <v>221</v>
      </c>
      <c r="AO16" s="287"/>
      <c r="AP16" s="287"/>
      <c r="AQ16" s="287"/>
      <c r="AR16" s="287"/>
      <c r="AS16" s="287"/>
      <c r="AT16" s="856" t="s">
        <v>447</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t="s">
        <v>1387</v>
      </c>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c r="AO17" s="287"/>
      <c r="AP17" s="287"/>
      <c r="AQ17" s="287"/>
      <c r="AR17" s="287"/>
      <c r="AS17" s="28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87"/>
      <c r="AO18" s="287"/>
      <c r="AP18" s="287"/>
      <c r="AQ18" s="287"/>
      <c r="AR18" s="287"/>
      <c r="AS18" s="287"/>
      <c r="AT18" s="856"/>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519"/>
      <c r="G19" s="520"/>
      <c r="H19" s="520"/>
      <c r="I19" s="520"/>
      <c r="J19" s="520"/>
      <c r="K19" s="520"/>
      <c r="L19" s="520"/>
      <c r="M19" s="521"/>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87" t="s">
        <v>222</v>
      </c>
      <c r="AO19" s="287"/>
      <c r="AP19" s="287"/>
      <c r="AQ19" s="287"/>
      <c r="AR19" s="287"/>
      <c r="AS19" s="287"/>
      <c r="AT19" s="856" t="s">
        <v>467</v>
      </c>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98"/>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c r="AO20" s="287"/>
      <c r="AP20" s="287"/>
      <c r="AQ20" s="287"/>
      <c r="AR20" s="287"/>
      <c r="AS20" s="287"/>
      <c r="AT20" s="856"/>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8" t="s">
        <v>141</v>
      </c>
      <c r="R21" s="378"/>
      <c r="S21" s="378"/>
      <c r="T21" s="378"/>
      <c r="U21" s="378"/>
      <c r="V21" s="378"/>
      <c r="W21" s="378"/>
      <c r="X21" s="378"/>
      <c r="Y21" s="378"/>
      <c r="Z21" s="378"/>
      <c r="AA21" s="378"/>
      <c r="AB21" s="378"/>
      <c r="AC21" s="378"/>
      <c r="AD21" s="378"/>
      <c r="AE21" s="378"/>
      <c r="AF21" s="378"/>
      <c r="AG21" s="378"/>
      <c r="AH21" s="378"/>
      <c r="AI21" s="378"/>
      <c r="AJ21" s="378"/>
      <c r="AK21" s="378"/>
      <c r="AL21" s="379"/>
      <c r="AM21" s="176"/>
      <c r="AN21" s="287"/>
      <c r="AO21" s="287"/>
      <c r="AP21" s="287"/>
      <c r="AQ21" s="287"/>
      <c r="AR21" s="287"/>
      <c r="AS21" s="287"/>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380" t="s">
        <v>1625</v>
      </c>
      <c r="G22" s="381"/>
      <c r="H22" s="381"/>
      <c r="I22" s="381"/>
      <c r="J22" s="381"/>
      <c r="K22" s="381"/>
      <c r="L22" s="381"/>
      <c r="M22" s="381"/>
      <c r="N22" s="523"/>
      <c r="O22" s="1031" t="s">
        <v>258</v>
      </c>
      <c r="P22" s="1031"/>
      <c r="Q22" s="916" t="s">
        <v>922</v>
      </c>
      <c r="R22" s="917"/>
      <c r="S22" s="917"/>
      <c r="T22" s="917"/>
      <c r="U22" s="917"/>
      <c r="V22" s="917"/>
      <c r="W22" s="917"/>
      <c r="X22" s="917"/>
      <c r="Y22" s="917"/>
      <c r="Z22" s="917"/>
      <c r="AA22" s="917"/>
      <c r="AB22" s="917"/>
      <c r="AC22" s="917"/>
      <c r="AD22" s="917"/>
      <c r="AE22" s="917"/>
      <c r="AF22" s="917"/>
      <c r="AG22" s="917"/>
      <c r="AH22" s="917"/>
      <c r="AI22" s="917"/>
      <c r="AJ22" s="917"/>
      <c r="AK22" s="917"/>
      <c r="AL22" s="918"/>
      <c r="AM22" s="5"/>
      <c r="AN22" s="919" t="s">
        <v>462</v>
      </c>
      <c r="AO22" s="919"/>
      <c r="AP22" s="919"/>
      <c r="AQ22" s="919"/>
      <c r="AR22" s="919"/>
      <c r="AS22" s="919"/>
      <c r="AT22" s="919"/>
      <c r="AU22" s="919"/>
      <c r="AV22" s="919"/>
      <c r="AW22" s="919"/>
      <c r="AX22" s="919"/>
      <c r="AY22" s="919"/>
      <c r="AZ22" s="919"/>
      <c r="BA22" s="919"/>
      <c r="BB22" s="919"/>
      <c r="BC22" s="919"/>
      <c r="BD22" s="919"/>
      <c r="BE22" s="919"/>
      <c r="BF22" s="919"/>
      <c r="BG22" s="919"/>
      <c r="BH22" s="919"/>
      <c r="BI22" s="919"/>
      <c r="BJ22" s="919"/>
      <c r="BK22" s="919"/>
      <c r="BL22" s="919"/>
      <c r="BM22" s="919"/>
      <c r="BN22" s="919"/>
      <c r="BO22" s="919"/>
      <c r="BP22" s="919"/>
      <c r="BQ22" s="919"/>
      <c r="BR22" s="919"/>
      <c r="BS22" s="919"/>
      <c r="BT22" s="919"/>
      <c r="BU22" s="919"/>
      <c r="BV22" s="919"/>
      <c r="BW22" s="919"/>
      <c r="BX22" s="919"/>
      <c r="BY22" s="919"/>
      <c r="BZ22" s="919"/>
      <c r="CA22" s="919"/>
      <c r="CB22" s="919"/>
      <c r="CC22" s="919"/>
      <c r="CD22" s="919"/>
      <c r="CE22" s="919"/>
      <c r="CF22" s="919"/>
      <c r="CG22" s="919"/>
      <c r="CH22" s="919"/>
      <c r="CI22" s="919"/>
      <c r="CJ22" s="919"/>
      <c r="CK22" s="919"/>
      <c r="CL22" s="919"/>
      <c r="CM22" s="919"/>
      <c r="CQ22" s="3" ph="1"/>
      <c r="CR22" s="3" ph="1"/>
      <c r="CS22" s="3" ph="1"/>
      <c r="CT22" s="3" ph="1"/>
      <c r="CU22" s="3" ph="1"/>
      <c r="CV22" s="3" ph="1"/>
    </row>
    <row r="23" spans="1:100" ht="17.25" customHeight="1" x14ac:dyDescent="0.15">
      <c r="A23" s="328"/>
      <c r="B23" s="328"/>
      <c r="C23" s="328"/>
      <c r="D23" s="328"/>
      <c r="E23" s="328"/>
      <c r="F23" s="336" t="s">
        <v>1624</v>
      </c>
      <c r="G23" s="337"/>
      <c r="H23" s="337"/>
      <c r="I23" s="337"/>
      <c r="J23" s="337"/>
      <c r="K23" s="337"/>
      <c r="L23" s="337"/>
      <c r="M23" s="338"/>
      <c r="N23" s="523"/>
      <c r="O23" s="1031"/>
      <c r="P23" s="1031"/>
      <c r="Q23" s="355">
        <v>26359</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 t="s">
        <v>824</v>
      </c>
      <c r="AO23" s="280" t="s">
        <v>1170</v>
      </c>
      <c r="AP23" s="280"/>
      <c r="AQ23" s="280"/>
      <c r="AR23" s="280"/>
      <c r="AS23" s="280"/>
      <c r="AT23" s="280"/>
      <c r="AU23" s="280"/>
      <c r="AV23" s="280"/>
      <c r="AW23" s="280"/>
      <c r="AX23" s="280"/>
      <c r="AY23" s="280"/>
      <c r="AZ23" s="280"/>
      <c r="BA23" s="280"/>
      <c r="BB23" s="280"/>
      <c r="BC23" s="280"/>
      <c r="BD23" s="280"/>
      <c r="BE23" s="280"/>
      <c r="BF23" s="280"/>
      <c r="BG23" s="280"/>
      <c r="BH23" s="280"/>
      <c r="BI23" s="280"/>
      <c r="BJ23" s="280"/>
      <c r="BK23" s="280"/>
      <c r="BL23" s="280"/>
      <c r="BM23" s="280"/>
      <c r="BN23" s="280"/>
      <c r="BO23" s="280"/>
      <c r="BP23" s="280"/>
      <c r="BQ23" s="280"/>
      <c r="BR23" s="280"/>
      <c r="BS23" s="280"/>
      <c r="BT23" s="280"/>
      <c r="BU23" s="280"/>
      <c r="BV23" s="280"/>
      <c r="BW23" s="280"/>
      <c r="BX23" s="280"/>
      <c r="BY23" s="280"/>
      <c r="BZ23" s="280"/>
      <c r="CA23" s="280"/>
      <c r="CB23" s="280"/>
      <c r="CC23" s="280"/>
      <c r="CD23" s="280"/>
      <c r="CE23" s="280"/>
      <c r="CF23" s="280"/>
      <c r="CG23" s="280"/>
      <c r="CH23" s="280"/>
      <c r="CI23" s="280"/>
      <c r="CJ23" s="280"/>
      <c r="CK23" s="280"/>
      <c r="CL23" s="280"/>
      <c r="CM23" s="281"/>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030" t="s">
        <v>910</v>
      </c>
      <c r="R24" s="862"/>
      <c r="S24" s="862"/>
      <c r="T24" s="862"/>
      <c r="U24" s="862"/>
      <c r="V24" s="862"/>
      <c r="W24" s="862"/>
      <c r="X24" s="862"/>
      <c r="Y24" s="862"/>
      <c r="Z24" s="862"/>
      <c r="AA24" s="862"/>
      <c r="AB24" s="862"/>
      <c r="AC24" s="862"/>
      <c r="AD24" s="862"/>
      <c r="AE24" s="862"/>
      <c r="AF24" s="862"/>
      <c r="AG24" s="862"/>
      <c r="AH24" s="862"/>
      <c r="AI24" s="862"/>
      <c r="AJ24" s="862"/>
      <c r="AK24" s="862"/>
      <c r="AL24" s="863"/>
      <c r="AM24" s="5"/>
      <c r="AN24" s="37" t="s">
        <v>806</v>
      </c>
      <c r="AO24" s="727" t="s">
        <v>1171</v>
      </c>
      <c r="AP24" s="727"/>
      <c r="AQ24" s="727"/>
      <c r="AR24" s="727"/>
      <c r="AS24" s="727"/>
      <c r="AT24" s="727"/>
      <c r="AU24" s="727"/>
      <c r="AV24" s="727"/>
      <c r="AW24" s="727"/>
      <c r="AX24" s="727"/>
      <c r="AY24" s="727"/>
      <c r="AZ24" s="727"/>
      <c r="BA24" s="727"/>
      <c r="BB24" s="727"/>
      <c r="BC24" s="727"/>
      <c r="BD24" s="727"/>
      <c r="BE24" s="727"/>
      <c r="BF24" s="727"/>
      <c r="BG24" s="727"/>
      <c r="BH24" s="727"/>
      <c r="BI24" s="727"/>
      <c r="BJ24" s="727"/>
      <c r="BK24" s="727"/>
      <c r="BL24" s="727"/>
      <c r="BM24" s="727"/>
      <c r="BN24" s="727"/>
      <c r="BO24" s="727"/>
      <c r="BP24" s="727"/>
      <c r="BQ24" s="727"/>
      <c r="BR24" s="727"/>
      <c r="BS24" s="727"/>
      <c r="BT24" s="727"/>
      <c r="BU24" s="727"/>
      <c r="BV24" s="727"/>
      <c r="BW24" s="727"/>
      <c r="BX24" s="727"/>
      <c r="BY24" s="727"/>
      <c r="BZ24" s="727"/>
      <c r="CA24" s="727"/>
      <c r="CB24" s="727"/>
      <c r="CC24" s="727"/>
      <c r="CD24" s="727"/>
      <c r="CE24" s="727"/>
      <c r="CF24" s="727"/>
      <c r="CG24" s="727"/>
      <c r="CH24" s="727"/>
      <c r="CI24" s="727"/>
      <c r="CJ24" s="727"/>
      <c r="CK24" s="727"/>
      <c r="CL24" s="727"/>
      <c r="CM24" s="728"/>
      <c r="CQ24" s="3" ph="1"/>
      <c r="CR24" s="3" ph="1"/>
      <c r="CS24" s="3" ph="1"/>
      <c r="CT24" s="3" ph="1"/>
      <c r="CU24" s="3" ph="1"/>
      <c r="CV24" s="3" ph="1"/>
    </row>
    <row r="25" spans="1:100" ht="17.25" customHeight="1" x14ac:dyDescent="0.15">
      <c r="A25" s="328" t="s">
        <v>263</v>
      </c>
      <c r="B25" s="328"/>
      <c r="C25" s="328"/>
      <c r="D25" s="328"/>
      <c r="E25" s="328"/>
      <c r="F25" s="844" t="s">
        <v>1627</v>
      </c>
      <c r="G25" s="845"/>
      <c r="H25" s="845"/>
      <c r="I25" s="845"/>
      <c r="J25" s="845"/>
      <c r="K25" s="845"/>
      <c r="L25" s="845"/>
      <c r="M25" s="845"/>
      <c r="N25" s="523"/>
      <c r="O25" s="428"/>
      <c r="P25" s="428"/>
      <c r="Q25" s="355">
        <v>26359</v>
      </c>
      <c r="R25" s="355"/>
      <c r="S25" s="355"/>
      <c r="T25" s="355"/>
      <c r="U25" s="355"/>
      <c r="V25" s="355"/>
      <c r="W25" s="355"/>
      <c r="X25" s="355"/>
      <c r="Y25" s="355"/>
      <c r="Z25" s="355"/>
      <c r="AA25" s="355"/>
      <c r="AB25" s="355"/>
      <c r="AC25" s="355"/>
      <c r="AD25" s="355"/>
      <c r="AE25" s="355"/>
      <c r="AF25" s="355"/>
      <c r="AG25" s="355"/>
      <c r="AH25" s="355"/>
      <c r="AI25" s="355"/>
      <c r="AJ25" s="355"/>
      <c r="AK25" s="355"/>
      <c r="AL25" s="355"/>
      <c r="AM25" s="176"/>
      <c r="AN25" s="37" t="s">
        <v>805</v>
      </c>
      <c r="AO25" s="727" t="s">
        <v>1172</v>
      </c>
      <c r="AP25" s="727"/>
      <c r="AQ25" s="727"/>
      <c r="AR25" s="727"/>
      <c r="AS25" s="727"/>
      <c r="AT25" s="727"/>
      <c r="AU25" s="727"/>
      <c r="AV25" s="727"/>
      <c r="AW25" s="727"/>
      <c r="AX25" s="727"/>
      <c r="AY25" s="727"/>
      <c r="AZ25" s="727"/>
      <c r="BA25" s="727"/>
      <c r="BB25" s="727"/>
      <c r="BC25" s="727"/>
      <c r="BD25" s="727"/>
      <c r="BE25" s="727"/>
      <c r="BF25" s="727"/>
      <c r="BG25" s="727"/>
      <c r="BH25" s="727"/>
      <c r="BI25" s="727"/>
      <c r="BJ25" s="727"/>
      <c r="BK25" s="727"/>
      <c r="BL25" s="727"/>
      <c r="BM25" s="727"/>
      <c r="BN25" s="727"/>
      <c r="BO25" s="727"/>
      <c r="BP25" s="727"/>
      <c r="BQ25" s="727"/>
      <c r="BR25" s="727"/>
      <c r="BS25" s="727"/>
      <c r="BT25" s="727"/>
      <c r="BU25" s="727"/>
      <c r="BV25" s="727"/>
      <c r="BW25" s="727"/>
      <c r="BX25" s="727"/>
      <c r="BY25" s="727"/>
      <c r="BZ25" s="727"/>
      <c r="CA25" s="727"/>
      <c r="CB25" s="727"/>
      <c r="CC25" s="727"/>
      <c r="CD25" s="727"/>
      <c r="CE25" s="727"/>
      <c r="CF25" s="727"/>
      <c r="CG25" s="727"/>
      <c r="CH25" s="727"/>
      <c r="CI25" s="727"/>
      <c r="CJ25" s="727"/>
      <c r="CK25" s="727"/>
      <c r="CL25" s="727"/>
      <c r="CM25" s="728"/>
      <c r="CQ25" s="3" ph="1"/>
      <c r="CR25" s="3" ph="1"/>
      <c r="CS25" s="3" ph="1"/>
      <c r="CT25" s="3" ph="1"/>
      <c r="CU25" s="3" ph="1"/>
      <c r="CV25" s="3" ph="1"/>
    </row>
    <row r="26" spans="1:100" ht="17.25" customHeight="1" x14ac:dyDescent="0.15">
      <c r="A26" s="328"/>
      <c r="B26" s="328"/>
      <c r="C26" s="328"/>
      <c r="D26" s="328"/>
      <c r="E26" s="328"/>
      <c r="F26" s="336" t="s">
        <v>1626</v>
      </c>
      <c r="G26" s="337"/>
      <c r="H26" s="337"/>
      <c r="I26" s="337"/>
      <c r="J26" s="337"/>
      <c r="K26" s="337"/>
      <c r="L26" s="337"/>
      <c r="M26" s="338"/>
      <c r="N26" s="523"/>
      <c r="O26" s="428" t="s">
        <v>264</v>
      </c>
      <c r="P26" s="428"/>
      <c r="Q26" s="486" t="s">
        <v>923</v>
      </c>
      <c r="R26" s="487"/>
      <c r="S26" s="487"/>
      <c r="T26" s="487"/>
      <c r="U26" s="487"/>
      <c r="V26" s="487"/>
      <c r="W26" s="487"/>
      <c r="X26" s="487"/>
      <c r="Y26" s="487"/>
      <c r="Z26" s="487"/>
      <c r="AA26" s="487"/>
      <c r="AB26" s="487"/>
      <c r="AC26" s="487"/>
      <c r="AD26" s="487"/>
      <c r="AE26" s="487"/>
      <c r="AF26" s="487"/>
      <c r="AG26" s="487"/>
      <c r="AH26" s="487"/>
      <c r="AI26" s="487"/>
      <c r="AJ26" s="487"/>
      <c r="AK26" s="487"/>
      <c r="AL26" s="488"/>
      <c r="AM26" s="176"/>
      <c r="AN26" s="37" t="s">
        <v>824</v>
      </c>
      <c r="AO26" s="556" t="s">
        <v>1173</v>
      </c>
      <c r="AP26" s="556"/>
      <c r="AQ26" s="556"/>
      <c r="AR26" s="556"/>
      <c r="AS26" s="556"/>
      <c r="AT26" s="556"/>
      <c r="AU26" s="556"/>
      <c r="AV26" s="556"/>
      <c r="AW26" s="556"/>
      <c r="AX26" s="556"/>
      <c r="AY26" s="556"/>
      <c r="AZ26" s="556"/>
      <c r="BA26" s="556"/>
      <c r="BB26" s="556"/>
      <c r="BC26" s="556"/>
      <c r="BD26" s="556"/>
      <c r="BE26" s="556"/>
      <c r="BF26" s="556"/>
      <c r="BG26" s="556"/>
      <c r="BH26" s="556"/>
      <c r="BI26" s="556"/>
      <c r="BJ26" s="556"/>
      <c r="BK26" s="556"/>
      <c r="BL26" s="556"/>
      <c r="BM26" s="556"/>
      <c r="BN26" s="556"/>
      <c r="BO26" s="556"/>
      <c r="BP26" s="556"/>
      <c r="BQ26" s="556"/>
      <c r="BR26" s="556"/>
      <c r="BS26" s="556"/>
      <c r="BT26" s="556"/>
      <c r="BU26" s="556"/>
      <c r="BV26" s="556"/>
      <c r="BW26" s="556"/>
      <c r="BX26" s="556"/>
      <c r="BY26" s="556"/>
      <c r="BZ26" s="556"/>
      <c r="CA26" s="556"/>
      <c r="CB26" s="556"/>
      <c r="CC26" s="556"/>
      <c r="CD26" s="556"/>
      <c r="CE26" s="556"/>
      <c r="CF26" s="556"/>
      <c r="CG26" s="556"/>
      <c r="CH26" s="556"/>
      <c r="CI26" s="556"/>
      <c r="CJ26" s="556"/>
      <c r="CK26" s="556"/>
      <c r="CL26" s="556"/>
      <c r="CM26" s="557"/>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42">
        <v>26359</v>
      </c>
      <c r="R27" s="343"/>
      <c r="S27" s="343"/>
      <c r="T27" s="343"/>
      <c r="U27" s="343"/>
      <c r="V27" s="343"/>
      <c r="W27" s="343"/>
      <c r="X27" s="343"/>
      <c r="Y27" s="343"/>
      <c r="Z27" s="343"/>
      <c r="AA27" s="343"/>
      <c r="AB27" s="343"/>
      <c r="AC27" s="343"/>
      <c r="AD27" s="343"/>
      <c r="AE27" s="343"/>
      <c r="AF27" s="343"/>
      <c r="AG27" s="343"/>
      <c r="AH27" s="343"/>
      <c r="AI27" s="343"/>
      <c r="AJ27" s="343"/>
      <c r="AK27" s="343"/>
      <c r="AL27" s="344"/>
      <c r="AM27" s="176"/>
      <c r="AN27" s="17" t="s">
        <v>835</v>
      </c>
      <c r="AO27" s="490" t="s">
        <v>1174</v>
      </c>
      <c r="AP27" s="490"/>
      <c r="AQ27" s="490"/>
      <c r="AR27" s="490"/>
      <c r="AS27" s="490"/>
      <c r="AT27" s="490"/>
      <c r="AU27" s="490"/>
      <c r="AV27" s="490"/>
      <c r="AW27" s="490"/>
      <c r="AX27" s="490"/>
      <c r="AY27" s="490"/>
      <c r="AZ27" s="490"/>
      <c r="BA27" s="490"/>
      <c r="BB27" s="490"/>
      <c r="BC27" s="490"/>
      <c r="BD27" s="490"/>
      <c r="BE27" s="490"/>
      <c r="BF27" s="490"/>
      <c r="BG27" s="490"/>
      <c r="BH27" s="490"/>
      <c r="BI27" s="490"/>
      <c r="BJ27" s="490"/>
      <c r="BK27" s="490"/>
      <c r="BL27" s="490"/>
      <c r="BM27" s="490"/>
      <c r="BN27" s="490"/>
      <c r="BO27" s="490"/>
      <c r="BP27" s="490"/>
      <c r="BQ27" s="490"/>
      <c r="BR27" s="490"/>
      <c r="BS27" s="490"/>
      <c r="BT27" s="490"/>
      <c r="BU27" s="490"/>
      <c r="BV27" s="490"/>
      <c r="BW27" s="490"/>
      <c r="BX27" s="490"/>
      <c r="BY27" s="490"/>
      <c r="BZ27" s="490"/>
      <c r="CA27" s="490"/>
      <c r="CB27" s="490"/>
      <c r="CC27" s="490"/>
      <c r="CD27" s="490"/>
      <c r="CE27" s="490"/>
      <c r="CF27" s="490"/>
      <c r="CG27" s="490"/>
      <c r="CH27" s="490"/>
      <c r="CI27" s="490"/>
      <c r="CJ27" s="490"/>
      <c r="CK27" s="490"/>
      <c r="CL27" s="490"/>
      <c r="CM27" s="491"/>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924</v>
      </c>
      <c r="AO28" s="518"/>
      <c r="AP28" s="1096"/>
      <c r="AQ28" s="1096"/>
      <c r="AR28" s="1096"/>
      <c r="AS28" s="1096"/>
      <c r="AT28" s="1096"/>
      <c r="AU28" s="1096"/>
      <c r="AV28" s="1096"/>
      <c r="AW28" s="1096"/>
      <c r="AX28" s="1096"/>
      <c r="AY28" s="1096"/>
      <c r="AZ28" s="1096"/>
      <c r="BA28" s="1096"/>
      <c r="BB28" s="1096"/>
      <c r="BC28" s="1096"/>
      <c r="BD28" s="1096"/>
      <c r="BE28" s="1096"/>
      <c r="BF28" s="1096"/>
      <c r="BG28" s="1096"/>
      <c r="BH28" s="1096"/>
      <c r="BI28" s="1096"/>
      <c r="BJ28" s="1096"/>
      <c r="BK28" s="1096"/>
      <c r="BL28" s="1096"/>
      <c r="BM28" s="1096"/>
      <c r="BN28" s="1096"/>
      <c r="BO28" s="1096"/>
      <c r="BP28" s="1096"/>
      <c r="BQ28" s="1154"/>
      <c r="BR28" s="1154"/>
      <c r="BS28" s="1154"/>
      <c r="BT28" s="1154"/>
      <c r="BU28" s="1154"/>
      <c r="BV28" s="1154"/>
      <c r="BW28" s="1154"/>
      <c r="BX28" s="1154"/>
      <c r="BY28" s="1154"/>
      <c r="BZ28" s="1154"/>
      <c r="CA28" s="1154"/>
      <c r="CB28" s="1154"/>
      <c r="CC28" s="1154"/>
      <c r="CD28" s="1154"/>
      <c r="CE28" s="1154"/>
      <c r="CF28" s="1154"/>
      <c r="CG28" s="1154"/>
      <c r="CH28" s="1154"/>
      <c r="CI28" s="1154"/>
      <c r="CJ28" s="1154"/>
      <c r="CK28" s="1154"/>
      <c r="CL28" s="1154"/>
      <c r="CM28" s="1154"/>
      <c r="CN28" s="33"/>
      <c r="CQ28" s="3" ph="1"/>
      <c r="CR28" s="3" ph="1"/>
      <c r="CS28" s="3" ph="1"/>
      <c r="CT28" s="3" ph="1"/>
      <c r="CU28" s="3" ph="1"/>
      <c r="CV28" s="3" ph="1"/>
    </row>
    <row r="29" spans="1:100" ht="17.25" customHeight="1" x14ac:dyDescent="0.15">
      <c r="A29" s="466" t="s">
        <v>142</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2" t="s">
        <v>808</v>
      </c>
      <c r="AO29" s="1155" t="s">
        <v>1175</v>
      </c>
      <c r="AP29" s="1155"/>
      <c r="AQ29" s="1155"/>
      <c r="AR29" s="1155"/>
      <c r="AS29" s="1155"/>
      <c r="AT29" s="1155"/>
      <c r="AU29" s="1155"/>
      <c r="AV29" s="1155"/>
      <c r="AW29" s="1155"/>
      <c r="AX29" s="1155"/>
      <c r="AY29" s="1155"/>
      <c r="AZ29" s="1155"/>
      <c r="BA29" s="1155"/>
      <c r="BB29" s="1155"/>
      <c r="BC29" s="1155"/>
      <c r="BD29" s="1155"/>
      <c r="BE29" s="1155"/>
      <c r="BF29" s="1155"/>
      <c r="BG29" s="1155"/>
      <c r="BH29" s="1155"/>
      <c r="BI29" s="1155"/>
      <c r="BJ29" s="1155"/>
      <c r="BK29" s="1155"/>
      <c r="BL29" s="1155"/>
      <c r="BM29" s="1155"/>
      <c r="BN29" s="1155"/>
      <c r="BO29" s="1155"/>
      <c r="BP29" s="1156"/>
      <c r="BQ29" s="117"/>
      <c r="BR29" s="68"/>
      <c r="BS29" s="68"/>
      <c r="BT29" s="68"/>
      <c r="BU29" s="68"/>
      <c r="BV29" s="68"/>
      <c r="BW29" s="68"/>
      <c r="BX29" s="68"/>
      <c r="BY29" s="68"/>
      <c r="BZ29" s="68"/>
      <c r="CA29" s="68"/>
      <c r="CB29" s="68"/>
      <c r="CC29" s="68"/>
      <c r="CD29" s="68"/>
      <c r="CE29" s="68"/>
      <c r="CF29" s="68"/>
      <c r="CG29" s="68"/>
      <c r="CH29" s="68"/>
      <c r="CI29" s="68"/>
      <c r="CJ29" s="68"/>
      <c r="CK29" s="68"/>
      <c r="CL29" s="68"/>
      <c r="CM29" s="68"/>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7" t="s">
        <v>16</v>
      </c>
      <c r="AO30" s="556" t="s">
        <v>1176</v>
      </c>
      <c r="AP30" s="556"/>
      <c r="AQ30" s="556"/>
      <c r="AR30" s="556"/>
      <c r="AS30" s="556"/>
      <c r="AT30" s="556"/>
      <c r="AU30" s="556"/>
      <c r="AV30" s="556"/>
      <c r="AW30" s="556"/>
      <c r="AX30" s="556"/>
      <c r="AY30" s="556"/>
      <c r="AZ30" s="556"/>
      <c r="BA30" s="556"/>
      <c r="BB30" s="556"/>
      <c r="BC30" s="556"/>
      <c r="BD30" s="556"/>
      <c r="BE30" s="556"/>
      <c r="BF30" s="556"/>
      <c r="BG30" s="556"/>
      <c r="BH30" s="556"/>
      <c r="BI30" s="556"/>
      <c r="BJ30" s="556"/>
      <c r="BK30" s="556"/>
      <c r="BL30" s="556"/>
      <c r="BM30" s="556"/>
      <c r="BN30" s="556"/>
      <c r="BO30" s="556"/>
      <c r="BP30" s="557"/>
      <c r="BQ30" s="68"/>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7" t="s">
        <v>808</v>
      </c>
      <c r="AO31" s="556" t="s">
        <v>1177</v>
      </c>
      <c r="AP31" s="556"/>
      <c r="AQ31" s="556"/>
      <c r="AR31" s="556"/>
      <c r="AS31" s="556"/>
      <c r="AT31" s="556"/>
      <c r="AU31" s="556"/>
      <c r="AV31" s="556"/>
      <c r="AW31" s="556"/>
      <c r="AX31" s="556"/>
      <c r="AY31" s="556"/>
      <c r="AZ31" s="556"/>
      <c r="BA31" s="556"/>
      <c r="BB31" s="556"/>
      <c r="BC31" s="556"/>
      <c r="BD31" s="556"/>
      <c r="BE31" s="556"/>
      <c r="BF31" s="556"/>
      <c r="BG31" s="556"/>
      <c r="BH31" s="556"/>
      <c r="BI31" s="556"/>
      <c r="BJ31" s="556"/>
      <c r="BK31" s="556"/>
      <c r="BL31" s="556"/>
      <c r="BM31" s="556"/>
      <c r="BN31" s="556"/>
      <c r="BO31" s="556"/>
      <c r="BP31" s="557"/>
      <c r="BQ31" s="54"/>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7" t="s">
        <v>835</v>
      </c>
      <c r="AO32" s="351" t="s">
        <v>1178</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53"/>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69"/>
      <c r="B33" s="470"/>
      <c r="C33" s="470"/>
      <c r="D33" s="470"/>
      <c r="E33" s="470"/>
      <c r="F33" s="470"/>
      <c r="G33" s="470"/>
      <c r="H33" s="470"/>
      <c r="I33" s="470"/>
      <c r="J33" s="470"/>
      <c r="K33" s="470"/>
      <c r="L33" s="470"/>
      <c r="M33" s="470"/>
      <c r="N33" s="470"/>
      <c r="O33" s="470"/>
      <c r="P33" s="470"/>
      <c r="Q33" s="470"/>
      <c r="R33" s="470"/>
      <c r="S33" s="470"/>
      <c r="T33" s="470"/>
      <c r="U33" s="470"/>
      <c r="V33" s="470"/>
      <c r="W33" s="470"/>
      <c r="X33" s="470"/>
      <c r="Y33" s="470"/>
      <c r="Z33" s="470"/>
      <c r="AA33" s="470"/>
      <c r="AB33" s="470"/>
      <c r="AC33" s="470"/>
      <c r="AD33" s="470"/>
      <c r="AE33" s="470"/>
      <c r="AF33" s="470"/>
      <c r="AG33" s="470"/>
      <c r="AH33" s="470"/>
      <c r="AI33" s="470"/>
      <c r="AJ33" s="470"/>
      <c r="AK33" s="470"/>
      <c r="AL33" s="471"/>
      <c r="AM33" s="5"/>
      <c r="AN33" s="17"/>
      <c r="AO33" s="353"/>
      <c r="AP33" s="353"/>
      <c r="AQ33" s="353"/>
      <c r="AR33" s="353"/>
      <c r="AS33" s="353"/>
      <c r="AT33" s="353"/>
      <c r="AU33" s="353"/>
      <c r="AV33" s="353"/>
      <c r="AW33" s="353"/>
      <c r="AX33" s="353"/>
      <c r="AY33" s="353"/>
      <c r="AZ33" s="353"/>
      <c r="BA33" s="353"/>
      <c r="BB33" s="353"/>
      <c r="BC33" s="353"/>
      <c r="BD33" s="353"/>
      <c r="BE33" s="353"/>
      <c r="BF33" s="353"/>
      <c r="BG33" s="353"/>
      <c r="BH33" s="353"/>
      <c r="BI33" s="353"/>
      <c r="BJ33" s="353"/>
      <c r="BK33" s="353"/>
      <c r="BL33" s="353"/>
      <c r="BM33" s="353"/>
      <c r="BN33" s="353"/>
      <c r="BO33" s="353"/>
      <c r="BP33" s="354"/>
      <c r="BQ33" s="53"/>
      <c r="BR33" s="292" t="s">
        <v>267</v>
      </c>
      <c r="BS33" s="293"/>
      <c r="BT33" s="293"/>
      <c r="BU33" s="293"/>
      <c r="BV33" s="293"/>
      <c r="BW33" s="293"/>
      <c r="BX33" s="294"/>
      <c r="BY33" s="284">
        <v>1025</v>
      </c>
      <c r="BZ33" s="285"/>
      <c r="CA33" s="285"/>
      <c r="CB33" s="285"/>
      <c r="CC33" s="285"/>
      <c r="CD33" s="285"/>
      <c r="CE33" s="285"/>
      <c r="CF33" s="285"/>
      <c r="CG33" s="288"/>
      <c r="CH33" s="286">
        <v>2.2665999999999999</v>
      </c>
      <c r="CI33" s="286"/>
      <c r="CJ33" s="286"/>
      <c r="CK33" s="286"/>
      <c r="CL33" s="286"/>
      <c r="CM33" s="286"/>
      <c r="CQ33" s="3" ph="1"/>
      <c r="CR33" s="3" ph="1"/>
      <c r="CS33" s="3" ph="1"/>
      <c r="CT33" s="3" ph="1"/>
      <c r="CU33" s="3" ph="1"/>
      <c r="CV33" s="3" ph="1"/>
    </row>
    <row r="34" spans="1:100" ht="17.25" customHeight="1" x14ac:dyDescent="0.15">
      <c r="A34" s="472"/>
      <c r="B34" s="473"/>
      <c r="C34" s="473"/>
      <c r="D34" s="473"/>
      <c r="E34" s="473"/>
      <c r="F34" s="473"/>
      <c r="G34" s="473"/>
      <c r="H34" s="473"/>
      <c r="I34" s="473"/>
      <c r="J34" s="473"/>
      <c r="K34" s="473"/>
      <c r="L34" s="473"/>
      <c r="M34" s="473"/>
      <c r="N34" s="473"/>
      <c r="O34" s="473"/>
      <c r="P34" s="473"/>
      <c r="Q34" s="473"/>
      <c r="R34" s="473"/>
      <c r="S34" s="473"/>
      <c r="T34" s="473"/>
      <c r="U34" s="473"/>
      <c r="V34" s="473"/>
      <c r="W34" s="473"/>
      <c r="X34" s="473"/>
      <c r="Y34" s="473"/>
      <c r="Z34" s="473"/>
      <c r="AA34" s="473"/>
      <c r="AB34" s="473"/>
      <c r="AC34" s="473"/>
      <c r="AD34" s="473"/>
      <c r="AE34" s="473"/>
      <c r="AF34" s="473"/>
      <c r="AG34" s="473"/>
      <c r="AH34" s="473"/>
      <c r="AI34" s="473"/>
      <c r="AJ34" s="473"/>
      <c r="AK34" s="473"/>
      <c r="AL34" s="474"/>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255" t="s">
        <v>274</v>
      </c>
      <c r="B35" s="255"/>
      <c r="C35" s="255"/>
      <c r="D35" s="255"/>
      <c r="E35" s="255"/>
      <c r="F35" s="255"/>
      <c r="G35" s="255"/>
      <c r="H35" s="255"/>
      <c r="I35" s="255"/>
      <c r="J35" s="255"/>
      <c r="K35" s="255"/>
      <c r="L35" s="255"/>
      <c r="M35" s="255"/>
      <c r="N35" s="93"/>
      <c r="O35" s="255" t="s">
        <v>275</v>
      </c>
      <c r="P35" s="255"/>
      <c r="Q35" s="255"/>
      <c r="R35" s="255"/>
      <c r="S35" s="255"/>
      <c r="T35" s="255"/>
      <c r="U35" s="255"/>
      <c r="V35" s="255"/>
      <c r="W35" s="255"/>
      <c r="X35" s="255"/>
      <c r="Y35" s="255"/>
      <c r="Z35" s="255"/>
      <c r="AA35" s="255"/>
      <c r="AB35" s="255"/>
      <c r="AC35" s="255"/>
      <c r="AD35" s="255"/>
      <c r="AE35" s="255"/>
      <c r="AF35" s="255"/>
      <c r="AG35" s="255"/>
      <c r="AH35" s="255"/>
      <c r="AI35" s="255"/>
      <c r="AJ35" s="255"/>
      <c r="AK35" s="255"/>
      <c r="AL35" s="255"/>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1272</v>
      </c>
      <c r="BZ35" s="681"/>
      <c r="CA35" s="682"/>
      <c r="CB35" s="682"/>
      <c r="CC35" s="682"/>
      <c r="CD35" s="682"/>
      <c r="CE35" s="682"/>
      <c r="CF35" s="682"/>
      <c r="CG35" s="682"/>
      <c r="CH35" s="683">
        <v>24.925920000000001</v>
      </c>
      <c r="CI35" s="683"/>
      <c r="CJ35" s="683"/>
      <c r="CK35" s="683"/>
      <c r="CL35" s="683"/>
      <c r="CM35" s="683"/>
      <c r="CQ35" s="3" ph="1"/>
    </row>
    <row r="36" spans="1:100" ht="17.25" customHeight="1" x14ac:dyDescent="0.15">
      <c r="A36" s="311" t="s">
        <v>143</v>
      </c>
      <c r="B36" s="312"/>
      <c r="C36" s="312"/>
      <c r="D36" s="312"/>
      <c r="E36" s="312"/>
      <c r="F36" s="312"/>
      <c r="G36" s="312"/>
      <c r="H36" s="312"/>
      <c r="I36" s="312"/>
      <c r="J36" s="312"/>
      <c r="K36" s="312"/>
      <c r="L36" s="312"/>
      <c r="M36" s="313"/>
      <c r="N36" s="145"/>
      <c r="O36" s="1037" t="s">
        <v>357</v>
      </c>
      <c r="P36" s="963"/>
      <c r="Q36" s="963"/>
      <c r="R36" s="963"/>
      <c r="S36" s="963"/>
      <c r="T36" s="963"/>
      <c r="U36" s="963"/>
      <c r="V36" s="963"/>
      <c r="W36" s="963"/>
      <c r="X36" s="963"/>
      <c r="Y36" s="963"/>
      <c r="Z36" s="963"/>
      <c r="AA36" s="963"/>
      <c r="AB36" s="963"/>
      <c r="AC36" s="963"/>
      <c r="AD36" s="963"/>
      <c r="AE36" s="963"/>
      <c r="AF36" s="963"/>
      <c r="AG36" s="963"/>
      <c r="AH36" s="963"/>
      <c r="AI36" s="963"/>
      <c r="AJ36" s="963"/>
      <c r="AK36" s="963"/>
      <c r="AL36" s="964"/>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251">
        <v>31472</v>
      </c>
      <c r="B37" s="690"/>
      <c r="C37" s="690"/>
      <c r="D37" s="690"/>
      <c r="E37" s="690"/>
      <c r="F37" s="690"/>
      <c r="G37" s="690"/>
      <c r="H37" s="690"/>
      <c r="I37" s="690"/>
      <c r="J37" s="690"/>
      <c r="K37" s="690"/>
      <c r="L37" s="690"/>
      <c r="M37" s="691"/>
      <c r="N37" s="167"/>
      <c r="O37" s="216" t="s">
        <v>7</v>
      </c>
      <c r="P37" s="217"/>
      <c r="Q37" s="217"/>
      <c r="R37" s="217"/>
      <c r="S37" s="217"/>
      <c r="T37" s="217"/>
      <c r="U37" s="217"/>
      <c r="V37" s="217"/>
      <c r="W37" s="217"/>
      <c r="X37" s="217"/>
      <c r="Y37" s="217"/>
      <c r="Z37" s="217"/>
      <c r="AA37" s="217"/>
      <c r="AB37" s="217"/>
      <c r="AC37" s="217"/>
      <c r="AD37" s="217"/>
      <c r="AE37" s="217"/>
      <c r="AF37" s="217"/>
      <c r="AG37" s="217"/>
      <c r="AH37" s="217"/>
      <c r="AI37" s="217"/>
      <c r="AJ37" s="217"/>
      <c r="AK37" s="217"/>
      <c r="AL37" s="218"/>
      <c r="AM37" s="5"/>
      <c r="AN37" s="287" t="s">
        <v>811</v>
      </c>
      <c r="AO37" s="287"/>
      <c r="AP37" s="287"/>
      <c r="AQ37" s="287"/>
      <c r="AR37" s="287"/>
      <c r="AS37" s="287"/>
      <c r="AT37" s="287"/>
      <c r="AU37" s="287"/>
      <c r="AV37" s="287"/>
      <c r="AW37" s="681">
        <v>101514</v>
      </c>
      <c r="AX37" s="681"/>
      <c r="AY37" s="681"/>
      <c r="AZ37" s="681"/>
      <c r="BA37" s="681"/>
      <c r="BB37" s="681"/>
      <c r="BC37" s="681"/>
      <c r="BD37" s="681"/>
      <c r="BE37" s="681"/>
      <c r="BF37" s="681"/>
      <c r="BG37" s="681">
        <v>43088</v>
      </c>
      <c r="BH37" s="681"/>
      <c r="BI37" s="681"/>
      <c r="BJ37" s="681"/>
      <c r="BK37" s="681"/>
      <c r="BL37" s="681"/>
      <c r="BM37" s="681"/>
      <c r="BN37" s="681"/>
      <c r="BO37" s="681"/>
      <c r="BP37" s="681"/>
      <c r="BQ37" s="149"/>
      <c r="BR37" s="680" t="s">
        <v>273</v>
      </c>
      <c r="BS37" s="680"/>
      <c r="BT37" s="680"/>
      <c r="BU37" s="680"/>
      <c r="BV37" s="680"/>
      <c r="BW37" s="680"/>
      <c r="BX37" s="680"/>
      <c r="BY37" s="681">
        <v>32925</v>
      </c>
      <c r="BZ37" s="681"/>
      <c r="CA37" s="682"/>
      <c r="CB37" s="682"/>
      <c r="CC37" s="682"/>
      <c r="CD37" s="682"/>
      <c r="CE37" s="682"/>
      <c r="CF37" s="682"/>
      <c r="CG37" s="682"/>
      <c r="CH37" s="683">
        <v>72.807479999999998</v>
      </c>
      <c r="CI37" s="683"/>
      <c r="CJ37" s="683"/>
      <c r="CK37" s="683"/>
      <c r="CL37" s="683"/>
      <c r="CM37" s="683"/>
      <c r="CQ37" s="3" ph="1"/>
    </row>
    <row r="38" spans="1:100" ht="17.25" customHeight="1" x14ac:dyDescent="0.15">
      <c r="A38" s="324" t="s">
        <v>35</v>
      </c>
      <c r="B38" s="692"/>
      <c r="C38" s="692"/>
      <c r="D38" s="692"/>
      <c r="E38" s="692"/>
      <c r="F38" s="692"/>
      <c r="G38" s="692"/>
      <c r="H38" s="692"/>
      <c r="I38" s="692"/>
      <c r="J38" s="692"/>
      <c r="K38" s="692"/>
      <c r="L38" s="692"/>
      <c r="M38" s="693"/>
      <c r="N38" s="106"/>
      <c r="O38" s="272" t="s">
        <v>144</v>
      </c>
      <c r="P38" s="961"/>
      <c r="Q38" s="961"/>
      <c r="R38" s="961"/>
      <c r="S38" s="961"/>
      <c r="T38" s="961"/>
      <c r="U38" s="961"/>
      <c r="V38" s="961"/>
      <c r="W38" s="961"/>
      <c r="X38" s="961"/>
      <c r="Y38" s="961"/>
      <c r="Z38" s="961"/>
      <c r="AA38" s="961"/>
      <c r="AB38" s="961"/>
      <c r="AC38" s="961"/>
      <c r="AD38" s="961"/>
      <c r="AE38" s="961"/>
      <c r="AF38" s="961"/>
      <c r="AG38" s="961"/>
      <c r="AH38" s="961"/>
      <c r="AI38" s="961"/>
      <c r="AJ38" s="961"/>
      <c r="AK38" s="961"/>
      <c r="AL38" s="962"/>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51">
        <v>34311</v>
      </c>
      <c r="B39" s="690"/>
      <c r="C39" s="690"/>
      <c r="D39" s="690"/>
      <c r="E39" s="690"/>
      <c r="F39" s="690"/>
      <c r="G39" s="690"/>
      <c r="H39" s="690"/>
      <c r="I39" s="690"/>
      <c r="J39" s="690"/>
      <c r="K39" s="690"/>
      <c r="L39" s="690"/>
      <c r="M39" s="691"/>
      <c r="N39" s="106"/>
      <c r="O39" s="216" t="s">
        <v>230</v>
      </c>
      <c r="P39" s="961"/>
      <c r="Q39" s="961"/>
      <c r="R39" s="961"/>
      <c r="S39" s="961"/>
      <c r="T39" s="961"/>
      <c r="U39" s="961"/>
      <c r="V39" s="961"/>
      <c r="W39" s="961"/>
      <c r="X39" s="961"/>
      <c r="Y39" s="961"/>
      <c r="Z39" s="961"/>
      <c r="AA39" s="961"/>
      <c r="AB39" s="961"/>
      <c r="AC39" s="961"/>
      <c r="AD39" s="961"/>
      <c r="AE39" s="961"/>
      <c r="AF39" s="961"/>
      <c r="AG39" s="961"/>
      <c r="AH39" s="961"/>
      <c r="AI39" s="961"/>
      <c r="AJ39" s="961"/>
      <c r="AK39" s="961"/>
      <c r="AL39" s="962"/>
      <c r="AM39" s="5"/>
      <c r="AN39" s="300" t="s">
        <v>1059</v>
      </c>
      <c r="AO39" s="300"/>
      <c r="AP39" s="300"/>
      <c r="AQ39" s="300"/>
      <c r="AR39" s="300"/>
      <c r="AS39" s="300"/>
      <c r="AT39" s="300"/>
      <c r="AU39" s="300"/>
      <c r="AV39" s="300"/>
      <c r="AW39" s="681">
        <v>101780</v>
      </c>
      <c r="AX39" s="681"/>
      <c r="AY39" s="681"/>
      <c r="AZ39" s="682"/>
      <c r="BA39" s="682"/>
      <c r="BB39" s="682"/>
      <c r="BC39" s="682"/>
      <c r="BD39" s="682"/>
      <c r="BE39" s="682"/>
      <c r="BF39" s="682"/>
      <c r="BG39" s="681">
        <v>45361</v>
      </c>
      <c r="BH39" s="681"/>
      <c r="BI39" s="681"/>
      <c r="BJ39" s="681"/>
      <c r="BK39" s="681"/>
      <c r="BL39" s="681"/>
      <c r="BM39" s="681"/>
      <c r="BN39" s="681"/>
      <c r="BO39" s="681"/>
      <c r="BP39" s="681"/>
      <c r="BQ39" s="149"/>
      <c r="BR39" s="301" t="s">
        <v>1119</v>
      </c>
      <c r="BS39" s="293"/>
      <c r="BT39" s="293"/>
      <c r="BU39" s="293"/>
      <c r="BV39" s="293"/>
      <c r="BW39" s="293"/>
      <c r="BX39" s="294"/>
      <c r="BY39" s="681">
        <v>46751</v>
      </c>
      <c r="BZ39" s="681"/>
      <c r="CA39" s="682"/>
      <c r="CB39" s="682"/>
      <c r="CC39" s="682"/>
      <c r="CD39" s="682"/>
      <c r="CE39" s="682"/>
      <c r="CF39" s="682"/>
      <c r="CG39" s="682"/>
      <c r="CH39" s="683">
        <v>100</v>
      </c>
      <c r="CI39" s="683"/>
      <c r="CJ39" s="683"/>
      <c r="CK39" s="683"/>
      <c r="CL39" s="683"/>
      <c r="CM39" s="683"/>
    </row>
    <row r="40" spans="1:100" ht="17.25" customHeight="1" x14ac:dyDescent="0.15">
      <c r="A40" s="761"/>
      <c r="B40" s="934"/>
      <c r="C40" s="934"/>
      <c r="D40" s="934"/>
      <c r="E40" s="934"/>
      <c r="F40" s="934"/>
      <c r="G40" s="934"/>
      <c r="H40" s="934"/>
      <c r="I40" s="934"/>
      <c r="J40" s="934"/>
      <c r="K40" s="934"/>
      <c r="L40" s="934"/>
      <c r="M40" s="935"/>
      <c r="N40" s="143"/>
      <c r="O40" s="272" t="s">
        <v>145</v>
      </c>
      <c r="P40" s="961"/>
      <c r="Q40" s="961"/>
      <c r="R40" s="961"/>
      <c r="S40" s="961"/>
      <c r="T40" s="961"/>
      <c r="U40" s="961"/>
      <c r="V40" s="961"/>
      <c r="W40" s="961"/>
      <c r="X40" s="961"/>
      <c r="Y40" s="961"/>
      <c r="Z40" s="961"/>
      <c r="AA40" s="961"/>
      <c r="AB40" s="961"/>
      <c r="AC40" s="961"/>
      <c r="AD40" s="961"/>
      <c r="AE40" s="961"/>
      <c r="AF40" s="961"/>
      <c r="AG40" s="961"/>
      <c r="AH40" s="961"/>
      <c r="AI40" s="961"/>
      <c r="AJ40" s="961"/>
      <c r="AK40" s="961"/>
      <c r="AL40" s="962"/>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761"/>
      <c r="B41" s="934"/>
      <c r="C41" s="934"/>
      <c r="D41" s="934"/>
      <c r="E41" s="934"/>
      <c r="F41" s="934"/>
      <c r="G41" s="934"/>
      <c r="H41" s="934"/>
      <c r="I41" s="934"/>
      <c r="J41" s="934"/>
      <c r="K41" s="934"/>
      <c r="L41" s="934"/>
      <c r="M41" s="935"/>
      <c r="N41" s="167"/>
      <c r="O41" s="216" t="s">
        <v>146</v>
      </c>
      <c r="P41" s="961"/>
      <c r="Q41" s="961"/>
      <c r="R41" s="961"/>
      <c r="S41" s="961"/>
      <c r="T41" s="961"/>
      <c r="U41" s="961"/>
      <c r="V41" s="961"/>
      <c r="W41" s="961"/>
      <c r="X41" s="961"/>
      <c r="Y41" s="961"/>
      <c r="Z41" s="961"/>
      <c r="AA41" s="961"/>
      <c r="AB41" s="961"/>
      <c r="AC41" s="961"/>
      <c r="AD41" s="961"/>
      <c r="AE41" s="961"/>
      <c r="AF41" s="961"/>
      <c r="AG41" s="961"/>
      <c r="AH41" s="961"/>
      <c r="AI41" s="961"/>
      <c r="AJ41" s="961"/>
      <c r="AK41" s="961"/>
      <c r="AL41" s="962"/>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761"/>
      <c r="B42" s="934"/>
      <c r="C42" s="934"/>
      <c r="D42" s="934"/>
      <c r="E42" s="934"/>
      <c r="F42" s="934"/>
      <c r="G42" s="934"/>
      <c r="H42" s="934"/>
      <c r="I42" s="934"/>
      <c r="J42" s="934"/>
      <c r="K42" s="934"/>
      <c r="L42" s="934"/>
      <c r="M42" s="935"/>
      <c r="N42" s="169"/>
      <c r="O42" s="272" t="s">
        <v>318</v>
      </c>
      <c r="P42" s="961"/>
      <c r="Q42" s="961"/>
      <c r="R42" s="961"/>
      <c r="S42" s="961"/>
      <c r="T42" s="961"/>
      <c r="U42" s="961"/>
      <c r="V42" s="961"/>
      <c r="W42" s="961"/>
      <c r="X42" s="961"/>
      <c r="Y42" s="961"/>
      <c r="Z42" s="961"/>
      <c r="AA42" s="961"/>
      <c r="AB42" s="961"/>
      <c r="AC42" s="961"/>
      <c r="AD42" s="961"/>
      <c r="AE42" s="961"/>
      <c r="AF42" s="961"/>
      <c r="AG42" s="961"/>
      <c r="AH42" s="961"/>
      <c r="AI42" s="961"/>
      <c r="AJ42" s="961"/>
      <c r="AK42" s="961"/>
      <c r="AL42" s="962"/>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761"/>
      <c r="B43" s="934"/>
      <c r="C43" s="934"/>
      <c r="D43" s="934"/>
      <c r="E43" s="934"/>
      <c r="F43" s="934"/>
      <c r="G43" s="934"/>
      <c r="H43" s="934"/>
      <c r="I43" s="934"/>
      <c r="J43" s="934"/>
      <c r="K43" s="934"/>
      <c r="L43" s="934"/>
      <c r="M43" s="935"/>
      <c r="N43" s="140"/>
      <c r="O43" s="771" t="s">
        <v>775</v>
      </c>
      <c r="P43" s="772"/>
      <c r="Q43" s="772"/>
      <c r="R43" s="772"/>
      <c r="S43" s="772"/>
      <c r="T43" s="772"/>
      <c r="U43" s="772"/>
      <c r="V43" s="772"/>
      <c r="W43" s="772"/>
      <c r="X43" s="772"/>
      <c r="Y43" s="772"/>
      <c r="Z43" s="772"/>
      <c r="AA43" s="772"/>
      <c r="AB43" s="772"/>
      <c r="AC43" s="772"/>
      <c r="AD43" s="772"/>
      <c r="AE43" s="772"/>
      <c r="AF43" s="772"/>
      <c r="AG43" s="772"/>
      <c r="AH43" s="772"/>
      <c r="AI43" s="772"/>
      <c r="AJ43" s="772"/>
      <c r="AK43" s="772"/>
      <c r="AL43" s="773"/>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761"/>
      <c r="B44" s="934"/>
      <c r="C44" s="934"/>
      <c r="D44" s="934"/>
      <c r="E44" s="934"/>
      <c r="F44" s="934"/>
      <c r="G44" s="934"/>
      <c r="H44" s="934"/>
      <c r="I44" s="934"/>
      <c r="J44" s="934"/>
      <c r="K44" s="934"/>
      <c r="L44" s="934"/>
      <c r="M44" s="935"/>
      <c r="N44" s="68"/>
      <c r="O44" s="752"/>
      <c r="P44" s="753"/>
      <c r="Q44" s="753"/>
      <c r="R44" s="753"/>
      <c r="S44" s="753"/>
      <c r="T44" s="753"/>
      <c r="U44" s="753"/>
      <c r="V44" s="753"/>
      <c r="W44" s="753"/>
      <c r="X44" s="753"/>
      <c r="Y44" s="753"/>
      <c r="Z44" s="753"/>
      <c r="AA44" s="753"/>
      <c r="AB44" s="753"/>
      <c r="AC44" s="753"/>
      <c r="AD44" s="753"/>
      <c r="AE44" s="753"/>
      <c r="AF44" s="753"/>
      <c r="AG44" s="753"/>
      <c r="AH44" s="753"/>
      <c r="AI44" s="753"/>
      <c r="AJ44" s="753"/>
      <c r="AK44" s="753"/>
      <c r="AL44" s="754"/>
      <c r="AM44" s="5"/>
      <c r="AN44" s="764">
        <v>1831.9</v>
      </c>
      <c r="AO44" s="765"/>
      <c r="AP44" s="765"/>
      <c r="AQ44" s="765"/>
      <c r="AR44" s="765"/>
      <c r="AS44" s="727" t="s">
        <v>925</v>
      </c>
      <c r="AT44" s="727"/>
      <c r="AU44" s="727"/>
      <c r="AV44" s="728"/>
      <c r="AW44" s="710">
        <v>26.6</v>
      </c>
      <c r="AX44" s="711"/>
      <c r="AY44" s="711"/>
      <c r="AZ44" s="711"/>
      <c r="BA44" s="711"/>
      <c r="BB44" s="711"/>
      <c r="BC44" s="706" t="s">
        <v>828</v>
      </c>
      <c r="BD44" s="706"/>
      <c r="BE44" s="706"/>
      <c r="BF44" s="707"/>
      <c r="BG44" s="710">
        <v>95.5</v>
      </c>
      <c r="BH44" s="711"/>
      <c r="BI44" s="711"/>
      <c r="BJ44" s="711"/>
      <c r="BK44" s="711"/>
      <c r="BL44" s="711"/>
      <c r="BM44" s="706" t="s">
        <v>850</v>
      </c>
      <c r="BN44" s="706"/>
      <c r="BO44" s="706"/>
      <c r="BP44" s="707"/>
      <c r="BQ44" s="130"/>
      <c r="BR44" s="714">
        <v>55.56</v>
      </c>
      <c r="BS44" s="715"/>
      <c r="BT44" s="715"/>
      <c r="BU44" s="715"/>
      <c r="BV44" s="715"/>
      <c r="BW44" s="715"/>
      <c r="BX44" s="715"/>
      <c r="BY44" s="696" t="s">
        <v>812</v>
      </c>
      <c r="BZ44" s="696"/>
      <c r="CA44" s="696"/>
      <c r="CB44" s="697"/>
      <c r="CC44" s="718">
        <v>1207</v>
      </c>
      <c r="CD44" s="719">
        <v>1207</v>
      </c>
      <c r="CE44" s="719">
        <v>1207</v>
      </c>
      <c r="CF44" s="719">
        <v>1207</v>
      </c>
      <c r="CG44" s="719">
        <v>1207</v>
      </c>
      <c r="CH44" s="719">
        <v>1207</v>
      </c>
      <c r="CI44" s="719">
        <v>1207</v>
      </c>
      <c r="CJ44" s="696" t="s">
        <v>813</v>
      </c>
      <c r="CK44" s="696"/>
      <c r="CL44" s="696"/>
      <c r="CM44" s="697"/>
    </row>
    <row r="45" spans="1:100" ht="17.25" customHeight="1" x14ac:dyDescent="0.15">
      <c r="A45" s="761"/>
      <c r="B45" s="934"/>
      <c r="C45" s="934"/>
      <c r="D45" s="934"/>
      <c r="E45" s="934"/>
      <c r="F45" s="934"/>
      <c r="G45" s="934"/>
      <c r="H45" s="934"/>
      <c r="I45" s="934"/>
      <c r="J45" s="934"/>
      <c r="K45" s="934"/>
      <c r="L45" s="934"/>
      <c r="M45" s="935"/>
      <c r="N45" s="140"/>
      <c r="O45" s="752"/>
      <c r="P45" s="753"/>
      <c r="Q45" s="753"/>
      <c r="R45" s="753"/>
      <c r="S45" s="753"/>
      <c r="T45" s="753"/>
      <c r="U45" s="753"/>
      <c r="V45" s="753"/>
      <c r="W45" s="753"/>
      <c r="X45" s="753"/>
      <c r="Y45" s="753"/>
      <c r="Z45" s="753"/>
      <c r="AA45" s="753"/>
      <c r="AB45" s="753"/>
      <c r="AC45" s="753"/>
      <c r="AD45" s="753"/>
      <c r="AE45" s="753"/>
      <c r="AF45" s="753"/>
      <c r="AG45" s="753"/>
      <c r="AH45" s="753"/>
      <c r="AI45" s="753"/>
      <c r="AJ45" s="753"/>
      <c r="AK45" s="753"/>
      <c r="AL45" s="754"/>
      <c r="AM45" s="5"/>
      <c r="AN45" s="766"/>
      <c r="AO45" s="767"/>
      <c r="AP45" s="767"/>
      <c r="AQ45" s="767"/>
      <c r="AR45" s="767"/>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v>1207</v>
      </c>
      <c r="CD45" s="721">
        <v>1207</v>
      </c>
      <c r="CE45" s="721">
        <v>1207</v>
      </c>
      <c r="CF45" s="721">
        <v>1207</v>
      </c>
      <c r="CG45" s="721">
        <v>1207</v>
      </c>
      <c r="CH45" s="721">
        <v>1207</v>
      </c>
      <c r="CI45" s="721">
        <v>1207</v>
      </c>
      <c r="CJ45" s="698"/>
      <c r="CK45" s="698"/>
      <c r="CL45" s="698"/>
      <c r="CM45" s="699"/>
    </row>
    <row r="46" spans="1:100" ht="17.25" customHeight="1" x14ac:dyDescent="0.15">
      <c r="A46" s="761"/>
      <c r="B46" s="934"/>
      <c r="C46" s="934"/>
      <c r="D46" s="934"/>
      <c r="E46" s="934"/>
      <c r="F46" s="934"/>
      <c r="G46" s="934"/>
      <c r="H46" s="934"/>
      <c r="I46" s="934"/>
      <c r="J46" s="934"/>
      <c r="K46" s="934"/>
      <c r="L46" s="934"/>
      <c r="M46" s="935"/>
      <c r="N46" s="68"/>
      <c r="O46" s="752"/>
      <c r="P46" s="753"/>
      <c r="Q46" s="753"/>
      <c r="R46" s="753"/>
      <c r="S46" s="753"/>
      <c r="T46" s="753"/>
      <c r="U46" s="753"/>
      <c r="V46" s="753"/>
      <c r="W46" s="753"/>
      <c r="X46" s="753"/>
      <c r="Y46" s="753"/>
      <c r="Z46" s="753"/>
      <c r="AA46" s="753"/>
      <c r="AB46" s="753"/>
      <c r="AC46" s="753"/>
      <c r="AD46" s="753"/>
      <c r="AE46" s="753"/>
      <c r="AF46" s="753"/>
      <c r="AG46" s="753"/>
      <c r="AH46" s="753"/>
      <c r="AI46" s="753"/>
      <c r="AJ46" s="753"/>
      <c r="AK46" s="753"/>
      <c r="AL46" s="754"/>
      <c r="AM46" s="5"/>
      <c r="AN46" s="703" t="s">
        <v>814</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926</v>
      </c>
      <c r="CE46" s="704"/>
      <c r="CF46" s="704"/>
      <c r="CG46" s="704"/>
      <c r="CH46" s="704"/>
      <c r="CI46" s="704"/>
      <c r="CJ46" s="704"/>
      <c r="CK46" s="704"/>
      <c r="CL46" s="704"/>
      <c r="CM46" s="705"/>
    </row>
    <row r="47" spans="1:100" ht="17.25" customHeight="1" x14ac:dyDescent="0.15">
      <c r="A47" s="761"/>
      <c r="B47" s="934"/>
      <c r="C47" s="934"/>
      <c r="D47" s="934"/>
      <c r="E47" s="934"/>
      <c r="F47" s="934"/>
      <c r="G47" s="934"/>
      <c r="H47" s="934"/>
      <c r="I47" s="934"/>
      <c r="J47" s="934"/>
      <c r="K47" s="934"/>
      <c r="L47" s="934"/>
      <c r="M47" s="935"/>
      <c r="N47" s="68"/>
      <c r="O47" s="752"/>
      <c r="P47" s="753"/>
      <c r="Q47" s="753"/>
      <c r="R47" s="753"/>
      <c r="S47" s="753"/>
      <c r="T47" s="753"/>
      <c r="U47" s="753"/>
      <c r="V47" s="753"/>
      <c r="W47" s="753"/>
      <c r="X47" s="753"/>
      <c r="Y47" s="753"/>
      <c r="Z47" s="753"/>
      <c r="AA47" s="753"/>
      <c r="AB47" s="753"/>
      <c r="AC47" s="753"/>
      <c r="AD47" s="753"/>
      <c r="AE47" s="753"/>
      <c r="AF47" s="753"/>
      <c r="AG47" s="753"/>
      <c r="AH47" s="753"/>
      <c r="AI47" s="753"/>
      <c r="AJ47" s="753"/>
      <c r="AK47" s="753"/>
      <c r="AL47" s="754"/>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927</v>
      </c>
      <c r="BP47" s="734"/>
      <c r="BQ47" s="734"/>
      <c r="BR47" s="734"/>
      <c r="BS47" s="734"/>
      <c r="BT47" s="733" t="s">
        <v>84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761"/>
      <c r="B48" s="774"/>
      <c r="C48" s="774"/>
      <c r="D48" s="774"/>
      <c r="E48" s="774"/>
      <c r="F48" s="774"/>
      <c r="G48" s="774"/>
      <c r="H48" s="774"/>
      <c r="I48" s="774"/>
      <c r="J48" s="774"/>
      <c r="K48" s="774"/>
      <c r="L48" s="774"/>
      <c r="M48" s="775"/>
      <c r="N48" s="177"/>
      <c r="O48" s="752"/>
      <c r="P48" s="753"/>
      <c r="Q48" s="753"/>
      <c r="R48" s="753"/>
      <c r="S48" s="753"/>
      <c r="T48" s="753"/>
      <c r="U48" s="753"/>
      <c r="V48" s="753"/>
      <c r="W48" s="753"/>
      <c r="X48" s="753"/>
      <c r="Y48" s="753"/>
      <c r="Z48" s="753"/>
      <c r="AA48" s="753"/>
      <c r="AB48" s="753"/>
      <c r="AC48" s="753"/>
      <c r="AD48" s="753"/>
      <c r="AE48" s="753"/>
      <c r="AF48" s="753"/>
      <c r="AG48" s="753"/>
      <c r="AH48" s="753"/>
      <c r="AI48" s="753"/>
      <c r="AJ48" s="753"/>
      <c r="AK48" s="753"/>
      <c r="AL48" s="754"/>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761"/>
      <c r="B49" s="934"/>
      <c r="C49" s="934"/>
      <c r="D49" s="934"/>
      <c r="E49" s="934"/>
      <c r="F49" s="934"/>
      <c r="G49" s="934"/>
      <c r="H49" s="934"/>
      <c r="I49" s="934"/>
      <c r="J49" s="934"/>
      <c r="K49" s="934"/>
      <c r="L49" s="934"/>
      <c r="M49" s="935"/>
      <c r="N49" s="84"/>
      <c r="O49" s="752"/>
      <c r="P49" s="753"/>
      <c r="Q49" s="753"/>
      <c r="R49" s="753"/>
      <c r="S49" s="753"/>
      <c r="T49" s="753"/>
      <c r="U49" s="753"/>
      <c r="V49" s="753"/>
      <c r="W49" s="753"/>
      <c r="X49" s="753"/>
      <c r="Y49" s="753"/>
      <c r="Z49" s="753"/>
      <c r="AA49" s="753"/>
      <c r="AB49" s="753"/>
      <c r="AC49" s="753"/>
      <c r="AD49" s="753"/>
      <c r="AE49" s="753"/>
      <c r="AF49" s="753"/>
      <c r="AG49" s="753"/>
      <c r="AH49" s="753"/>
      <c r="AI49" s="753"/>
      <c r="AJ49" s="753"/>
      <c r="AK49" s="753"/>
      <c r="AL49" s="754"/>
      <c r="AM49" s="5"/>
      <c r="AN49" s="223">
        <v>21092.261999999999</v>
      </c>
      <c r="AO49" s="224"/>
      <c r="AP49" s="224"/>
      <c r="AQ49" s="224"/>
      <c r="AR49" s="224"/>
      <c r="AS49" s="224"/>
      <c r="AT49" s="225"/>
      <c r="AU49" s="229">
        <v>0.92200000000000004</v>
      </c>
      <c r="AV49" s="230"/>
      <c r="AW49" s="230"/>
      <c r="AX49" s="230"/>
      <c r="AY49" s="231"/>
      <c r="AZ49" s="210">
        <v>10.4</v>
      </c>
      <c r="BA49" s="211"/>
      <c r="BB49" s="211"/>
      <c r="BC49" s="211"/>
      <c r="BD49" s="212"/>
      <c r="BE49" s="210">
        <v>7.4</v>
      </c>
      <c r="BF49" s="211"/>
      <c r="BG49" s="211"/>
      <c r="BH49" s="211"/>
      <c r="BI49" s="212"/>
      <c r="BJ49" s="210">
        <v>28.6</v>
      </c>
      <c r="BK49" s="211"/>
      <c r="BL49" s="211"/>
      <c r="BM49" s="211"/>
      <c r="BN49" s="212"/>
      <c r="BO49" s="210">
        <v>5.8</v>
      </c>
      <c r="BP49" s="211"/>
      <c r="BQ49" s="211"/>
      <c r="BR49" s="211"/>
      <c r="BS49" s="212"/>
      <c r="BT49" s="210">
        <v>98.9</v>
      </c>
      <c r="BU49" s="211"/>
      <c r="BV49" s="211"/>
      <c r="BW49" s="211"/>
      <c r="BX49" s="212"/>
      <c r="BY49" s="210">
        <v>9</v>
      </c>
      <c r="BZ49" s="211"/>
      <c r="CA49" s="211"/>
      <c r="CB49" s="211"/>
      <c r="CC49" s="212"/>
      <c r="CD49" s="210">
        <v>58.2</v>
      </c>
      <c r="CE49" s="211"/>
      <c r="CF49" s="211"/>
      <c r="CG49" s="211"/>
      <c r="CH49" s="212"/>
      <c r="CI49" s="210">
        <v>56</v>
      </c>
      <c r="CJ49" s="211"/>
      <c r="CK49" s="211"/>
      <c r="CL49" s="211"/>
      <c r="CM49" s="212"/>
    </row>
    <row r="50" spans="1:91" ht="17.25" customHeight="1" x14ac:dyDescent="0.15">
      <c r="A50" s="758"/>
      <c r="B50" s="1136"/>
      <c r="C50" s="1136"/>
      <c r="D50" s="1136"/>
      <c r="E50" s="1136"/>
      <c r="F50" s="1136"/>
      <c r="G50" s="1136"/>
      <c r="H50" s="1136"/>
      <c r="I50" s="1136"/>
      <c r="J50" s="1136"/>
      <c r="K50" s="1136"/>
      <c r="L50" s="1136"/>
      <c r="M50" s="1137"/>
      <c r="N50" s="84"/>
      <c r="O50" s="755"/>
      <c r="P50" s="756"/>
      <c r="Q50" s="756"/>
      <c r="R50" s="756"/>
      <c r="S50" s="756"/>
      <c r="T50" s="756"/>
      <c r="U50" s="756"/>
      <c r="V50" s="756"/>
      <c r="W50" s="756"/>
      <c r="X50" s="756"/>
      <c r="Y50" s="756"/>
      <c r="Z50" s="756"/>
      <c r="AA50" s="756"/>
      <c r="AB50" s="756"/>
      <c r="AC50" s="756"/>
      <c r="AD50" s="756"/>
      <c r="AE50" s="756"/>
      <c r="AF50" s="756"/>
      <c r="AG50" s="756"/>
      <c r="AH50" s="756"/>
      <c r="AI50" s="756"/>
      <c r="AJ50" s="756"/>
      <c r="AK50" s="756"/>
      <c r="AL50" s="757"/>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6">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BR42:CB43"/>
    <mergeCell ref="CC42:CM43"/>
    <mergeCell ref="A46:M46"/>
    <mergeCell ref="O46:AL46"/>
    <mergeCell ref="AN46:AV46"/>
    <mergeCell ref="AW46:BD46"/>
    <mergeCell ref="CD46:CM46"/>
    <mergeCell ref="BC44:BF45"/>
    <mergeCell ref="BG44:BL45"/>
    <mergeCell ref="BM44:BP45"/>
    <mergeCell ref="BR44:BX45"/>
    <mergeCell ref="BY44:CB45"/>
    <mergeCell ref="CC44:CI45"/>
    <mergeCell ref="A43:M43"/>
    <mergeCell ref="O43:AL43"/>
    <mergeCell ref="A44:M44"/>
    <mergeCell ref="O44:AL44"/>
    <mergeCell ref="AN44:AR45"/>
    <mergeCell ref="AS44:AV45"/>
    <mergeCell ref="AW44:BB45"/>
    <mergeCell ref="BY39:CG40"/>
    <mergeCell ref="CH39:CM40"/>
    <mergeCell ref="A40:M40"/>
    <mergeCell ref="O40:AL40"/>
    <mergeCell ref="A41:M41"/>
    <mergeCell ref="O41:AL41"/>
    <mergeCell ref="AU41:BE41"/>
    <mergeCell ref="BR41:CM41"/>
    <mergeCell ref="BG42:BP43"/>
    <mergeCell ref="A39:M39"/>
    <mergeCell ref="O39:AL39"/>
    <mergeCell ref="AN39:AV40"/>
    <mergeCell ref="AW39:BF40"/>
    <mergeCell ref="BG39:BP40"/>
    <mergeCell ref="BR39:BX40"/>
    <mergeCell ref="A42:M42"/>
    <mergeCell ref="O42:AL42"/>
    <mergeCell ref="AN42:AV43"/>
    <mergeCell ref="AW42:BF4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7:CG38"/>
    <mergeCell ref="CH37:CM38"/>
    <mergeCell ref="A38:M38"/>
    <mergeCell ref="O38:AL38"/>
    <mergeCell ref="CH31:CM32"/>
    <mergeCell ref="AO32:BP32"/>
    <mergeCell ref="AO33:BP33"/>
    <mergeCell ref="BR33:BX34"/>
    <mergeCell ref="BY33:CG34"/>
    <mergeCell ref="CH33:CM34"/>
    <mergeCell ref="AN34:BO34"/>
    <mergeCell ref="AO27:CM27"/>
    <mergeCell ref="A28:AL28"/>
    <mergeCell ref="AN28:CM28"/>
    <mergeCell ref="A29:AL34"/>
    <mergeCell ref="AO29:BP29"/>
    <mergeCell ref="AO30:BP30"/>
    <mergeCell ref="BY30:CI30"/>
    <mergeCell ref="AO31:BP31"/>
    <mergeCell ref="BR31:BX32"/>
    <mergeCell ref="BY31:CG32"/>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N16:AS18"/>
    <mergeCell ref="F19:M19"/>
    <mergeCell ref="Q19:T19"/>
    <mergeCell ref="U19:X19"/>
    <mergeCell ref="Y19:AL19"/>
    <mergeCell ref="AN19:AS21"/>
    <mergeCell ref="AT19:CM21"/>
    <mergeCell ref="F20:M21"/>
    <mergeCell ref="Q20:T20"/>
    <mergeCell ref="U20:X20"/>
    <mergeCell ref="Y20:AL20"/>
    <mergeCell ref="Q21:AL21"/>
    <mergeCell ref="AT16:CM18"/>
    <mergeCell ref="F17:M18"/>
    <mergeCell ref="Q17:T17"/>
    <mergeCell ref="U17:X17"/>
    <mergeCell ref="Y17:AL17"/>
    <mergeCell ref="Q18:T18"/>
    <mergeCell ref="U18:X18"/>
    <mergeCell ref="Y18:AL18"/>
    <mergeCell ref="F13:M14"/>
    <mergeCell ref="Q13:T13"/>
    <mergeCell ref="U13:X13"/>
    <mergeCell ref="Y15:AL15"/>
    <mergeCell ref="A16:E21"/>
    <mergeCell ref="F16:M16"/>
    <mergeCell ref="Q16:T16"/>
    <mergeCell ref="U16:X16"/>
    <mergeCell ref="Y16:AL16"/>
    <mergeCell ref="A9:D10"/>
    <mergeCell ref="E9:AL10"/>
    <mergeCell ref="AN9:CM9"/>
    <mergeCell ref="AN10:AS12"/>
    <mergeCell ref="AT10:CM12"/>
    <mergeCell ref="A11:D11"/>
    <mergeCell ref="E11:AL11"/>
    <mergeCell ref="A12:E13"/>
    <mergeCell ref="F12:M12"/>
    <mergeCell ref="N12:N27"/>
    <mergeCell ref="AN13:AS15"/>
    <mergeCell ref="AT13:CM15"/>
    <mergeCell ref="A14:E14"/>
    <mergeCell ref="Q14:T14"/>
    <mergeCell ref="U14:X14"/>
    <mergeCell ref="Y14:AL14"/>
    <mergeCell ref="A15:E15"/>
    <mergeCell ref="F15:M15"/>
    <mergeCell ref="Q15:T15"/>
    <mergeCell ref="U15:X15"/>
    <mergeCell ref="O12:P21"/>
    <mergeCell ref="Q12:T12"/>
    <mergeCell ref="U12:X12"/>
    <mergeCell ref="Y12:AL13"/>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city.iseh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5―</oddFooter>
  </headerFooter>
  <drawing r:id="rId3"/>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4"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158</v>
      </c>
      <c r="B1" s="644" ph="1"/>
      <c r="C1" s="644" ph="1"/>
      <c r="D1" s="644" ph="1"/>
      <c r="E1" s="644" ph="1"/>
      <c r="F1" s="644" ph="1"/>
      <c r="G1" s="644" ph="1"/>
      <c r="H1" s="644" ph="1"/>
      <c r="I1" s="645"/>
      <c r="J1" s="645"/>
      <c r="K1" s="645"/>
      <c r="L1" s="645"/>
      <c r="M1" s="645"/>
      <c r="N1" s="454" t="s">
        <v>911</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1368</v>
      </c>
      <c r="AO2" s="467"/>
      <c r="AP2" s="1157"/>
      <c r="AQ2" s="1157"/>
      <c r="AR2" s="1157"/>
      <c r="AS2" s="1157"/>
      <c r="AT2" s="1157"/>
      <c r="AU2" s="1157"/>
      <c r="AV2" s="1157"/>
      <c r="AW2" s="1157"/>
      <c r="AX2" s="1157"/>
      <c r="AY2" s="1157"/>
      <c r="AZ2" s="1157"/>
      <c r="BA2" s="1157"/>
      <c r="BB2" s="1157"/>
      <c r="BC2" s="1157"/>
      <c r="BD2" s="1157"/>
      <c r="BE2" s="1157"/>
      <c r="BF2" s="1157"/>
      <c r="BG2" s="1157"/>
      <c r="BH2" s="1157"/>
      <c r="BI2" s="1157"/>
      <c r="BJ2" s="1157"/>
      <c r="BK2" s="1157"/>
      <c r="BL2" s="1157"/>
      <c r="BM2" s="1157"/>
      <c r="BN2" s="1157"/>
      <c r="BO2" s="1157"/>
      <c r="BP2" s="1157"/>
      <c r="BQ2" s="1157"/>
      <c r="BR2" s="1157"/>
      <c r="BS2" s="1157"/>
      <c r="BT2" s="1157"/>
      <c r="BU2" s="1157"/>
      <c r="BV2" s="1157"/>
      <c r="BW2" s="1157"/>
      <c r="BX2" s="1157"/>
      <c r="BY2" s="1157"/>
      <c r="BZ2" s="1157"/>
      <c r="CA2" s="1157"/>
      <c r="CB2" s="1157"/>
      <c r="CC2" s="1157"/>
      <c r="CD2" s="1157"/>
      <c r="CE2" s="1157"/>
      <c r="CF2" s="1157"/>
      <c r="CG2" s="1157"/>
      <c r="CH2" s="1157"/>
      <c r="CI2" s="1157"/>
      <c r="CJ2" s="1157"/>
      <c r="CK2" s="1157"/>
      <c r="CL2" s="1157"/>
      <c r="CM2" s="1158"/>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1159"/>
      <c r="AO3" s="1160"/>
      <c r="AP3" s="1160"/>
      <c r="AQ3" s="1160"/>
      <c r="AR3" s="1160"/>
      <c r="AS3" s="1160"/>
      <c r="AT3" s="1160"/>
      <c r="AU3" s="1160"/>
      <c r="AV3" s="1160"/>
      <c r="AW3" s="1160"/>
      <c r="AX3" s="1160"/>
      <c r="AY3" s="1160"/>
      <c r="AZ3" s="1160"/>
      <c r="BA3" s="1160"/>
      <c r="BB3" s="1160"/>
      <c r="BC3" s="1160"/>
      <c r="BD3" s="1160"/>
      <c r="BE3" s="1160"/>
      <c r="BF3" s="1160"/>
      <c r="BG3" s="1160"/>
      <c r="BH3" s="1160"/>
      <c r="BI3" s="1160"/>
      <c r="BJ3" s="1160"/>
      <c r="BK3" s="1160"/>
      <c r="BL3" s="1160"/>
      <c r="BM3" s="1160"/>
      <c r="BN3" s="1160"/>
      <c r="BO3" s="1160"/>
      <c r="BP3" s="1160"/>
      <c r="BQ3" s="1160"/>
      <c r="BR3" s="1160"/>
      <c r="BS3" s="1160"/>
      <c r="BT3" s="1160"/>
      <c r="BU3" s="1160"/>
      <c r="BV3" s="1160"/>
      <c r="BW3" s="1160"/>
      <c r="BX3" s="1160"/>
      <c r="BY3" s="1160"/>
      <c r="BZ3" s="1160"/>
      <c r="CA3" s="1160"/>
      <c r="CB3" s="1160"/>
      <c r="CC3" s="1160"/>
      <c r="CD3" s="1160"/>
      <c r="CE3" s="1160"/>
      <c r="CF3" s="1160"/>
      <c r="CG3" s="1160"/>
      <c r="CH3" s="1160"/>
      <c r="CI3" s="1160"/>
      <c r="CJ3" s="1160"/>
      <c r="CK3" s="1160"/>
      <c r="CL3" s="1160"/>
      <c r="CM3" s="1161"/>
      <c r="CQ3" s="3" ph="1"/>
    </row>
    <row r="4" spans="1:100" ht="17.25" customHeight="1" x14ac:dyDescent="0.15">
      <c r="A4" s="641" t="s">
        <v>236</v>
      </c>
      <c r="B4" s="641"/>
      <c r="C4" s="641"/>
      <c r="D4" s="641"/>
      <c r="E4" s="458">
        <v>142158</v>
      </c>
      <c r="F4" s="458"/>
      <c r="G4" s="458"/>
      <c r="H4" s="458"/>
      <c r="I4" s="647"/>
      <c r="J4" s="647"/>
      <c r="K4" s="647"/>
      <c r="L4" s="647"/>
      <c r="M4" s="647"/>
      <c r="N4" s="459" t="s">
        <v>152</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1159"/>
      <c r="AO4" s="1160"/>
      <c r="AP4" s="1160"/>
      <c r="AQ4" s="1160"/>
      <c r="AR4" s="1160"/>
      <c r="AS4" s="1160"/>
      <c r="AT4" s="1160"/>
      <c r="AU4" s="1160"/>
      <c r="AV4" s="1160"/>
      <c r="AW4" s="1160"/>
      <c r="AX4" s="1160"/>
      <c r="AY4" s="1160"/>
      <c r="AZ4" s="1160"/>
      <c r="BA4" s="1160"/>
      <c r="BB4" s="1160"/>
      <c r="BC4" s="1160"/>
      <c r="BD4" s="1160"/>
      <c r="BE4" s="1160"/>
      <c r="BF4" s="1160"/>
      <c r="BG4" s="1160"/>
      <c r="BH4" s="1160"/>
      <c r="BI4" s="1160"/>
      <c r="BJ4" s="1160"/>
      <c r="BK4" s="1160"/>
      <c r="BL4" s="1160"/>
      <c r="BM4" s="1160"/>
      <c r="BN4" s="1160"/>
      <c r="BO4" s="1160"/>
      <c r="BP4" s="1160"/>
      <c r="BQ4" s="1160"/>
      <c r="BR4" s="1160"/>
      <c r="BS4" s="1160"/>
      <c r="BT4" s="1160"/>
      <c r="BU4" s="1160"/>
      <c r="BV4" s="1160"/>
      <c r="BW4" s="1160"/>
      <c r="BX4" s="1160"/>
      <c r="BY4" s="1160"/>
      <c r="BZ4" s="1160"/>
      <c r="CA4" s="1160"/>
      <c r="CB4" s="1160"/>
      <c r="CC4" s="1160"/>
      <c r="CD4" s="1160"/>
      <c r="CE4" s="1160"/>
      <c r="CF4" s="1160"/>
      <c r="CG4" s="1160"/>
      <c r="CH4" s="1160"/>
      <c r="CI4" s="1160"/>
      <c r="CJ4" s="1160"/>
      <c r="CK4" s="1160"/>
      <c r="CL4" s="1160"/>
      <c r="CM4" s="1161"/>
    </row>
    <row r="5" spans="1:100" ht="17.25" customHeight="1" x14ac:dyDescent="0.15">
      <c r="A5" s="428" t="s">
        <v>237</v>
      </c>
      <c r="B5" s="428"/>
      <c r="C5" s="428"/>
      <c r="D5" s="428"/>
      <c r="E5" s="428"/>
      <c r="F5" s="428"/>
      <c r="G5" s="428"/>
      <c r="H5" s="428"/>
      <c r="I5" s="486" t="s">
        <v>928</v>
      </c>
      <c r="J5" s="487"/>
      <c r="K5" s="487"/>
      <c r="L5" s="487"/>
      <c r="M5" s="487"/>
      <c r="N5" s="487"/>
      <c r="O5" s="487"/>
      <c r="P5" s="487"/>
      <c r="Q5" s="487"/>
      <c r="R5" s="487"/>
      <c r="S5" s="487"/>
      <c r="T5" s="487"/>
      <c r="U5" s="487"/>
      <c r="V5" s="487"/>
      <c r="W5" s="487"/>
      <c r="X5" s="487"/>
      <c r="Y5" s="487"/>
      <c r="Z5" s="487"/>
      <c r="AA5" s="487"/>
      <c r="AB5" s="487"/>
      <c r="AC5" s="487"/>
      <c r="AD5" s="487"/>
      <c r="AE5" s="487"/>
      <c r="AF5" s="487"/>
      <c r="AG5" s="487"/>
      <c r="AH5" s="487"/>
      <c r="AI5" s="487"/>
      <c r="AJ5" s="487"/>
      <c r="AK5" s="487"/>
      <c r="AL5" s="488"/>
      <c r="AM5" s="5"/>
      <c r="AN5" s="1159"/>
      <c r="AO5" s="1160"/>
      <c r="AP5" s="1160"/>
      <c r="AQ5" s="1160"/>
      <c r="AR5" s="1160"/>
      <c r="AS5" s="1160"/>
      <c r="AT5" s="1160"/>
      <c r="AU5" s="1160"/>
      <c r="AV5" s="1160"/>
      <c r="AW5" s="1160"/>
      <c r="AX5" s="1160"/>
      <c r="AY5" s="1160"/>
      <c r="AZ5" s="1160"/>
      <c r="BA5" s="1160"/>
      <c r="BB5" s="1160"/>
      <c r="BC5" s="1160"/>
      <c r="BD5" s="1160"/>
      <c r="BE5" s="1160"/>
      <c r="BF5" s="1160"/>
      <c r="BG5" s="1160"/>
      <c r="BH5" s="1160"/>
      <c r="BI5" s="1160"/>
      <c r="BJ5" s="1160"/>
      <c r="BK5" s="1160"/>
      <c r="BL5" s="1160"/>
      <c r="BM5" s="1160"/>
      <c r="BN5" s="1160"/>
      <c r="BO5" s="1160"/>
      <c r="BP5" s="1160"/>
      <c r="BQ5" s="1160"/>
      <c r="BR5" s="1160"/>
      <c r="BS5" s="1160"/>
      <c r="BT5" s="1160"/>
      <c r="BU5" s="1160"/>
      <c r="BV5" s="1160"/>
      <c r="BW5" s="1160"/>
      <c r="BX5" s="1160"/>
      <c r="BY5" s="1160"/>
      <c r="BZ5" s="1160"/>
      <c r="CA5" s="1160"/>
      <c r="CB5" s="1160"/>
      <c r="CC5" s="1160"/>
      <c r="CD5" s="1160"/>
      <c r="CE5" s="1160"/>
      <c r="CF5" s="1160"/>
      <c r="CG5" s="1160"/>
      <c r="CH5" s="1160"/>
      <c r="CI5" s="1160"/>
      <c r="CJ5" s="1160"/>
      <c r="CK5" s="1160"/>
      <c r="CL5" s="1160"/>
      <c r="CM5" s="1161"/>
    </row>
    <row r="6" spans="1:100" ht="17.25" customHeight="1" x14ac:dyDescent="0.15">
      <c r="A6" s="428"/>
      <c r="B6" s="428"/>
      <c r="C6" s="428"/>
      <c r="D6" s="428"/>
      <c r="E6" s="428"/>
      <c r="F6" s="428"/>
      <c r="G6" s="428"/>
      <c r="H6" s="428"/>
      <c r="I6" s="489"/>
      <c r="J6" s="490"/>
      <c r="K6" s="490"/>
      <c r="L6" s="490"/>
      <c r="M6" s="490"/>
      <c r="N6" s="490"/>
      <c r="O6" s="490"/>
      <c r="P6" s="490"/>
      <c r="Q6" s="490"/>
      <c r="R6" s="490"/>
      <c r="S6" s="490"/>
      <c r="T6" s="490"/>
      <c r="U6" s="490"/>
      <c r="V6" s="490"/>
      <c r="W6" s="490"/>
      <c r="X6" s="490"/>
      <c r="Y6" s="490"/>
      <c r="Z6" s="490"/>
      <c r="AA6" s="490"/>
      <c r="AB6" s="490"/>
      <c r="AC6" s="490"/>
      <c r="AD6" s="490"/>
      <c r="AE6" s="490"/>
      <c r="AF6" s="490"/>
      <c r="AG6" s="490"/>
      <c r="AH6" s="490"/>
      <c r="AI6" s="490"/>
      <c r="AJ6" s="490"/>
      <c r="AK6" s="490"/>
      <c r="AL6" s="491"/>
      <c r="AM6" s="5"/>
      <c r="AN6" s="1159"/>
      <c r="AO6" s="1160"/>
      <c r="AP6" s="1160"/>
      <c r="AQ6" s="1160"/>
      <c r="AR6" s="1160"/>
      <c r="AS6" s="1160"/>
      <c r="AT6" s="1160"/>
      <c r="AU6" s="1160"/>
      <c r="AV6" s="1160"/>
      <c r="AW6" s="1160"/>
      <c r="AX6" s="1160"/>
      <c r="AY6" s="1160"/>
      <c r="AZ6" s="1160"/>
      <c r="BA6" s="1160"/>
      <c r="BB6" s="1160"/>
      <c r="BC6" s="1160"/>
      <c r="BD6" s="1160"/>
      <c r="BE6" s="1160"/>
      <c r="BF6" s="1160"/>
      <c r="BG6" s="1160"/>
      <c r="BH6" s="1160"/>
      <c r="BI6" s="1160"/>
      <c r="BJ6" s="1160"/>
      <c r="BK6" s="1160"/>
      <c r="BL6" s="1160"/>
      <c r="BM6" s="1160"/>
      <c r="BN6" s="1160"/>
      <c r="BO6" s="1160"/>
      <c r="BP6" s="1160"/>
      <c r="BQ6" s="1160"/>
      <c r="BR6" s="1160"/>
      <c r="BS6" s="1160"/>
      <c r="BT6" s="1160"/>
      <c r="BU6" s="1160"/>
      <c r="BV6" s="1160"/>
      <c r="BW6" s="1160"/>
      <c r="BX6" s="1160"/>
      <c r="BY6" s="1160"/>
      <c r="BZ6" s="1160"/>
      <c r="CA6" s="1160"/>
      <c r="CB6" s="1160"/>
      <c r="CC6" s="1160"/>
      <c r="CD6" s="1160"/>
      <c r="CE6" s="1160"/>
      <c r="CF6" s="1160"/>
      <c r="CG6" s="1160"/>
      <c r="CH6" s="1160"/>
      <c r="CI6" s="1160"/>
      <c r="CJ6" s="1160"/>
      <c r="CK6" s="1160"/>
      <c r="CL6" s="1160"/>
      <c r="CM6" s="1161"/>
    </row>
    <row r="7" spans="1:100" ht="17.25" customHeight="1" x14ac:dyDescent="0.15">
      <c r="A7" s="405" t="s">
        <v>238</v>
      </c>
      <c r="B7" s="406"/>
      <c r="C7" s="406"/>
      <c r="D7" s="407"/>
      <c r="E7" s="65" t="s">
        <v>784</v>
      </c>
      <c r="F7" s="492" t="s">
        <v>153</v>
      </c>
      <c r="G7" s="492"/>
      <c r="H7" s="492"/>
      <c r="I7" s="492"/>
      <c r="J7" s="492"/>
      <c r="K7" s="492"/>
      <c r="L7" s="493"/>
      <c r="M7" s="642"/>
      <c r="N7" s="642"/>
      <c r="O7" s="642"/>
      <c r="P7" s="642"/>
      <c r="Q7" s="642"/>
      <c r="R7" s="642"/>
      <c r="S7" s="642"/>
      <c r="T7" s="642"/>
      <c r="U7" s="642"/>
      <c r="V7" s="642"/>
      <c r="W7" s="642"/>
      <c r="X7" s="642"/>
      <c r="Y7" s="643"/>
      <c r="Z7" s="332" t="s">
        <v>239</v>
      </c>
      <c r="AA7" s="332"/>
      <c r="AB7" s="332"/>
      <c r="AC7" s="431" t="s">
        <v>154</v>
      </c>
      <c r="AD7" s="431"/>
      <c r="AE7" s="431"/>
      <c r="AF7" s="431"/>
      <c r="AG7" s="431"/>
      <c r="AH7" s="431"/>
      <c r="AI7" s="431"/>
      <c r="AJ7" s="431"/>
      <c r="AK7" s="431"/>
      <c r="AL7" s="431"/>
      <c r="AM7" s="5"/>
      <c r="AN7" s="1159"/>
      <c r="AO7" s="1160"/>
      <c r="AP7" s="1160"/>
      <c r="AQ7" s="1160"/>
      <c r="AR7" s="1160"/>
      <c r="AS7" s="1160"/>
      <c r="AT7" s="1160"/>
      <c r="AU7" s="1160"/>
      <c r="AV7" s="1160"/>
      <c r="AW7" s="1160"/>
      <c r="AX7" s="1160"/>
      <c r="AY7" s="1160"/>
      <c r="AZ7" s="1160"/>
      <c r="BA7" s="1160"/>
      <c r="BB7" s="1160"/>
      <c r="BC7" s="1160"/>
      <c r="BD7" s="1160"/>
      <c r="BE7" s="1160"/>
      <c r="BF7" s="1160"/>
      <c r="BG7" s="1160"/>
      <c r="BH7" s="1160"/>
      <c r="BI7" s="1160"/>
      <c r="BJ7" s="1160"/>
      <c r="BK7" s="1160"/>
      <c r="BL7" s="1160"/>
      <c r="BM7" s="1160"/>
      <c r="BN7" s="1160"/>
      <c r="BO7" s="1160"/>
      <c r="BP7" s="1160"/>
      <c r="BQ7" s="1160"/>
      <c r="BR7" s="1160"/>
      <c r="BS7" s="1160"/>
      <c r="BT7" s="1160"/>
      <c r="BU7" s="1160"/>
      <c r="BV7" s="1160"/>
      <c r="BW7" s="1160"/>
      <c r="BX7" s="1160"/>
      <c r="BY7" s="1160"/>
      <c r="BZ7" s="1160"/>
      <c r="CA7" s="1160"/>
      <c r="CB7" s="1160"/>
      <c r="CC7" s="1160"/>
      <c r="CD7" s="1160"/>
      <c r="CE7" s="1160"/>
      <c r="CF7" s="1160"/>
      <c r="CG7" s="1160"/>
      <c r="CH7" s="1160"/>
      <c r="CI7" s="1160"/>
      <c r="CJ7" s="1160"/>
      <c r="CK7" s="1160"/>
      <c r="CL7" s="1160"/>
      <c r="CM7" s="1161"/>
    </row>
    <row r="8" spans="1:100" ht="17.25" customHeight="1" x14ac:dyDescent="0.15">
      <c r="A8" s="405"/>
      <c r="B8" s="406"/>
      <c r="C8" s="406"/>
      <c r="D8" s="407"/>
      <c r="E8" s="433" t="s">
        <v>155</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1159"/>
      <c r="AO8" s="1160"/>
      <c r="AP8" s="1160"/>
      <c r="AQ8" s="1160"/>
      <c r="AR8" s="1160"/>
      <c r="AS8" s="1160"/>
      <c r="AT8" s="1160"/>
      <c r="AU8" s="1160"/>
      <c r="AV8" s="1160"/>
      <c r="AW8" s="1160"/>
      <c r="AX8" s="1160"/>
      <c r="AY8" s="1160"/>
      <c r="AZ8" s="1160"/>
      <c r="BA8" s="1160"/>
      <c r="BB8" s="1160"/>
      <c r="BC8" s="1160"/>
      <c r="BD8" s="1160"/>
      <c r="BE8" s="1160"/>
      <c r="BF8" s="1160"/>
      <c r="BG8" s="1160"/>
      <c r="BH8" s="1160"/>
      <c r="BI8" s="1160"/>
      <c r="BJ8" s="1160"/>
      <c r="BK8" s="1160"/>
      <c r="BL8" s="1160"/>
      <c r="BM8" s="1160"/>
      <c r="BN8" s="1160"/>
      <c r="BO8" s="1160"/>
      <c r="BP8" s="1160"/>
      <c r="BQ8" s="1160"/>
      <c r="BR8" s="1160"/>
      <c r="BS8" s="1160"/>
      <c r="BT8" s="1160"/>
      <c r="BU8" s="1160"/>
      <c r="BV8" s="1160"/>
      <c r="BW8" s="1160"/>
      <c r="BX8" s="1160"/>
      <c r="BY8" s="1160"/>
      <c r="BZ8" s="1160"/>
      <c r="CA8" s="1160"/>
      <c r="CB8" s="1160"/>
      <c r="CC8" s="1160"/>
      <c r="CD8" s="1160"/>
      <c r="CE8" s="1160"/>
      <c r="CF8" s="1160"/>
      <c r="CG8" s="1160"/>
      <c r="CH8" s="1160"/>
      <c r="CI8" s="1160"/>
      <c r="CJ8" s="1160"/>
      <c r="CK8" s="1160"/>
      <c r="CL8" s="1160"/>
      <c r="CM8" s="1161"/>
    </row>
    <row r="9" spans="1:100" ht="17.25" customHeight="1" x14ac:dyDescent="0.15">
      <c r="A9" s="405" t="s">
        <v>240</v>
      </c>
      <c r="B9" s="406"/>
      <c r="C9" s="406"/>
      <c r="D9" s="407"/>
      <c r="E9" s="445" t="s">
        <v>929</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1159"/>
      <c r="AO9" s="1160"/>
      <c r="AP9" s="1160"/>
      <c r="AQ9" s="1160"/>
      <c r="AR9" s="1160"/>
      <c r="AS9" s="1160"/>
      <c r="AT9" s="1160"/>
      <c r="AU9" s="1160"/>
      <c r="AV9" s="1160"/>
      <c r="AW9" s="1160"/>
      <c r="AX9" s="1160"/>
      <c r="AY9" s="1160"/>
      <c r="AZ9" s="1160"/>
      <c r="BA9" s="1160"/>
      <c r="BB9" s="1160"/>
      <c r="BC9" s="1160"/>
      <c r="BD9" s="1160"/>
      <c r="BE9" s="1160"/>
      <c r="BF9" s="1160"/>
      <c r="BG9" s="1160"/>
      <c r="BH9" s="1160"/>
      <c r="BI9" s="1160"/>
      <c r="BJ9" s="1160"/>
      <c r="BK9" s="1160"/>
      <c r="BL9" s="1160"/>
      <c r="BM9" s="1160"/>
      <c r="BN9" s="1160"/>
      <c r="BO9" s="1160"/>
      <c r="BP9" s="1160"/>
      <c r="BQ9" s="1160"/>
      <c r="BR9" s="1160"/>
      <c r="BS9" s="1160"/>
      <c r="BT9" s="1160"/>
      <c r="BU9" s="1160"/>
      <c r="BV9" s="1160"/>
      <c r="BW9" s="1160"/>
      <c r="BX9" s="1160"/>
      <c r="BY9" s="1160"/>
      <c r="BZ9" s="1160"/>
      <c r="CA9" s="1160"/>
      <c r="CB9" s="1160"/>
      <c r="CC9" s="1160"/>
      <c r="CD9" s="1160"/>
      <c r="CE9" s="1160"/>
      <c r="CF9" s="1160"/>
      <c r="CG9" s="1160"/>
      <c r="CH9" s="1160"/>
      <c r="CI9" s="1160"/>
      <c r="CJ9" s="1160"/>
      <c r="CK9" s="1160"/>
      <c r="CL9" s="1160"/>
      <c r="CM9" s="1161"/>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1159"/>
      <c r="AO10" s="1160"/>
      <c r="AP10" s="1160"/>
      <c r="AQ10" s="1160"/>
      <c r="AR10" s="1160"/>
      <c r="AS10" s="1160"/>
      <c r="AT10" s="1160"/>
      <c r="AU10" s="1160"/>
      <c r="AV10" s="1160"/>
      <c r="AW10" s="1160"/>
      <c r="AX10" s="1160"/>
      <c r="AY10" s="1160"/>
      <c r="AZ10" s="1160"/>
      <c r="BA10" s="1160"/>
      <c r="BB10" s="1160"/>
      <c r="BC10" s="1160"/>
      <c r="BD10" s="1160"/>
      <c r="BE10" s="1160"/>
      <c r="BF10" s="1160"/>
      <c r="BG10" s="1160"/>
      <c r="BH10" s="1160"/>
      <c r="BI10" s="1160"/>
      <c r="BJ10" s="1160"/>
      <c r="BK10" s="1160"/>
      <c r="BL10" s="1160"/>
      <c r="BM10" s="1160"/>
      <c r="BN10" s="1160"/>
      <c r="BO10" s="1160"/>
      <c r="BP10" s="1160"/>
      <c r="BQ10" s="1160"/>
      <c r="BR10" s="1160"/>
      <c r="BS10" s="1160"/>
      <c r="BT10" s="1160"/>
      <c r="BU10" s="1160"/>
      <c r="BV10" s="1160"/>
      <c r="BW10" s="1160"/>
      <c r="BX10" s="1160"/>
      <c r="BY10" s="1160"/>
      <c r="BZ10" s="1160"/>
      <c r="CA10" s="1160"/>
      <c r="CB10" s="1160"/>
      <c r="CC10" s="1160"/>
      <c r="CD10" s="1160"/>
      <c r="CE10" s="1160"/>
      <c r="CF10" s="1160"/>
      <c r="CG10" s="1160"/>
      <c r="CH10" s="1160"/>
      <c r="CI10" s="1160"/>
      <c r="CJ10" s="1160"/>
      <c r="CK10" s="1160"/>
      <c r="CL10" s="1160"/>
      <c r="CM10" s="1161"/>
    </row>
    <row r="11" spans="1:100" ht="17.25" customHeight="1" x14ac:dyDescent="0.15">
      <c r="A11" s="405" t="s">
        <v>37</v>
      </c>
      <c r="B11" s="406"/>
      <c r="C11" s="406"/>
      <c r="D11" s="407"/>
      <c r="E11" s="615" t="s">
        <v>930</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1159"/>
      <c r="AO11" s="1160"/>
      <c r="AP11" s="1160"/>
      <c r="AQ11" s="1160"/>
      <c r="AR11" s="1160"/>
      <c r="AS11" s="1160"/>
      <c r="AT11" s="1160"/>
      <c r="AU11" s="1160"/>
      <c r="AV11" s="1160"/>
      <c r="AW11" s="1160"/>
      <c r="AX11" s="1160"/>
      <c r="AY11" s="1160"/>
      <c r="AZ11" s="1160"/>
      <c r="BA11" s="1160"/>
      <c r="BB11" s="1160"/>
      <c r="BC11" s="1160"/>
      <c r="BD11" s="1160"/>
      <c r="BE11" s="1160"/>
      <c r="BF11" s="1160"/>
      <c r="BG11" s="1160"/>
      <c r="BH11" s="1160"/>
      <c r="BI11" s="1160"/>
      <c r="BJ11" s="1160"/>
      <c r="BK11" s="1160"/>
      <c r="BL11" s="1160"/>
      <c r="BM11" s="1160"/>
      <c r="BN11" s="1160"/>
      <c r="BO11" s="1160"/>
      <c r="BP11" s="1160"/>
      <c r="BQ11" s="1160"/>
      <c r="BR11" s="1160"/>
      <c r="BS11" s="1160"/>
      <c r="BT11" s="1160"/>
      <c r="BU11" s="1160"/>
      <c r="BV11" s="1160"/>
      <c r="BW11" s="1160"/>
      <c r="BX11" s="1160"/>
      <c r="BY11" s="1160"/>
      <c r="BZ11" s="1160"/>
      <c r="CA11" s="1160"/>
      <c r="CB11" s="1160"/>
      <c r="CC11" s="1160"/>
      <c r="CD11" s="1160"/>
      <c r="CE11" s="1160"/>
      <c r="CF11" s="1160"/>
      <c r="CG11" s="1160"/>
      <c r="CH11" s="1160"/>
      <c r="CI11" s="1160"/>
      <c r="CJ11" s="1160"/>
      <c r="CK11" s="1160"/>
      <c r="CL11" s="1160"/>
      <c r="CM11" s="1161"/>
    </row>
    <row r="12" spans="1:100" ht="17.25" customHeight="1" x14ac:dyDescent="0.15">
      <c r="A12" s="332" t="s">
        <v>241</v>
      </c>
      <c r="B12" s="332"/>
      <c r="C12" s="332"/>
      <c r="D12" s="332"/>
      <c r="E12" s="328"/>
      <c r="F12" s="844" t="s">
        <v>912</v>
      </c>
      <c r="G12" s="845"/>
      <c r="H12" s="845"/>
      <c r="I12" s="845"/>
      <c r="J12" s="845"/>
      <c r="K12" s="845"/>
      <c r="L12" s="845"/>
      <c r="M12" s="845"/>
      <c r="N12" s="522"/>
      <c r="O12" s="416" t="s">
        <v>242</v>
      </c>
      <c r="P12" s="417"/>
      <c r="Q12" s="377">
        <v>20290</v>
      </c>
      <c r="R12" s="220"/>
      <c r="S12" s="220"/>
      <c r="T12" s="220"/>
      <c r="U12" s="371" t="s">
        <v>148</v>
      </c>
      <c r="V12" s="220"/>
      <c r="W12" s="220"/>
      <c r="X12" s="220"/>
      <c r="Y12" s="371" t="s">
        <v>159</v>
      </c>
      <c r="Z12" s="220"/>
      <c r="AA12" s="220"/>
      <c r="AB12" s="220"/>
      <c r="AC12" s="220"/>
      <c r="AD12" s="220"/>
      <c r="AE12" s="220"/>
      <c r="AF12" s="220"/>
      <c r="AG12" s="220"/>
      <c r="AH12" s="220"/>
      <c r="AI12" s="220"/>
      <c r="AJ12" s="220"/>
      <c r="AK12" s="220"/>
      <c r="AL12" s="372"/>
      <c r="AM12" s="5"/>
      <c r="AN12" s="1162"/>
      <c r="AO12" s="1163"/>
      <c r="AP12" s="1163"/>
      <c r="AQ12" s="1163"/>
      <c r="AR12" s="1163"/>
      <c r="AS12" s="1163"/>
      <c r="AT12" s="1163"/>
      <c r="AU12" s="1163"/>
      <c r="AV12" s="1163"/>
      <c r="AW12" s="1163"/>
      <c r="AX12" s="1163"/>
      <c r="AY12" s="1163"/>
      <c r="AZ12" s="1163"/>
      <c r="BA12" s="1163"/>
      <c r="BB12" s="1163"/>
      <c r="BC12" s="1163"/>
      <c r="BD12" s="1163"/>
      <c r="BE12" s="1163"/>
      <c r="BF12" s="1163"/>
      <c r="BG12" s="1163"/>
      <c r="BH12" s="1163"/>
      <c r="BI12" s="1163"/>
      <c r="BJ12" s="1163"/>
      <c r="BK12" s="1163"/>
      <c r="BL12" s="1163"/>
      <c r="BM12" s="1163"/>
      <c r="BN12" s="1163"/>
      <c r="BO12" s="1163"/>
      <c r="BP12" s="1163"/>
      <c r="BQ12" s="1163"/>
      <c r="BR12" s="1163"/>
      <c r="BS12" s="1163"/>
      <c r="BT12" s="1163"/>
      <c r="BU12" s="1163"/>
      <c r="BV12" s="1163"/>
      <c r="BW12" s="1163"/>
      <c r="BX12" s="1163"/>
      <c r="BY12" s="1163"/>
      <c r="BZ12" s="1163"/>
      <c r="CA12" s="1163"/>
      <c r="CB12" s="1163"/>
      <c r="CC12" s="1163"/>
      <c r="CD12" s="1163"/>
      <c r="CE12" s="1163"/>
      <c r="CF12" s="1163"/>
      <c r="CG12" s="1163"/>
      <c r="CH12" s="1163"/>
      <c r="CI12" s="1163"/>
      <c r="CJ12" s="1163"/>
      <c r="CK12" s="1163"/>
      <c r="CL12" s="1163"/>
      <c r="CM12" s="1164"/>
      <c r="CQ12" s="3" ph="1"/>
      <c r="CR12" s="3" ph="1"/>
      <c r="CS12" s="3" ph="1"/>
      <c r="CT12" s="3" ph="1"/>
      <c r="CU12" s="3" ph="1"/>
      <c r="CV12" s="3" ph="1"/>
    </row>
    <row r="13" spans="1:100" ht="17.25" customHeight="1" x14ac:dyDescent="0.15">
      <c r="A13" s="328"/>
      <c r="B13" s="328"/>
      <c r="C13" s="328"/>
      <c r="D13" s="328"/>
      <c r="E13" s="328"/>
      <c r="F13" s="398" t="s" ph="1">
        <v>913</v>
      </c>
      <c r="G13" s="369"/>
      <c r="H13" s="369"/>
      <c r="I13" s="369"/>
      <c r="J13" s="369"/>
      <c r="K13" s="369"/>
      <c r="L13" s="369"/>
      <c r="M13" s="369"/>
      <c r="N13" s="523"/>
      <c r="O13" s="418"/>
      <c r="P13" s="419"/>
      <c r="Q13" s="377">
        <v>26238</v>
      </c>
      <c r="R13" s="220"/>
      <c r="S13" s="220"/>
      <c r="T13" s="220"/>
      <c r="U13" s="371" t="s">
        <v>345</v>
      </c>
      <c r="V13" s="220"/>
      <c r="W13" s="220"/>
      <c r="X13" s="220"/>
      <c r="Y13" s="371"/>
      <c r="Z13" s="852"/>
      <c r="AA13" s="852"/>
      <c r="AB13" s="852"/>
      <c r="AC13" s="852"/>
      <c r="AD13" s="852"/>
      <c r="AE13" s="852"/>
      <c r="AF13" s="852"/>
      <c r="AG13" s="852"/>
      <c r="AH13" s="852"/>
      <c r="AI13" s="852"/>
      <c r="AJ13" s="852"/>
      <c r="AK13" s="852"/>
      <c r="AL13" s="853"/>
      <c r="AM13" s="5"/>
      <c r="AN13" s="388" t="s">
        <v>245</v>
      </c>
      <c r="AO13" s="388"/>
      <c r="AP13" s="389"/>
      <c r="AQ13" s="389"/>
      <c r="AR13" s="389"/>
      <c r="AS13" s="389"/>
      <c r="AT13" s="389"/>
      <c r="AU13" s="389"/>
      <c r="AV13" s="389"/>
      <c r="AW13" s="389"/>
      <c r="AX13" s="389"/>
      <c r="AY13" s="389"/>
      <c r="AZ13" s="389"/>
      <c r="BA13" s="389"/>
      <c r="BB13" s="389"/>
      <c r="BC13" s="389"/>
      <c r="BD13" s="389"/>
      <c r="BE13" s="389"/>
      <c r="BF13" s="389"/>
      <c r="BG13" s="389"/>
      <c r="BH13" s="389"/>
      <c r="BI13" s="389"/>
      <c r="BJ13" s="389"/>
      <c r="BK13" s="389"/>
      <c r="BL13" s="389"/>
      <c r="BM13" s="389"/>
      <c r="BN13" s="389"/>
      <c r="BO13" s="389"/>
      <c r="BP13" s="389"/>
      <c r="BQ13" s="389"/>
      <c r="BR13" s="389"/>
      <c r="BS13" s="389"/>
      <c r="BT13" s="389"/>
      <c r="BU13" s="389"/>
      <c r="BV13" s="389"/>
      <c r="BW13" s="389"/>
      <c r="BX13" s="389"/>
      <c r="BY13" s="389"/>
      <c r="BZ13" s="389"/>
      <c r="CA13" s="389"/>
      <c r="CB13" s="389"/>
      <c r="CC13" s="389"/>
      <c r="CD13" s="389"/>
      <c r="CE13" s="389"/>
      <c r="CF13" s="389"/>
      <c r="CG13" s="389"/>
      <c r="CH13" s="389"/>
      <c r="CI13" s="389"/>
      <c r="CJ13" s="389"/>
      <c r="CK13" s="389"/>
      <c r="CL13" s="389"/>
      <c r="CM13" s="389"/>
      <c r="CQ13" s="3" ph="1"/>
      <c r="CR13" s="3" ph="1"/>
      <c r="CS13" s="3" ph="1"/>
      <c r="CT13" s="3" ph="1"/>
      <c r="CU13" s="3" ph="1"/>
      <c r="CV13" s="3" ph="1"/>
    </row>
    <row r="14" spans="1:100" ht="17.25" customHeight="1" x14ac:dyDescent="0.15">
      <c r="A14" s="426">
        <v>6</v>
      </c>
      <c r="B14" s="651"/>
      <c r="C14" s="651"/>
      <c r="D14" s="651"/>
      <c r="E14" s="651"/>
      <c r="F14" s="370"/>
      <c r="G14" s="370"/>
      <c r="H14" s="370"/>
      <c r="I14" s="370"/>
      <c r="J14" s="370"/>
      <c r="K14" s="370"/>
      <c r="L14" s="370"/>
      <c r="M14" s="370"/>
      <c r="N14" s="523"/>
      <c r="O14" s="418"/>
      <c r="P14" s="419"/>
      <c r="Q14" s="377">
        <v>30195</v>
      </c>
      <c r="R14" s="220"/>
      <c r="S14" s="220"/>
      <c r="T14" s="220"/>
      <c r="U14" s="371" t="s">
        <v>328</v>
      </c>
      <c r="V14" s="220"/>
      <c r="W14" s="220"/>
      <c r="X14" s="220"/>
      <c r="Y14" s="371" t="s">
        <v>160</v>
      </c>
      <c r="Z14" s="220"/>
      <c r="AA14" s="220"/>
      <c r="AB14" s="220"/>
      <c r="AC14" s="220"/>
      <c r="AD14" s="220"/>
      <c r="AE14" s="220"/>
      <c r="AF14" s="220"/>
      <c r="AG14" s="220"/>
      <c r="AH14" s="220"/>
      <c r="AI14" s="220"/>
      <c r="AJ14" s="220"/>
      <c r="AK14" s="220"/>
      <c r="AL14" s="372"/>
      <c r="AM14" s="5"/>
      <c r="AN14" s="287" t="s">
        <v>219</v>
      </c>
      <c r="AO14" s="287"/>
      <c r="AP14" s="287"/>
      <c r="AQ14" s="287"/>
      <c r="AR14" s="287"/>
      <c r="AS14" s="287"/>
      <c r="AT14" s="460" t="s">
        <v>1115</v>
      </c>
      <c r="AU14" s="349"/>
      <c r="AV14" s="349"/>
      <c r="AW14" s="349"/>
      <c r="AX14" s="349"/>
      <c r="AY14" s="349"/>
      <c r="AZ14" s="349"/>
      <c r="BA14" s="349"/>
      <c r="BB14" s="349"/>
      <c r="BC14" s="349"/>
      <c r="BD14" s="349"/>
      <c r="BE14" s="349"/>
      <c r="BF14" s="349"/>
      <c r="BG14" s="349"/>
      <c r="BH14" s="349"/>
      <c r="BI14" s="349"/>
      <c r="BJ14" s="349"/>
      <c r="BK14" s="349"/>
      <c r="BL14" s="349"/>
      <c r="BM14" s="349"/>
      <c r="BN14" s="349"/>
      <c r="BO14" s="349"/>
      <c r="BP14" s="349"/>
      <c r="BQ14" s="349"/>
      <c r="BR14" s="349"/>
      <c r="BS14" s="349"/>
      <c r="BT14" s="349"/>
      <c r="BU14" s="349"/>
      <c r="BV14" s="349"/>
      <c r="BW14" s="349"/>
      <c r="BX14" s="349"/>
      <c r="BY14" s="349"/>
      <c r="BZ14" s="349"/>
      <c r="CA14" s="349"/>
      <c r="CB14" s="349"/>
      <c r="CC14" s="349"/>
      <c r="CD14" s="349"/>
      <c r="CE14" s="349"/>
      <c r="CF14" s="349"/>
      <c r="CG14" s="349"/>
      <c r="CH14" s="349"/>
      <c r="CI14" s="349"/>
      <c r="CJ14" s="349"/>
      <c r="CK14" s="349"/>
      <c r="CL14" s="349"/>
      <c r="CM14" s="350"/>
      <c r="CQ14" s="3" ph="1"/>
      <c r="CR14" s="3" ph="1"/>
      <c r="CS14" s="3" ph="1"/>
      <c r="CT14" s="3" ph="1"/>
      <c r="CU14" s="3" ph="1"/>
      <c r="CV14" s="3" ph="1"/>
    </row>
    <row r="15" spans="1:100" ht="17.25" customHeight="1" x14ac:dyDescent="0.15">
      <c r="A15" s="428" t="s">
        <v>246</v>
      </c>
      <c r="B15" s="428"/>
      <c r="C15" s="428"/>
      <c r="D15" s="428"/>
      <c r="E15" s="428"/>
      <c r="F15" s="429">
        <v>46744</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87"/>
      <c r="AO15" s="287"/>
      <c r="AP15" s="287"/>
      <c r="AQ15" s="287"/>
      <c r="AR15" s="287"/>
      <c r="AS15" s="287"/>
      <c r="AT15" s="901"/>
      <c r="AU15" s="353"/>
      <c r="AV15" s="353"/>
      <c r="AW15" s="353"/>
      <c r="AX15" s="353"/>
      <c r="AY15" s="353"/>
      <c r="AZ15" s="353"/>
      <c r="BA15" s="353"/>
      <c r="BB15" s="353"/>
      <c r="BC15" s="353"/>
      <c r="BD15" s="353"/>
      <c r="BE15" s="353"/>
      <c r="BF15" s="353"/>
      <c r="BG15" s="353"/>
      <c r="BH15" s="353"/>
      <c r="BI15" s="353"/>
      <c r="BJ15" s="353"/>
      <c r="BK15" s="353"/>
      <c r="BL15" s="353"/>
      <c r="BM15" s="353"/>
      <c r="BN15" s="353"/>
      <c r="BO15" s="353"/>
      <c r="BP15" s="353"/>
      <c r="BQ15" s="353"/>
      <c r="BR15" s="353"/>
      <c r="BS15" s="353"/>
      <c r="BT15" s="353"/>
      <c r="BU15" s="353"/>
      <c r="BV15" s="353"/>
      <c r="BW15" s="353"/>
      <c r="BX15" s="353"/>
      <c r="BY15" s="353"/>
      <c r="BZ15" s="353"/>
      <c r="CA15" s="353"/>
      <c r="CB15" s="353"/>
      <c r="CC15" s="353"/>
      <c r="CD15" s="353"/>
      <c r="CE15" s="353"/>
      <c r="CF15" s="353"/>
      <c r="CG15" s="353"/>
      <c r="CH15" s="353"/>
      <c r="CI15" s="353"/>
      <c r="CJ15" s="353"/>
      <c r="CK15" s="353"/>
      <c r="CL15" s="353"/>
      <c r="CM15" s="354"/>
    </row>
    <row r="16" spans="1:100" ht="17.25" customHeight="1" x14ac:dyDescent="0.15">
      <c r="A16" s="382" t="s">
        <v>249</v>
      </c>
      <c r="B16" s="484"/>
      <c r="C16" s="484"/>
      <c r="D16" s="484"/>
      <c r="E16" s="485"/>
      <c r="F16" s="1165" t="s">
        <v>931</v>
      </c>
      <c r="G16" s="381"/>
      <c r="H16" s="381"/>
      <c r="I16" s="381"/>
      <c r="J16" s="381"/>
      <c r="K16" s="381"/>
      <c r="L16" s="381"/>
      <c r="M16" s="381"/>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87" t="s">
        <v>220</v>
      </c>
      <c r="AO16" s="287"/>
      <c r="AP16" s="287"/>
      <c r="AQ16" s="287"/>
      <c r="AR16" s="287"/>
      <c r="AS16" s="287"/>
      <c r="AT16" s="856" t="s">
        <v>914</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36" t="s">
        <v>932</v>
      </c>
      <c r="G17" s="337"/>
      <c r="H17" s="337"/>
      <c r="I17" s="337"/>
      <c r="J17" s="337"/>
      <c r="K17" s="337"/>
      <c r="L17" s="337"/>
      <c r="M17" s="338"/>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c r="AO17" s="287"/>
      <c r="AP17" s="287"/>
      <c r="AQ17" s="287"/>
      <c r="AR17" s="287"/>
      <c r="AS17" s="28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39"/>
      <c r="G18" s="340"/>
      <c r="H18" s="340"/>
      <c r="I18" s="340"/>
      <c r="J18" s="340"/>
      <c r="K18" s="340"/>
      <c r="L18" s="340"/>
      <c r="M18" s="341"/>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87" t="s">
        <v>221</v>
      </c>
      <c r="AO18" s="287"/>
      <c r="AP18" s="287"/>
      <c r="AQ18" s="287"/>
      <c r="AR18" s="287"/>
      <c r="AS18" s="287"/>
      <c r="AT18" s="856" t="s">
        <v>1568</v>
      </c>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1165" t="s">
        <v>1069</v>
      </c>
      <c r="G19" s="381"/>
      <c r="H19" s="381"/>
      <c r="I19" s="381"/>
      <c r="J19" s="381"/>
      <c r="K19" s="381"/>
      <c r="L19" s="381"/>
      <c r="M19" s="381"/>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87"/>
      <c r="AO19" s="287"/>
      <c r="AP19" s="287"/>
      <c r="AQ19" s="287"/>
      <c r="AR19" s="287"/>
      <c r="AS19" s="287"/>
      <c r="AT19" s="856"/>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36" t="s">
        <v>1068</v>
      </c>
      <c r="G20" s="337"/>
      <c r="H20" s="337"/>
      <c r="I20" s="337"/>
      <c r="J20" s="337"/>
      <c r="K20" s="337"/>
      <c r="L20" s="337"/>
      <c r="M20" s="338"/>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t="s">
        <v>222</v>
      </c>
      <c r="AO20" s="287"/>
      <c r="AP20" s="287"/>
      <c r="AQ20" s="287"/>
      <c r="AR20" s="287"/>
      <c r="AS20" s="287"/>
      <c r="AT20" s="856" t="s">
        <v>933</v>
      </c>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39"/>
      <c r="G21" s="340"/>
      <c r="H21" s="340"/>
      <c r="I21" s="340"/>
      <c r="J21" s="340"/>
      <c r="K21" s="340"/>
      <c r="L21" s="340"/>
      <c r="M21" s="341"/>
      <c r="N21" s="523"/>
      <c r="O21" s="418"/>
      <c r="P21" s="419"/>
      <c r="Q21" s="378" t="s">
        <v>934</v>
      </c>
      <c r="R21" s="378"/>
      <c r="S21" s="378"/>
      <c r="T21" s="378"/>
      <c r="U21" s="378"/>
      <c r="V21" s="378"/>
      <c r="W21" s="378"/>
      <c r="X21" s="378"/>
      <c r="Y21" s="378"/>
      <c r="Z21" s="378"/>
      <c r="AA21" s="378"/>
      <c r="AB21" s="378"/>
      <c r="AC21" s="378"/>
      <c r="AD21" s="378"/>
      <c r="AE21" s="378"/>
      <c r="AF21" s="378"/>
      <c r="AG21" s="378"/>
      <c r="AH21" s="378"/>
      <c r="AI21" s="378"/>
      <c r="AJ21" s="378"/>
      <c r="AK21" s="378"/>
      <c r="AL21" s="379"/>
      <c r="AM21" s="5"/>
      <c r="AN21" s="287"/>
      <c r="AO21" s="287"/>
      <c r="AP21" s="287"/>
      <c r="AQ21" s="287"/>
      <c r="AR21" s="287"/>
      <c r="AS21" s="287"/>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1166" t="s">
        <v>1407</v>
      </c>
      <c r="G22" s="1167"/>
      <c r="H22" s="1167"/>
      <c r="I22" s="1167"/>
      <c r="J22" s="1167"/>
      <c r="K22" s="1167"/>
      <c r="L22" s="1167"/>
      <c r="M22" s="1168"/>
      <c r="N22" s="523"/>
      <c r="O22" s="1031" t="s">
        <v>258</v>
      </c>
      <c r="P22" s="1031"/>
      <c r="Q22" s="916" t="s">
        <v>433</v>
      </c>
      <c r="R22" s="917"/>
      <c r="S22" s="917"/>
      <c r="T22" s="917"/>
      <c r="U22" s="917"/>
      <c r="V22" s="917"/>
      <c r="W22" s="917"/>
      <c r="X22" s="917"/>
      <c r="Y22" s="917"/>
      <c r="Z22" s="917"/>
      <c r="AA22" s="917"/>
      <c r="AB22" s="917"/>
      <c r="AC22" s="917"/>
      <c r="AD22" s="917"/>
      <c r="AE22" s="917"/>
      <c r="AF22" s="917"/>
      <c r="AG22" s="917"/>
      <c r="AH22" s="917"/>
      <c r="AI22" s="917"/>
      <c r="AJ22" s="917"/>
      <c r="AK22" s="917"/>
      <c r="AL22" s="918"/>
      <c r="AM22" s="5"/>
      <c r="AN22" s="518" t="s">
        <v>257</v>
      </c>
      <c r="AO22" s="518"/>
      <c r="AP22" s="1096"/>
      <c r="AQ22" s="1096"/>
      <c r="AR22" s="1096"/>
      <c r="AS22" s="1096"/>
      <c r="AT22" s="1096"/>
      <c r="AU22" s="1096"/>
      <c r="AV22" s="1096"/>
      <c r="AW22" s="1096"/>
      <c r="AX22" s="1096"/>
      <c r="AY22" s="1096"/>
      <c r="AZ22" s="1096"/>
      <c r="BA22" s="1096"/>
      <c r="BB22" s="1096"/>
      <c r="BC22" s="1096"/>
      <c r="BD22" s="1096"/>
      <c r="BE22" s="1096"/>
      <c r="BF22" s="1096"/>
      <c r="BG22" s="1096"/>
      <c r="BH22" s="1096"/>
      <c r="BI22" s="1096"/>
      <c r="BJ22" s="1096"/>
      <c r="BK22" s="1096"/>
      <c r="BL22" s="1096"/>
      <c r="BM22" s="1096"/>
      <c r="BN22" s="1096"/>
      <c r="BO22" s="1096"/>
      <c r="BP22" s="1096"/>
      <c r="BQ22" s="1096"/>
      <c r="BR22" s="1096"/>
      <c r="BS22" s="1096"/>
      <c r="BT22" s="1096"/>
      <c r="BU22" s="1096"/>
      <c r="BV22" s="1096"/>
      <c r="BW22" s="1096"/>
      <c r="BX22" s="1096"/>
      <c r="BY22" s="1096"/>
      <c r="BZ22" s="1096"/>
      <c r="CA22" s="1096"/>
      <c r="CB22" s="1096"/>
      <c r="CC22" s="1096"/>
      <c r="CD22" s="1096"/>
      <c r="CE22" s="1096"/>
      <c r="CF22" s="1096"/>
      <c r="CG22" s="1096"/>
      <c r="CH22" s="1096"/>
      <c r="CI22" s="1096"/>
      <c r="CJ22" s="1096"/>
      <c r="CK22" s="1096"/>
      <c r="CL22" s="1096"/>
      <c r="CM22" s="1096"/>
      <c r="CQ22" s="3" ph="1"/>
      <c r="CR22" s="3" ph="1"/>
      <c r="CS22" s="3" ph="1"/>
      <c r="CT22" s="3" ph="1"/>
      <c r="CU22" s="3" ph="1"/>
      <c r="CV22" s="3" ph="1"/>
    </row>
    <row r="23" spans="1:100" ht="17.25" customHeight="1" x14ac:dyDescent="0.15">
      <c r="A23" s="328"/>
      <c r="B23" s="328"/>
      <c r="C23" s="328"/>
      <c r="D23" s="328"/>
      <c r="E23" s="328"/>
      <c r="F23" s="336" t="s">
        <v>1406</v>
      </c>
      <c r="G23" s="337"/>
      <c r="H23" s="337"/>
      <c r="I23" s="337"/>
      <c r="J23" s="337"/>
      <c r="K23" s="337"/>
      <c r="L23" s="337"/>
      <c r="M23" s="338"/>
      <c r="N23" s="523"/>
      <c r="O23" s="1031"/>
      <c r="P23" s="1031"/>
      <c r="Q23" s="355">
        <v>26604</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 t="s">
        <v>16</v>
      </c>
      <c r="AO23" s="487" t="s">
        <v>1369</v>
      </c>
      <c r="AP23" s="487"/>
      <c r="AQ23" s="487"/>
      <c r="AR23" s="487"/>
      <c r="AS23" s="487"/>
      <c r="AT23" s="487"/>
      <c r="AU23" s="487"/>
      <c r="AV23" s="487"/>
      <c r="AW23" s="487"/>
      <c r="AX23" s="487"/>
      <c r="AY23" s="487"/>
      <c r="AZ23" s="487"/>
      <c r="BA23" s="487"/>
      <c r="BB23" s="487"/>
      <c r="BC23" s="487"/>
      <c r="BD23" s="487"/>
      <c r="BE23" s="487"/>
      <c r="BF23" s="487"/>
      <c r="BG23" s="487"/>
      <c r="BH23" s="487"/>
      <c r="BI23" s="487"/>
      <c r="BJ23" s="487"/>
      <c r="BK23" s="487"/>
      <c r="BL23" s="487"/>
      <c r="BM23" s="487"/>
      <c r="BN23" s="487"/>
      <c r="BO23" s="487"/>
      <c r="BP23" s="487"/>
      <c r="BQ23" s="487"/>
      <c r="BR23" s="487"/>
      <c r="BS23" s="487"/>
      <c r="BT23" s="487"/>
      <c r="BU23" s="487"/>
      <c r="BV23" s="487"/>
      <c r="BW23" s="487"/>
      <c r="BX23" s="487"/>
      <c r="BY23" s="487"/>
      <c r="BZ23" s="487"/>
      <c r="CA23" s="487"/>
      <c r="CB23" s="487"/>
      <c r="CC23" s="487"/>
      <c r="CD23" s="487"/>
      <c r="CE23" s="487"/>
      <c r="CF23" s="487"/>
      <c r="CG23" s="487"/>
      <c r="CH23" s="487"/>
      <c r="CI23" s="487"/>
      <c r="CJ23" s="487"/>
      <c r="CK23" s="487"/>
      <c r="CL23" s="487"/>
      <c r="CM23" s="488"/>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030" t="s">
        <v>434</v>
      </c>
      <c r="R24" s="862"/>
      <c r="S24" s="862"/>
      <c r="T24" s="862"/>
      <c r="U24" s="862"/>
      <c r="V24" s="862"/>
      <c r="W24" s="862"/>
      <c r="X24" s="862"/>
      <c r="Y24" s="862"/>
      <c r="Z24" s="862"/>
      <c r="AA24" s="862"/>
      <c r="AB24" s="862"/>
      <c r="AC24" s="862"/>
      <c r="AD24" s="862"/>
      <c r="AE24" s="862"/>
      <c r="AF24" s="862"/>
      <c r="AG24" s="862"/>
      <c r="AH24" s="862"/>
      <c r="AI24" s="862"/>
      <c r="AJ24" s="862"/>
      <c r="AK24" s="862"/>
      <c r="AL24" s="863"/>
      <c r="AM24" s="5"/>
      <c r="AN24" s="37" t="s">
        <v>805</v>
      </c>
      <c r="AO24" s="556" t="s">
        <v>1370</v>
      </c>
      <c r="AP24" s="556"/>
      <c r="AQ24" s="556"/>
      <c r="AR24" s="556"/>
      <c r="AS24" s="556"/>
      <c r="AT24" s="556"/>
      <c r="AU24" s="556"/>
      <c r="AV24" s="556"/>
      <c r="AW24" s="556"/>
      <c r="AX24" s="556"/>
      <c r="AY24" s="556"/>
      <c r="AZ24" s="556"/>
      <c r="BA24" s="556"/>
      <c r="BB24" s="556"/>
      <c r="BC24" s="556"/>
      <c r="BD24" s="556"/>
      <c r="BE24" s="556"/>
      <c r="BF24" s="556"/>
      <c r="BG24" s="556"/>
      <c r="BH24" s="556"/>
      <c r="BI24" s="556"/>
      <c r="BJ24" s="556"/>
      <c r="BK24" s="556"/>
      <c r="BL24" s="556"/>
      <c r="BM24" s="556"/>
      <c r="BN24" s="556"/>
      <c r="BO24" s="556"/>
      <c r="BP24" s="556"/>
      <c r="BQ24" s="556"/>
      <c r="BR24" s="556"/>
      <c r="BS24" s="556"/>
      <c r="BT24" s="556"/>
      <c r="BU24" s="556"/>
      <c r="BV24" s="556"/>
      <c r="BW24" s="556"/>
      <c r="BX24" s="556"/>
      <c r="BY24" s="556"/>
      <c r="BZ24" s="556"/>
      <c r="CA24" s="556"/>
      <c r="CB24" s="556"/>
      <c r="CC24" s="556"/>
      <c r="CD24" s="556"/>
      <c r="CE24" s="556"/>
      <c r="CF24" s="556"/>
      <c r="CG24" s="556"/>
      <c r="CH24" s="556"/>
      <c r="CI24" s="556"/>
      <c r="CJ24" s="556"/>
      <c r="CK24" s="556"/>
      <c r="CL24" s="556"/>
      <c r="CM24" s="557"/>
      <c r="CQ24" s="3" ph="1"/>
      <c r="CR24" s="3" ph="1"/>
      <c r="CS24" s="3" ph="1"/>
      <c r="CT24" s="3" ph="1"/>
      <c r="CU24" s="3" ph="1"/>
      <c r="CV24" s="3" ph="1"/>
    </row>
    <row r="25" spans="1:100" ht="17.25" customHeight="1" x14ac:dyDescent="0.15">
      <c r="A25" s="328" t="s">
        <v>263</v>
      </c>
      <c r="B25" s="328"/>
      <c r="C25" s="328"/>
      <c r="D25" s="328"/>
      <c r="E25" s="328"/>
      <c r="F25" s="1169" t="s">
        <v>1409</v>
      </c>
      <c r="G25" s="1170"/>
      <c r="H25" s="1170"/>
      <c r="I25" s="1170"/>
      <c r="J25" s="1170"/>
      <c r="K25" s="1170"/>
      <c r="L25" s="1170"/>
      <c r="M25" s="1171"/>
      <c r="N25" s="523"/>
      <c r="O25" s="428"/>
      <c r="P25" s="428"/>
      <c r="Q25" s="355">
        <v>26604</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861</v>
      </c>
      <c r="AO25" s="556" t="s">
        <v>1371</v>
      </c>
      <c r="AP25" s="556"/>
      <c r="AQ25" s="556"/>
      <c r="AR25" s="556"/>
      <c r="AS25" s="556"/>
      <c r="AT25" s="556"/>
      <c r="AU25" s="556"/>
      <c r="AV25" s="556"/>
      <c r="AW25" s="556"/>
      <c r="AX25" s="556"/>
      <c r="AY25" s="556"/>
      <c r="AZ25" s="556"/>
      <c r="BA25" s="556"/>
      <c r="BB25" s="556"/>
      <c r="BC25" s="556"/>
      <c r="BD25" s="556"/>
      <c r="BE25" s="556"/>
      <c r="BF25" s="556"/>
      <c r="BG25" s="556"/>
      <c r="BH25" s="556"/>
      <c r="BI25" s="556"/>
      <c r="BJ25" s="556"/>
      <c r="BK25" s="556"/>
      <c r="BL25" s="556"/>
      <c r="BM25" s="556"/>
      <c r="BN25" s="556"/>
      <c r="BO25" s="556"/>
      <c r="BP25" s="556"/>
      <c r="BQ25" s="556"/>
      <c r="BR25" s="556"/>
      <c r="BS25" s="556"/>
      <c r="BT25" s="556"/>
      <c r="BU25" s="556"/>
      <c r="BV25" s="556"/>
      <c r="BW25" s="556"/>
      <c r="BX25" s="556"/>
      <c r="BY25" s="556"/>
      <c r="BZ25" s="556"/>
      <c r="CA25" s="556"/>
      <c r="CB25" s="556"/>
      <c r="CC25" s="556"/>
      <c r="CD25" s="556"/>
      <c r="CE25" s="556"/>
      <c r="CF25" s="556"/>
      <c r="CG25" s="556"/>
      <c r="CH25" s="556"/>
      <c r="CI25" s="556"/>
      <c r="CJ25" s="556"/>
      <c r="CK25" s="556"/>
      <c r="CL25" s="556"/>
      <c r="CM25" s="557"/>
      <c r="CQ25" s="3" ph="1"/>
      <c r="CR25" s="3" ph="1"/>
      <c r="CS25" s="3" ph="1"/>
      <c r="CT25" s="3" ph="1"/>
      <c r="CU25" s="3" ph="1"/>
      <c r="CV25" s="3" ph="1"/>
    </row>
    <row r="26" spans="1:100" ht="17.25" customHeight="1" x14ac:dyDescent="0.15">
      <c r="A26" s="328"/>
      <c r="B26" s="328"/>
      <c r="C26" s="328"/>
      <c r="D26" s="328"/>
      <c r="E26" s="328"/>
      <c r="F26" s="336" t="s">
        <v>1408</v>
      </c>
      <c r="G26" s="337"/>
      <c r="H26" s="337"/>
      <c r="I26" s="337"/>
      <c r="J26" s="337"/>
      <c r="K26" s="337"/>
      <c r="L26" s="337"/>
      <c r="M26" s="338"/>
      <c r="N26" s="523"/>
      <c r="O26" s="428" t="s">
        <v>264</v>
      </c>
      <c r="P26" s="428"/>
      <c r="Q26" s="486" t="s">
        <v>935</v>
      </c>
      <c r="R26" s="487"/>
      <c r="S26" s="487"/>
      <c r="T26" s="487"/>
      <c r="U26" s="487"/>
      <c r="V26" s="487"/>
      <c r="W26" s="487"/>
      <c r="X26" s="487"/>
      <c r="Y26" s="487"/>
      <c r="Z26" s="487"/>
      <c r="AA26" s="487"/>
      <c r="AB26" s="487"/>
      <c r="AC26" s="487"/>
      <c r="AD26" s="487"/>
      <c r="AE26" s="487"/>
      <c r="AF26" s="487"/>
      <c r="AG26" s="487"/>
      <c r="AH26" s="487"/>
      <c r="AI26" s="487"/>
      <c r="AJ26" s="487"/>
      <c r="AK26" s="487"/>
      <c r="AL26" s="488"/>
      <c r="AM26" s="5"/>
      <c r="AN26" s="37" t="s">
        <v>16</v>
      </c>
      <c r="AO26" s="556" t="s">
        <v>1569</v>
      </c>
      <c r="AP26" s="556"/>
      <c r="AQ26" s="556"/>
      <c r="AR26" s="556"/>
      <c r="AS26" s="556"/>
      <c r="AT26" s="556"/>
      <c r="AU26" s="556"/>
      <c r="AV26" s="556"/>
      <c r="AW26" s="556"/>
      <c r="AX26" s="556"/>
      <c r="AY26" s="556"/>
      <c r="AZ26" s="556"/>
      <c r="BA26" s="556"/>
      <c r="BB26" s="556"/>
      <c r="BC26" s="556"/>
      <c r="BD26" s="556"/>
      <c r="BE26" s="556"/>
      <c r="BF26" s="556"/>
      <c r="BG26" s="556"/>
      <c r="BH26" s="556"/>
      <c r="BI26" s="556"/>
      <c r="BJ26" s="556"/>
      <c r="BK26" s="556"/>
      <c r="BL26" s="556"/>
      <c r="BM26" s="556"/>
      <c r="BN26" s="556"/>
      <c r="BO26" s="556"/>
      <c r="BP26" s="556"/>
      <c r="BQ26" s="556"/>
      <c r="BR26" s="556"/>
      <c r="BS26" s="556"/>
      <c r="BT26" s="556"/>
      <c r="BU26" s="556"/>
      <c r="BV26" s="556"/>
      <c r="BW26" s="556"/>
      <c r="BX26" s="556"/>
      <c r="BY26" s="556"/>
      <c r="BZ26" s="556"/>
      <c r="CA26" s="556"/>
      <c r="CB26" s="556"/>
      <c r="CC26" s="556"/>
      <c r="CD26" s="556"/>
      <c r="CE26" s="556"/>
      <c r="CF26" s="556"/>
      <c r="CG26" s="556"/>
      <c r="CH26" s="556"/>
      <c r="CI26" s="556"/>
      <c r="CJ26" s="556"/>
      <c r="CK26" s="556"/>
      <c r="CL26" s="556"/>
      <c r="CM26" s="557"/>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42">
        <v>33543</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37" t="s">
        <v>16</v>
      </c>
      <c r="AO27" s="552" t="s">
        <v>1549</v>
      </c>
      <c r="AP27" s="552"/>
      <c r="AQ27" s="552"/>
      <c r="AR27" s="552"/>
      <c r="AS27" s="552"/>
      <c r="AT27" s="552"/>
      <c r="AU27" s="552"/>
      <c r="AV27" s="552"/>
      <c r="AW27" s="552"/>
      <c r="AX27" s="552"/>
      <c r="AY27" s="552"/>
      <c r="AZ27" s="552"/>
      <c r="BA27" s="552"/>
      <c r="BB27" s="552"/>
      <c r="BC27" s="552"/>
      <c r="BD27" s="552"/>
      <c r="BE27" s="552"/>
      <c r="BF27" s="552"/>
      <c r="BG27" s="552"/>
      <c r="BH27" s="552"/>
      <c r="BI27" s="552"/>
      <c r="BJ27" s="552"/>
      <c r="BK27" s="552"/>
      <c r="BL27" s="552"/>
      <c r="BM27" s="552"/>
      <c r="BN27" s="552"/>
      <c r="BO27" s="552"/>
      <c r="BP27" s="552"/>
      <c r="BQ27" s="552"/>
      <c r="BR27" s="552"/>
      <c r="BS27" s="552"/>
      <c r="BT27" s="552"/>
      <c r="BU27" s="552"/>
      <c r="BV27" s="552"/>
      <c r="BW27" s="552"/>
      <c r="BX27" s="552"/>
      <c r="BY27" s="552"/>
      <c r="BZ27" s="552"/>
      <c r="CA27" s="552"/>
      <c r="CB27" s="552"/>
      <c r="CC27" s="552"/>
      <c r="CD27" s="552"/>
      <c r="CE27" s="552"/>
      <c r="CF27" s="552"/>
      <c r="CG27" s="552"/>
      <c r="CH27" s="552"/>
      <c r="CI27" s="552"/>
      <c r="CJ27" s="552"/>
      <c r="CK27" s="552"/>
      <c r="CL27" s="552"/>
      <c r="CM27" s="553"/>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1153" t="s">
        <v>936</v>
      </c>
      <c r="B29" s="1153"/>
      <c r="C29" s="1153"/>
      <c r="D29" s="1153"/>
      <c r="E29" s="1153"/>
      <c r="F29" s="1153"/>
      <c r="G29" s="1153"/>
      <c r="H29" s="1153"/>
      <c r="I29" s="1153"/>
      <c r="J29" s="1153"/>
      <c r="K29" s="1153"/>
      <c r="L29" s="1153"/>
      <c r="M29" s="1153"/>
      <c r="N29" s="1153"/>
      <c r="O29" s="1153"/>
      <c r="P29" s="1153"/>
      <c r="Q29" s="1153"/>
      <c r="R29" s="1153"/>
      <c r="S29" s="1153"/>
      <c r="T29" s="1153"/>
      <c r="U29" s="1153"/>
      <c r="V29" s="1153"/>
      <c r="W29" s="1153"/>
      <c r="X29" s="1153"/>
      <c r="Y29" s="1153"/>
      <c r="Z29" s="1153"/>
      <c r="AA29" s="1153"/>
      <c r="AB29" s="1153"/>
      <c r="AC29" s="1153"/>
      <c r="AD29" s="1153"/>
      <c r="AE29" s="1153"/>
      <c r="AF29" s="1153"/>
      <c r="AG29" s="1153"/>
      <c r="AH29" s="1153"/>
      <c r="AI29" s="1153"/>
      <c r="AJ29" s="1153"/>
      <c r="AK29" s="1153"/>
      <c r="AL29" s="1153"/>
      <c r="AM29" s="5"/>
      <c r="AN29" s="38" t="s">
        <v>806</v>
      </c>
      <c r="AO29" s="993" t="s">
        <v>1179</v>
      </c>
      <c r="AP29" s="1172"/>
      <c r="AQ29" s="1172"/>
      <c r="AR29" s="1172"/>
      <c r="AS29" s="1172"/>
      <c r="AT29" s="1172"/>
      <c r="AU29" s="1172"/>
      <c r="AV29" s="1172"/>
      <c r="AW29" s="1172"/>
      <c r="AX29" s="1172"/>
      <c r="AY29" s="1172"/>
      <c r="AZ29" s="1172"/>
      <c r="BA29" s="1172"/>
      <c r="BB29" s="1172"/>
      <c r="BC29" s="1172"/>
      <c r="BD29" s="1172"/>
      <c r="BE29" s="1172"/>
      <c r="BF29" s="1172"/>
      <c r="BG29" s="1172"/>
      <c r="BH29" s="1172"/>
      <c r="BI29" s="1172"/>
      <c r="BJ29" s="1172"/>
      <c r="BK29" s="1172"/>
      <c r="BL29" s="1172"/>
      <c r="BM29" s="1172"/>
      <c r="BN29" s="1172"/>
      <c r="BO29" s="1172"/>
      <c r="BP29" s="1173"/>
      <c r="BQ29" s="84"/>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1153"/>
      <c r="B30" s="1153"/>
      <c r="C30" s="1153"/>
      <c r="D30" s="1153"/>
      <c r="E30" s="1153"/>
      <c r="F30" s="1153"/>
      <c r="G30" s="1153"/>
      <c r="H30" s="1153"/>
      <c r="I30" s="1153"/>
      <c r="J30" s="1153"/>
      <c r="K30" s="1153"/>
      <c r="L30" s="1153"/>
      <c r="M30" s="1153"/>
      <c r="N30" s="1153"/>
      <c r="O30" s="1153"/>
      <c r="P30" s="1153"/>
      <c r="Q30" s="1153"/>
      <c r="R30" s="1153"/>
      <c r="S30" s="1153"/>
      <c r="T30" s="1153"/>
      <c r="U30" s="1153"/>
      <c r="V30" s="1153"/>
      <c r="W30" s="1153"/>
      <c r="X30" s="1153"/>
      <c r="Y30" s="1153"/>
      <c r="Z30" s="1153"/>
      <c r="AA30" s="1153"/>
      <c r="AB30" s="1153"/>
      <c r="AC30" s="1153"/>
      <c r="AD30" s="1153"/>
      <c r="AE30" s="1153"/>
      <c r="AF30" s="1153"/>
      <c r="AG30" s="1153"/>
      <c r="AH30" s="1153"/>
      <c r="AI30" s="1153"/>
      <c r="AJ30" s="1153"/>
      <c r="AK30" s="1153"/>
      <c r="AL30" s="1153"/>
      <c r="AM30" s="5"/>
      <c r="AN30" s="39" t="s">
        <v>805</v>
      </c>
      <c r="AO30" s="774" t="s">
        <v>1570</v>
      </c>
      <c r="AP30" s="774"/>
      <c r="AQ30" s="774"/>
      <c r="AR30" s="774"/>
      <c r="AS30" s="774"/>
      <c r="AT30" s="774"/>
      <c r="AU30" s="774"/>
      <c r="AV30" s="774"/>
      <c r="AW30" s="774"/>
      <c r="AX30" s="774"/>
      <c r="AY30" s="774"/>
      <c r="AZ30" s="774"/>
      <c r="BA30" s="774"/>
      <c r="BB30" s="774"/>
      <c r="BC30" s="774"/>
      <c r="BD30" s="774"/>
      <c r="BE30" s="774"/>
      <c r="BF30" s="774"/>
      <c r="BG30" s="774"/>
      <c r="BH30" s="774"/>
      <c r="BI30" s="774"/>
      <c r="BJ30" s="774"/>
      <c r="BK30" s="774"/>
      <c r="BL30" s="774"/>
      <c r="BM30" s="774"/>
      <c r="BN30" s="774"/>
      <c r="BO30" s="774"/>
      <c r="BP30" s="775"/>
      <c r="BQ30" s="118"/>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1153"/>
      <c r="B31" s="1153"/>
      <c r="C31" s="1153"/>
      <c r="D31" s="1153"/>
      <c r="E31" s="1153"/>
      <c r="F31" s="1153"/>
      <c r="G31" s="1153"/>
      <c r="H31" s="1153"/>
      <c r="I31" s="1153"/>
      <c r="J31" s="1153"/>
      <c r="K31" s="1153"/>
      <c r="L31" s="1153"/>
      <c r="M31" s="1153"/>
      <c r="N31" s="1153"/>
      <c r="O31" s="1153"/>
      <c r="P31" s="1153"/>
      <c r="Q31" s="1153"/>
      <c r="R31" s="1153"/>
      <c r="S31" s="1153"/>
      <c r="T31" s="1153"/>
      <c r="U31" s="1153"/>
      <c r="V31" s="1153"/>
      <c r="W31" s="1153"/>
      <c r="X31" s="1153"/>
      <c r="Y31" s="1153"/>
      <c r="Z31" s="1153"/>
      <c r="AA31" s="1153"/>
      <c r="AB31" s="1153"/>
      <c r="AC31" s="1153"/>
      <c r="AD31" s="1153"/>
      <c r="AE31" s="1153"/>
      <c r="AF31" s="1153"/>
      <c r="AG31" s="1153"/>
      <c r="AH31" s="1153"/>
      <c r="AI31" s="1153"/>
      <c r="AJ31" s="1153"/>
      <c r="AK31" s="1153"/>
      <c r="AL31" s="1153"/>
      <c r="AM31" s="5"/>
      <c r="AN31" s="39" t="s">
        <v>808</v>
      </c>
      <c r="AO31" s="351" t="s">
        <v>1571</v>
      </c>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85"/>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1153"/>
      <c r="B32" s="1153"/>
      <c r="C32" s="1153"/>
      <c r="D32" s="1153"/>
      <c r="E32" s="1153"/>
      <c r="F32" s="1153"/>
      <c r="G32" s="1153"/>
      <c r="H32" s="1153"/>
      <c r="I32" s="1153"/>
      <c r="J32" s="1153"/>
      <c r="K32" s="1153"/>
      <c r="L32" s="1153"/>
      <c r="M32" s="1153"/>
      <c r="N32" s="1153"/>
      <c r="O32" s="1153"/>
      <c r="P32" s="1153"/>
      <c r="Q32" s="1153"/>
      <c r="R32" s="1153"/>
      <c r="S32" s="1153"/>
      <c r="T32" s="1153"/>
      <c r="U32" s="1153"/>
      <c r="V32" s="1153"/>
      <c r="W32" s="1153"/>
      <c r="X32" s="1153"/>
      <c r="Y32" s="1153"/>
      <c r="Z32" s="1153"/>
      <c r="AA32" s="1153"/>
      <c r="AB32" s="1153"/>
      <c r="AC32" s="1153"/>
      <c r="AD32" s="1153"/>
      <c r="AE32" s="1153"/>
      <c r="AF32" s="1153"/>
      <c r="AG32" s="1153"/>
      <c r="AH32" s="1153"/>
      <c r="AI32" s="1153"/>
      <c r="AJ32" s="1153"/>
      <c r="AK32" s="1153"/>
      <c r="AL32" s="1153"/>
      <c r="AM32" s="5"/>
      <c r="AN32" s="39" t="s">
        <v>805</v>
      </c>
      <c r="AO32" s="351" t="s">
        <v>1372</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53"/>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1153"/>
      <c r="B33" s="1153"/>
      <c r="C33" s="1153"/>
      <c r="D33" s="1153"/>
      <c r="E33" s="1153"/>
      <c r="F33" s="1153"/>
      <c r="G33" s="1153"/>
      <c r="H33" s="1153"/>
      <c r="I33" s="1153"/>
      <c r="J33" s="1153"/>
      <c r="K33" s="1153"/>
      <c r="L33" s="1153"/>
      <c r="M33" s="1153"/>
      <c r="N33" s="1153"/>
      <c r="O33" s="1153"/>
      <c r="P33" s="1153"/>
      <c r="Q33" s="1153"/>
      <c r="R33" s="1153"/>
      <c r="S33" s="1153"/>
      <c r="T33" s="1153"/>
      <c r="U33" s="1153"/>
      <c r="V33" s="1153"/>
      <c r="W33" s="1153"/>
      <c r="X33" s="1153"/>
      <c r="Y33" s="1153"/>
      <c r="Z33" s="1153"/>
      <c r="AA33" s="1153"/>
      <c r="AB33" s="1153"/>
      <c r="AC33" s="1153"/>
      <c r="AD33" s="1153"/>
      <c r="AE33" s="1153"/>
      <c r="AF33" s="1153"/>
      <c r="AG33" s="1153"/>
      <c r="AH33" s="1153"/>
      <c r="AI33" s="1153"/>
      <c r="AJ33" s="1153"/>
      <c r="AK33" s="1153"/>
      <c r="AL33" s="1153"/>
      <c r="AM33" s="5"/>
      <c r="AN33" s="40" t="s">
        <v>806</v>
      </c>
      <c r="AO33" s="1003" t="s">
        <v>1180</v>
      </c>
      <c r="AP33" s="1003"/>
      <c r="AQ33" s="1003"/>
      <c r="AR33" s="1003"/>
      <c r="AS33" s="1003"/>
      <c r="AT33" s="1003"/>
      <c r="AU33" s="1003"/>
      <c r="AV33" s="1003"/>
      <c r="AW33" s="1003"/>
      <c r="AX33" s="1003"/>
      <c r="AY33" s="1003"/>
      <c r="AZ33" s="1003"/>
      <c r="BA33" s="1003"/>
      <c r="BB33" s="1003"/>
      <c r="BC33" s="1003"/>
      <c r="BD33" s="1003"/>
      <c r="BE33" s="1003"/>
      <c r="BF33" s="1003"/>
      <c r="BG33" s="1003"/>
      <c r="BH33" s="1003"/>
      <c r="BI33" s="1003"/>
      <c r="BJ33" s="1003"/>
      <c r="BK33" s="1003"/>
      <c r="BL33" s="1003"/>
      <c r="BM33" s="1003"/>
      <c r="BN33" s="1003"/>
      <c r="BO33" s="1003"/>
      <c r="BP33" s="1004"/>
      <c r="BQ33" s="72"/>
      <c r="BR33" s="292" t="s">
        <v>267</v>
      </c>
      <c r="BS33" s="293"/>
      <c r="BT33" s="293"/>
      <c r="BU33" s="293"/>
      <c r="BV33" s="293"/>
      <c r="BW33" s="293"/>
      <c r="BX33" s="294"/>
      <c r="BY33" s="284">
        <v>685</v>
      </c>
      <c r="BZ33" s="285"/>
      <c r="CA33" s="285"/>
      <c r="CB33" s="285"/>
      <c r="CC33" s="285"/>
      <c r="CD33" s="285"/>
      <c r="CE33" s="285"/>
      <c r="CF33" s="285"/>
      <c r="CG33" s="288"/>
      <c r="CH33" s="286">
        <v>1.1432500000000001</v>
      </c>
      <c r="CI33" s="286"/>
      <c r="CJ33" s="286"/>
      <c r="CK33" s="286"/>
      <c r="CL33" s="286"/>
      <c r="CM33" s="286"/>
      <c r="CQ33" s="3" ph="1"/>
      <c r="CR33" s="3" ph="1"/>
      <c r="CS33" s="3" ph="1"/>
      <c r="CT33" s="3" ph="1"/>
      <c r="CU33" s="3" ph="1"/>
      <c r="CV33" s="3" ph="1"/>
    </row>
    <row r="34" spans="1:100" ht="17.25" customHeight="1" x14ac:dyDescent="0.15">
      <c r="A34" s="1153"/>
      <c r="B34" s="1153"/>
      <c r="C34" s="1153"/>
      <c r="D34" s="1153"/>
      <c r="E34" s="1153"/>
      <c r="F34" s="1153"/>
      <c r="G34" s="1153"/>
      <c r="H34" s="1153"/>
      <c r="I34" s="1153"/>
      <c r="J34" s="1153"/>
      <c r="K34" s="1153"/>
      <c r="L34" s="1153"/>
      <c r="M34" s="1153"/>
      <c r="N34" s="1153"/>
      <c r="O34" s="1153"/>
      <c r="P34" s="1153"/>
      <c r="Q34" s="1153"/>
      <c r="R34" s="1153"/>
      <c r="S34" s="1153"/>
      <c r="T34" s="1153"/>
      <c r="U34" s="1153"/>
      <c r="V34" s="1153"/>
      <c r="W34" s="1153"/>
      <c r="X34" s="1153"/>
      <c r="Y34" s="1153"/>
      <c r="Z34" s="1153"/>
      <c r="AA34" s="1153"/>
      <c r="AB34" s="1153"/>
      <c r="AC34" s="1153"/>
      <c r="AD34" s="1153"/>
      <c r="AE34" s="1153"/>
      <c r="AF34" s="1153"/>
      <c r="AG34" s="1153"/>
      <c r="AH34" s="1153"/>
      <c r="AI34" s="1153"/>
      <c r="AJ34" s="1153"/>
      <c r="AK34" s="1153"/>
      <c r="AL34" s="1153"/>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1153"/>
      <c r="B35" s="1153"/>
      <c r="C35" s="1153"/>
      <c r="D35" s="1153"/>
      <c r="E35" s="1153"/>
      <c r="F35" s="1153"/>
      <c r="G35" s="1153"/>
      <c r="H35" s="1153"/>
      <c r="I35" s="1153"/>
      <c r="J35" s="1153"/>
      <c r="K35" s="1153"/>
      <c r="L35" s="1153"/>
      <c r="M35" s="1153"/>
      <c r="N35" s="1153"/>
      <c r="O35" s="1153"/>
      <c r="P35" s="1153"/>
      <c r="Q35" s="1153"/>
      <c r="R35" s="1153"/>
      <c r="S35" s="1153"/>
      <c r="T35" s="1153"/>
      <c r="U35" s="1153"/>
      <c r="V35" s="1153"/>
      <c r="W35" s="1153"/>
      <c r="X35" s="1153"/>
      <c r="Y35" s="1153"/>
      <c r="Z35" s="1153"/>
      <c r="AA35" s="1153"/>
      <c r="AB35" s="1153"/>
      <c r="AC35" s="1153"/>
      <c r="AD35" s="1153"/>
      <c r="AE35" s="1153"/>
      <c r="AF35" s="1153"/>
      <c r="AG35" s="1153"/>
      <c r="AH35" s="1153"/>
      <c r="AI35" s="1153"/>
      <c r="AJ35" s="1153"/>
      <c r="AK35" s="1153"/>
      <c r="AL35" s="1153"/>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5558</v>
      </c>
      <c r="BZ35" s="681"/>
      <c r="CA35" s="682"/>
      <c r="CB35" s="682"/>
      <c r="CC35" s="682"/>
      <c r="CD35" s="682"/>
      <c r="CE35" s="682"/>
      <c r="CF35" s="682"/>
      <c r="CG35" s="682"/>
      <c r="CH35" s="683">
        <v>25.965920000000001</v>
      </c>
      <c r="CI35" s="683"/>
      <c r="CJ35" s="683"/>
      <c r="CK35" s="683"/>
      <c r="CL35" s="683"/>
      <c r="CM35" s="683"/>
      <c r="CQ35" s="3" ph="1"/>
    </row>
    <row r="36" spans="1:100" ht="17.25" customHeight="1" x14ac:dyDescent="0.15">
      <c r="A36" s="255" t="s">
        <v>274</v>
      </c>
      <c r="B36" s="255"/>
      <c r="C36" s="255"/>
      <c r="D36" s="255"/>
      <c r="E36" s="255"/>
      <c r="F36" s="255"/>
      <c r="G36" s="255"/>
      <c r="H36" s="255"/>
      <c r="I36" s="255"/>
      <c r="J36" s="255"/>
      <c r="K36" s="255"/>
      <c r="L36" s="255"/>
      <c r="M36" s="255"/>
      <c r="N36" s="129"/>
      <c r="O36" s="255" t="s">
        <v>275</v>
      </c>
      <c r="P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11" t="s">
        <v>156</v>
      </c>
      <c r="B37" s="312"/>
      <c r="C37" s="312"/>
      <c r="D37" s="312"/>
      <c r="E37" s="312"/>
      <c r="F37" s="312"/>
      <c r="G37" s="312"/>
      <c r="H37" s="312"/>
      <c r="I37" s="312"/>
      <c r="J37" s="312"/>
      <c r="K37" s="312"/>
      <c r="L37" s="312"/>
      <c r="M37" s="313"/>
      <c r="N37" s="129"/>
      <c r="O37" s="311" t="s">
        <v>157</v>
      </c>
      <c r="P37" s="312"/>
      <c r="Q37" s="312"/>
      <c r="R37" s="312"/>
      <c r="S37" s="312"/>
      <c r="T37" s="312"/>
      <c r="U37" s="312"/>
      <c r="V37" s="312"/>
      <c r="W37" s="312"/>
      <c r="X37" s="312"/>
      <c r="Y37" s="312"/>
      <c r="Z37" s="312"/>
      <c r="AA37" s="312"/>
      <c r="AB37" s="312"/>
      <c r="AC37" s="312"/>
      <c r="AD37" s="312"/>
      <c r="AE37" s="312"/>
      <c r="AF37" s="312"/>
      <c r="AG37" s="312"/>
      <c r="AH37" s="312"/>
      <c r="AI37" s="312"/>
      <c r="AJ37" s="312"/>
      <c r="AK37" s="312"/>
      <c r="AL37" s="313"/>
      <c r="AM37" s="5"/>
      <c r="AN37" s="287" t="s">
        <v>849</v>
      </c>
      <c r="AO37" s="287"/>
      <c r="AP37" s="287"/>
      <c r="AQ37" s="287"/>
      <c r="AR37" s="287"/>
      <c r="AS37" s="287"/>
      <c r="AT37" s="287"/>
      <c r="AU37" s="287"/>
      <c r="AV37" s="287"/>
      <c r="AW37" s="681">
        <v>130190</v>
      </c>
      <c r="AX37" s="681"/>
      <c r="AY37" s="681"/>
      <c r="AZ37" s="681"/>
      <c r="BA37" s="681"/>
      <c r="BB37" s="681"/>
      <c r="BC37" s="681"/>
      <c r="BD37" s="681"/>
      <c r="BE37" s="681"/>
      <c r="BF37" s="681"/>
      <c r="BG37" s="681">
        <v>53416</v>
      </c>
      <c r="BH37" s="681"/>
      <c r="BI37" s="681"/>
      <c r="BJ37" s="681"/>
      <c r="BK37" s="681"/>
      <c r="BL37" s="681"/>
      <c r="BM37" s="681"/>
      <c r="BN37" s="681"/>
      <c r="BO37" s="681"/>
      <c r="BP37" s="681"/>
      <c r="BQ37" s="149"/>
      <c r="BR37" s="680" t="s">
        <v>273</v>
      </c>
      <c r="BS37" s="680"/>
      <c r="BT37" s="680"/>
      <c r="BU37" s="680"/>
      <c r="BV37" s="680"/>
      <c r="BW37" s="680"/>
      <c r="BX37" s="680"/>
      <c r="BY37" s="681">
        <v>43674</v>
      </c>
      <c r="BZ37" s="681"/>
      <c r="CA37" s="682"/>
      <c r="CB37" s="682"/>
      <c r="CC37" s="682"/>
      <c r="CD37" s="682"/>
      <c r="CE37" s="682"/>
      <c r="CF37" s="682"/>
      <c r="CG37" s="682"/>
      <c r="CH37" s="683">
        <v>72.890829999999994</v>
      </c>
      <c r="CI37" s="683"/>
      <c r="CJ37" s="683"/>
      <c r="CK37" s="683"/>
      <c r="CL37" s="683"/>
      <c r="CM37" s="683"/>
      <c r="CQ37" s="3" ph="1"/>
    </row>
    <row r="38" spans="1:100" ht="17.25" customHeight="1" x14ac:dyDescent="0.15">
      <c r="A38" s="251">
        <v>31398</v>
      </c>
      <c r="B38" s="690"/>
      <c r="C38" s="690"/>
      <c r="D38" s="690"/>
      <c r="E38" s="690"/>
      <c r="F38" s="690"/>
      <c r="G38" s="690"/>
      <c r="H38" s="690"/>
      <c r="I38" s="690"/>
      <c r="J38" s="690"/>
      <c r="K38" s="690"/>
      <c r="L38" s="690"/>
      <c r="M38" s="691"/>
      <c r="N38" s="152"/>
      <c r="O38" s="272" t="s">
        <v>131</v>
      </c>
      <c r="P38" s="874"/>
      <c r="Q38" s="874"/>
      <c r="R38" s="874"/>
      <c r="S38" s="874"/>
      <c r="T38" s="874"/>
      <c r="U38" s="874"/>
      <c r="V38" s="874"/>
      <c r="W38" s="874"/>
      <c r="X38" s="874"/>
      <c r="Y38" s="874"/>
      <c r="Z38" s="874"/>
      <c r="AA38" s="874"/>
      <c r="AB38" s="874"/>
      <c r="AC38" s="874"/>
      <c r="AD38" s="874"/>
      <c r="AE38" s="874"/>
      <c r="AF38" s="874"/>
      <c r="AG38" s="874"/>
      <c r="AH38" s="874"/>
      <c r="AI38" s="874"/>
      <c r="AJ38" s="874"/>
      <c r="AK38" s="874"/>
      <c r="AL38" s="875"/>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324" t="s">
        <v>400</v>
      </c>
      <c r="B39" s="692"/>
      <c r="C39" s="692"/>
      <c r="D39" s="692"/>
      <c r="E39" s="692"/>
      <c r="F39" s="692"/>
      <c r="G39" s="692"/>
      <c r="H39" s="692"/>
      <c r="I39" s="692"/>
      <c r="J39" s="692"/>
      <c r="K39" s="692"/>
      <c r="L39" s="692"/>
      <c r="M39" s="693"/>
      <c r="N39" s="6"/>
      <c r="O39" s="216" t="s">
        <v>144</v>
      </c>
      <c r="P39" s="874"/>
      <c r="Q39" s="874"/>
      <c r="R39" s="874"/>
      <c r="S39" s="874"/>
      <c r="T39" s="874"/>
      <c r="U39" s="874"/>
      <c r="V39" s="874"/>
      <c r="W39" s="874"/>
      <c r="X39" s="874"/>
      <c r="Y39" s="874"/>
      <c r="Z39" s="874"/>
      <c r="AA39" s="874"/>
      <c r="AB39" s="874"/>
      <c r="AC39" s="874"/>
      <c r="AD39" s="874"/>
      <c r="AE39" s="874"/>
      <c r="AF39" s="874"/>
      <c r="AG39" s="874"/>
      <c r="AH39" s="874"/>
      <c r="AI39" s="874"/>
      <c r="AJ39" s="874"/>
      <c r="AK39" s="874"/>
      <c r="AL39" s="875"/>
      <c r="AM39" s="5"/>
      <c r="AN39" s="300" t="s">
        <v>1059</v>
      </c>
      <c r="AO39" s="300"/>
      <c r="AP39" s="300"/>
      <c r="AQ39" s="300"/>
      <c r="AR39" s="300"/>
      <c r="AS39" s="300"/>
      <c r="AT39" s="300"/>
      <c r="AU39" s="300"/>
      <c r="AV39" s="300"/>
      <c r="AW39" s="681">
        <v>136516</v>
      </c>
      <c r="AX39" s="681"/>
      <c r="AY39" s="681"/>
      <c r="AZ39" s="682"/>
      <c r="BA39" s="682"/>
      <c r="BB39" s="682"/>
      <c r="BC39" s="682"/>
      <c r="BD39" s="682"/>
      <c r="BE39" s="682"/>
      <c r="BF39" s="682"/>
      <c r="BG39" s="681">
        <v>58339</v>
      </c>
      <c r="BH39" s="681"/>
      <c r="BI39" s="681"/>
      <c r="BJ39" s="681"/>
      <c r="BK39" s="681"/>
      <c r="BL39" s="681"/>
      <c r="BM39" s="681"/>
      <c r="BN39" s="681"/>
      <c r="BO39" s="681"/>
      <c r="BP39" s="681"/>
      <c r="BQ39" s="149"/>
      <c r="BR39" s="301" t="s">
        <v>1119</v>
      </c>
      <c r="BS39" s="293"/>
      <c r="BT39" s="293"/>
      <c r="BU39" s="293"/>
      <c r="BV39" s="293"/>
      <c r="BW39" s="293"/>
      <c r="BX39" s="294"/>
      <c r="BY39" s="681">
        <v>61753</v>
      </c>
      <c r="BZ39" s="681"/>
      <c r="CA39" s="682"/>
      <c r="CB39" s="682"/>
      <c r="CC39" s="682"/>
      <c r="CD39" s="682"/>
      <c r="CE39" s="682"/>
      <c r="CF39" s="682"/>
      <c r="CG39" s="682"/>
      <c r="CH39" s="683">
        <v>100</v>
      </c>
      <c r="CI39" s="683"/>
      <c r="CJ39" s="683"/>
      <c r="CK39" s="683"/>
      <c r="CL39" s="683"/>
      <c r="CM39" s="683"/>
    </row>
    <row r="40" spans="1:100" ht="17.25" customHeight="1" x14ac:dyDescent="0.15">
      <c r="A40" s="251">
        <v>42822</v>
      </c>
      <c r="B40" s="690"/>
      <c r="C40" s="690"/>
      <c r="D40" s="690"/>
      <c r="E40" s="690"/>
      <c r="F40" s="690"/>
      <c r="G40" s="690"/>
      <c r="H40" s="690"/>
      <c r="I40" s="690"/>
      <c r="J40" s="690"/>
      <c r="K40" s="690"/>
      <c r="L40" s="690"/>
      <c r="M40" s="691"/>
      <c r="N40" s="107"/>
      <c r="O40" s="272" t="s">
        <v>230</v>
      </c>
      <c r="P40" s="874"/>
      <c r="Q40" s="874"/>
      <c r="R40" s="874"/>
      <c r="S40" s="874"/>
      <c r="T40" s="874"/>
      <c r="U40" s="874"/>
      <c r="V40" s="874"/>
      <c r="W40" s="874"/>
      <c r="X40" s="874"/>
      <c r="Y40" s="874"/>
      <c r="Z40" s="874"/>
      <c r="AA40" s="874"/>
      <c r="AB40" s="874"/>
      <c r="AC40" s="874"/>
      <c r="AD40" s="874"/>
      <c r="AE40" s="874"/>
      <c r="AF40" s="874"/>
      <c r="AG40" s="874"/>
      <c r="AH40" s="874"/>
      <c r="AI40" s="874"/>
      <c r="AJ40" s="874"/>
      <c r="AK40" s="874"/>
      <c r="AL40" s="875"/>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752" t="s">
        <v>1548</v>
      </c>
      <c r="B41" s="1174"/>
      <c r="C41" s="1174"/>
      <c r="D41" s="1174"/>
      <c r="E41" s="1174"/>
      <c r="F41" s="1174"/>
      <c r="G41" s="1174"/>
      <c r="H41" s="1174"/>
      <c r="I41" s="1174"/>
      <c r="J41" s="1174"/>
      <c r="K41" s="1174"/>
      <c r="L41" s="1174"/>
      <c r="M41" s="754"/>
      <c r="N41" s="107"/>
      <c r="O41" s="272" t="s">
        <v>146</v>
      </c>
      <c r="P41" s="874"/>
      <c r="Q41" s="874"/>
      <c r="R41" s="874"/>
      <c r="S41" s="874"/>
      <c r="T41" s="874"/>
      <c r="U41" s="874"/>
      <c r="V41" s="874"/>
      <c r="W41" s="874"/>
      <c r="X41" s="874"/>
      <c r="Y41" s="874"/>
      <c r="Z41" s="874"/>
      <c r="AA41" s="874"/>
      <c r="AB41" s="874"/>
      <c r="AC41" s="874"/>
      <c r="AD41" s="874"/>
      <c r="AE41" s="874"/>
      <c r="AF41" s="874"/>
      <c r="AG41" s="874"/>
      <c r="AH41" s="874"/>
      <c r="AI41" s="874"/>
      <c r="AJ41" s="874"/>
      <c r="AK41" s="874"/>
      <c r="AL41" s="875"/>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v>44866</v>
      </c>
      <c r="B42" s="1178"/>
      <c r="C42" s="1178"/>
      <c r="D42" s="1178"/>
      <c r="E42" s="1178"/>
      <c r="F42" s="1178"/>
      <c r="G42" s="1178"/>
      <c r="H42" s="1178"/>
      <c r="I42" s="1178"/>
      <c r="J42" s="1178"/>
      <c r="K42" s="1178"/>
      <c r="L42" s="1178"/>
      <c r="M42" s="691"/>
      <c r="N42" s="107"/>
      <c r="O42" s="272" t="s">
        <v>318</v>
      </c>
      <c r="P42" s="874"/>
      <c r="Q42" s="874"/>
      <c r="R42" s="874"/>
      <c r="S42" s="874"/>
      <c r="T42" s="874"/>
      <c r="U42" s="874"/>
      <c r="V42" s="874"/>
      <c r="W42" s="874"/>
      <c r="X42" s="874"/>
      <c r="Y42" s="874"/>
      <c r="Z42" s="874"/>
      <c r="AA42" s="874"/>
      <c r="AB42" s="874"/>
      <c r="AC42" s="874"/>
      <c r="AD42" s="874"/>
      <c r="AE42" s="874"/>
      <c r="AF42" s="874"/>
      <c r="AG42" s="874"/>
      <c r="AH42" s="874"/>
      <c r="AI42" s="874"/>
      <c r="AJ42" s="874"/>
      <c r="AK42" s="874"/>
      <c r="AL42" s="875"/>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752"/>
      <c r="B43" s="753"/>
      <c r="C43" s="753"/>
      <c r="D43" s="753"/>
      <c r="E43" s="753"/>
      <c r="F43" s="753"/>
      <c r="G43" s="753"/>
      <c r="H43" s="753"/>
      <c r="I43" s="753"/>
      <c r="J43" s="753"/>
      <c r="K43" s="753"/>
      <c r="L43" s="753"/>
      <c r="M43" s="754"/>
      <c r="N43" s="6"/>
      <c r="O43" s="1175" t="s">
        <v>1712</v>
      </c>
      <c r="P43" s="1176"/>
      <c r="Q43" s="1176"/>
      <c r="R43" s="1176"/>
      <c r="S43" s="1176"/>
      <c r="T43" s="1176"/>
      <c r="U43" s="1176"/>
      <c r="V43" s="1176"/>
      <c r="W43" s="1176"/>
      <c r="X43" s="1176"/>
      <c r="Y43" s="1176"/>
      <c r="Z43" s="1176"/>
      <c r="AA43" s="1176"/>
      <c r="AB43" s="1176"/>
      <c r="AC43" s="1176"/>
      <c r="AD43" s="1176"/>
      <c r="AE43" s="1176"/>
      <c r="AF43" s="1176"/>
      <c r="AG43" s="1176"/>
      <c r="AH43" s="1176"/>
      <c r="AI43" s="1176"/>
      <c r="AJ43" s="1176"/>
      <c r="AK43" s="1176"/>
      <c r="AL43" s="1177"/>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752"/>
      <c r="B44" s="753"/>
      <c r="C44" s="753"/>
      <c r="D44" s="753"/>
      <c r="E44" s="753"/>
      <c r="F44" s="753"/>
      <c r="G44" s="753"/>
      <c r="H44" s="753"/>
      <c r="I44" s="753"/>
      <c r="J44" s="753"/>
      <c r="K44" s="753"/>
      <c r="L44" s="753"/>
      <c r="M44" s="754"/>
      <c r="N44" s="107"/>
      <c r="O44" s="324"/>
      <c r="P44" s="1117"/>
      <c r="Q44" s="1117"/>
      <c r="R44" s="1117"/>
      <c r="S44" s="1117"/>
      <c r="T44" s="1117"/>
      <c r="U44" s="1117"/>
      <c r="V44" s="1117"/>
      <c r="W44" s="1117"/>
      <c r="X44" s="1117"/>
      <c r="Y44" s="1117"/>
      <c r="Z44" s="1117"/>
      <c r="AA44" s="1117"/>
      <c r="AB44" s="1117"/>
      <c r="AC44" s="1117"/>
      <c r="AD44" s="1117"/>
      <c r="AE44" s="1117"/>
      <c r="AF44" s="1117"/>
      <c r="AG44" s="1117"/>
      <c r="AH44" s="1117"/>
      <c r="AI44" s="1117"/>
      <c r="AJ44" s="1117"/>
      <c r="AK44" s="1117"/>
      <c r="AL44" s="1118"/>
      <c r="AM44" s="5"/>
      <c r="AN44" s="764">
        <v>5134.1000000000004</v>
      </c>
      <c r="AO44" s="765"/>
      <c r="AP44" s="765"/>
      <c r="AQ44" s="765"/>
      <c r="AR44" s="765"/>
      <c r="AS44" s="727" t="s">
        <v>937</v>
      </c>
      <c r="AT44" s="727"/>
      <c r="AU44" s="727"/>
      <c r="AV44" s="728"/>
      <c r="AW44" s="710">
        <v>25.2</v>
      </c>
      <c r="AX44" s="711"/>
      <c r="AY44" s="711"/>
      <c r="AZ44" s="711"/>
      <c r="BA44" s="711"/>
      <c r="BB44" s="711"/>
      <c r="BC44" s="706" t="s">
        <v>792</v>
      </c>
      <c r="BD44" s="706"/>
      <c r="BE44" s="706"/>
      <c r="BF44" s="707"/>
      <c r="BG44" s="710">
        <v>93.8</v>
      </c>
      <c r="BH44" s="711"/>
      <c r="BI44" s="711"/>
      <c r="BJ44" s="711"/>
      <c r="BK44" s="711"/>
      <c r="BL44" s="711"/>
      <c r="BM44" s="706" t="s">
        <v>938</v>
      </c>
      <c r="BN44" s="706"/>
      <c r="BO44" s="706"/>
      <c r="BP44" s="707"/>
      <c r="BQ44" s="130"/>
      <c r="BR44" s="714">
        <v>26.59</v>
      </c>
      <c r="BS44" s="715"/>
      <c r="BT44" s="715"/>
      <c r="BU44" s="715"/>
      <c r="BV44" s="715"/>
      <c r="BW44" s="715"/>
      <c r="BX44" s="715"/>
      <c r="BY44" s="696" t="s">
        <v>939</v>
      </c>
      <c r="BZ44" s="696"/>
      <c r="CA44" s="696"/>
      <c r="CB44" s="697"/>
      <c r="CC44" s="718">
        <v>1479</v>
      </c>
      <c r="CD44" s="719"/>
      <c r="CE44" s="719"/>
      <c r="CF44" s="719"/>
      <c r="CG44" s="719"/>
      <c r="CH44" s="719"/>
      <c r="CI44" s="719"/>
      <c r="CJ44" s="696" t="s">
        <v>940</v>
      </c>
      <c r="CK44" s="696"/>
      <c r="CL44" s="696"/>
      <c r="CM44" s="697"/>
    </row>
    <row r="45" spans="1:100" ht="17.25" customHeight="1" x14ac:dyDescent="0.15">
      <c r="A45" s="752"/>
      <c r="B45" s="753"/>
      <c r="C45" s="753"/>
      <c r="D45" s="753"/>
      <c r="E45" s="753"/>
      <c r="F45" s="753"/>
      <c r="G45" s="753"/>
      <c r="H45" s="753"/>
      <c r="I45" s="753"/>
      <c r="J45" s="753"/>
      <c r="K45" s="753"/>
      <c r="L45" s="753"/>
      <c r="M45" s="754"/>
      <c r="N45" s="6"/>
      <c r="O45" s="752"/>
      <c r="P45" s="753"/>
      <c r="Q45" s="753"/>
      <c r="R45" s="753"/>
      <c r="S45" s="753"/>
      <c r="T45" s="753"/>
      <c r="U45" s="753"/>
      <c r="V45" s="753"/>
      <c r="W45" s="753"/>
      <c r="X45" s="753"/>
      <c r="Y45" s="753"/>
      <c r="Z45" s="753"/>
      <c r="AA45" s="753"/>
      <c r="AB45" s="753"/>
      <c r="AC45" s="753"/>
      <c r="AD45" s="753"/>
      <c r="AE45" s="753"/>
      <c r="AF45" s="753"/>
      <c r="AG45" s="753"/>
      <c r="AH45" s="753"/>
      <c r="AI45" s="753"/>
      <c r="AJ45" s="753"/>
      <c r="AK45" s="753"/>
      <c r="AL45" s="754"/>
      <c r="AM45" s="5"/>
      <c r="AN45" s="766"/>
      <c r="AO45" s="767"/>
      <c r="AP45" s="767"/>
      <c r="AQ45" s="767"/>
      <c r="AR45" s="767"/>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752"/>
      <c r="B46" s="753"/>
      <c r="C46" s="753"/>
      <c r="D46" s="753"/>
      <c r="E46" s="753"/>
      <c r="F46" s="753"/>
      <c r="G46" s="753"/>
      <c r="H46" s="753"/>
      <c r="I46" s="753"/>
      <c r="J46" s="753"/>
      <c r="K46" s="753"/>
      <c r="L46" s="753"/>
      <c r="M46" s="754"/>
      <c r="N46" s="107"/>
      <c r="O46" s="752"/>
      <c r="P46" s="753"/>
      <c r="Q46" s="753"/>
      <c r="R46" s="753"/>
      <c r="S46" s="753"/>
      <c r="T46" s="753"/>
      <c r="U46" s="753"/>
      <c r="V46" s="753"/>
      <c r="W46" s="753"/>
      <c r="X46" s="753"/>
      <c r="Y46" s="753"/>
      <c r="Z46" s="753"/>
      <c r="AA46" s="753"/>
      <c r="AB46" s="753"/>
      <c r="AC46" s="753"/>
      <c r="AD46" s="753"/>
      <c r="AE46" s="753"/>
      <c r="AF46" s="753"/>
      <c r="AG46" s="753"/>
      <c r="AH46" s="753"/>
      <c r="AI46" s="753"/>
      <c r="AJ46" s="753"/>
      <c r="AK46" s="753"/>
      <c r="AL46" s="754"/>
      <c r="AM46" s="5"/>
      <c r="AN46" s="703" t="s">
        <v>898</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926</v>
      </c>
      <c r="CE46" s="704"/>
      <c r="CF46" s="704"/>
      <c r="CG46" s="704"/>
      <c r="CH46" s="704"/>
      <c r="CI46" s="704"/>
      <c r="CJ46" s="704"/>
      <c r="CK46" s="704"/>
      <c r="CL46" s="704"/>
      <c r="CM46" s="705"/>
    </row>
    <row r="47" spans="1:100" ht="17.25" customHeight="1" x14ac:dyDescent="0.15">
      <c r="A47" s="752"/>
      <c r="B47" s="753"/>
      <c r="C47" s="753"/>
      <c r="D47" s="753"/>
      <c r="E47" s="753"/>
      <c r="F47" s="753"/>
      <c r="G47" s="753"/>
      <c r="H47" s="753"/>
      <c r="I47" s="753"/>
      <c r="J47" s="753"/>
      <c r="K47" s="753"/>
      <c r="L47" s="753"/>
      <c r="M47" s="754"/>
      <c r="N47" s="6"/>
      <c r="O47" s="752"/>
      <c r="P47" s="753"/>
      <c r="Q47" s="753"/>
      <c r="R47" s="753"/>
      <c r="S47" s="753"/>
      <c r="T47" s="753"/>
      <c r="U47" s="753"/>
      <c r="V47" s="753"/>
      <c r="W47" s="753"/>
      <c r="X47" s="753"/>
      <c r="Y47" s="753"/>
      <c r="Z47" s="753"/>
      <c r="AA47" s="753"/>
      <c r="AB47" s="753"/>
      <c r="AC47" s="753"/>
      <c r="AD47" s="753"/>
      <c r="AE47" s="753"/>
      <c r="AF47" s="753"/>
      <c r="AG47" s="753"/>
      <c r="AH47" s="753"/>
      <c r="AI47" s="753"/>
      <c r="AJ47" s="753"/>
      <c r="AK47" s="753"/>
      <c r="AL47" s="754"/>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872</v>
      </c>
      <c r="BP47" s="734"/>
      <c r="BQ47" s="734"/>
      <c r="BR47" s="734"/>
      <c r="BS47" s="734"/>
      <c r="BT47" s="733" t="s">
        <v>836</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752"/>
      <c r="B48" s="753"/>
      <c r="C48" s="753"/>
      <c r="D48" s="753"/>
      <c r="E48" s="753"/>
      <c r="F48" s="753"/>
      <c r="G48" s="753"/>
      <c r="H48" s="753"/>
      <c r="I48" s="753"/>
      <c r="J48" s="753"/>
      <c r="K48" s="753"/>
      <c r="L48" s="753"/>
      <c r="M48" s="754"/>
      <c r="N48" s="107"/>
      <c r="O48" s="752"/>
      <c r="P48" s="753"/>
      <c r="Q48" s="753"/>
      <c r="R48" s="753"/>
      <c r="S48" s="753"/>
      <c r="T48" s="753"/>
      <c r="U48" s="753"/>
      <c r="V48" s="753"/>
      <c r="W48" s="753"/>
      <c r="X48" s="753"/>
      <c r="Y48" s="753"/>
      <c r="Z48" s="753"/>
      <c r="AA48" s="753"/>
      <c r="AB48" s="753"/>
      <c r="AC48" s="753"/>
      <c r="AD48" s="753"/>
      <c r="AE48" s="753"/>
      <c r="AF48" s="753"/>
      <c r="AG48" s="753"/>
      <c r="AH48" s="753"/>
      <c r="AI48" s="753"/>
      <c r="AJ48" s="753"/>
      <c r="AK48" s="753"/>
      <c r="AL48" s="754"/>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752"/>
      <c r="B49" s="753"/>
      <c r="C49" s="753"/>
      <c r="D49" s="753"/>
      <c r="E49" s="753"/>
      <c r="F49" s="753"/>
      <c r="G49" s="753"/>
      <c r="H49" s="753"/>
      <c r="I49" s="753"/>
      <c r="J49" s="753"/>
      <c r="K49" s="753"/>
      <c r="L49" s="753"/>
      <c r="M49" s="754"/>
      <c r="N49" s="6"/>
      <c r="O49" s="752"/>
      <c r="P49" s="753"/>
      <c r="Q49" s="753"/>
      <c r="R49" s="753"/>
      <c r="S49" s="753"/>
      <c r="T49" s="753"/>
      <c r="U49" s="753"/>
      <c r="V49" s="753"/>
      <c r="W49" s="753"/>
      <c r="X49" s="753"/>
      <c r="Y49" s="753"/>
      <c r="Z49" s="753"/>
      <c r="AA49" s="753"/>
      <c r="AB49" s="753"/>
      <c r="AC49" s="753"/>
      <c r="AD49" s="753"/>
      <c r="AE49" s="753"/>
      <c r="AF49" s="753"/>
      <c r="AG49" s="753"/>
      <c r="AH49" s="753"/>
      <c r="AI49" s="753"/>
      <c r="AJ49" s="753"/>
      <c r="AK49" s="753"/>
      <c r="AL49" s="754"/>
      <c r="AM49" s="5"/>
      <c r="AN49" s="223">
        <v>28358.124</v>
      </c>
      <c r="AO49" s="224"/>
      <c r="AP49" s="224"/>
      <c r="AQ49" s="224"/>
      <c r="AR49" s="224"/>
      <c r="AS49" s="224"/>
      <c r="AT49" s="225"/>
      <c r="AU49" s="229">
        <v>1.0289999999999999</v>
      </c>
      <c r="AV49" s="230"/>
      <c r="AW49" s="230"/>
      <c r="AX49" s="230"/>
      <c r="AY49" s="231"/>
      <c r="AZ49" s="210">
        <v>8</v>
      </c>
      <c r="BA49" s="211"/>
      <c r="BB49" s="211"/>
      <c r="BC49" s="211"/>
      <c r="BD49" s="212"/>
      <c r="BE49" s="210">
        <v>5.2</v>
      </c>
      <c r="BF49" s="211"/>
      <c r="BG49" s="211"/>
      <c r="BH49" s="211"/>
      <c r="BI49" s="212"/>
      <c r="BJ49" s="210">
        <v>30.2</v>
      </c>
      <c r="BK49" s="211"/>
      <c r="BL49" s="211"/>
      <c r="BM49" s="211"/>
      <c r="BN49" s="212"/>
      <c r="BO49" s="210">
        <v>7.5</v>
      </c>
      <c r="BP49" s="211"/>
      <c r="BQ49" s="211"/>
      <c r="BR49" s="211"/>
      <c r="BS49" s="212"/>
      <c r="BT49" s="210">
        <v>94.3</v>
      </c>
      <c r="BU49" s="211"/>
      <c r="BV49" s="211"/>
      <c r="BW49" s="211"/>
      <c r="BX49" s="212"/>
      <c r="BY49" s="210">
        <v>9.3000000000000007</v>
      </c>
      <c r="BZ49" s="211"/>
      <c r="CA49" s="211"/>
      <c r="CB49" s="211"/>
      <c r="CC49" s="212"/>
      <c r="CD49" s="210">
        <v>45.6</v>
      </c>
      <c r="CE49" s="211"/>
      <c r="CF49" s="211"/>
      <c r="CG49" s="211"/>
      <c r="CH49" s="212"/>
      <c r="CI49" s="210">
        <v>60.5</v>
      </c>
      <c r="CJ49" s="211"/>
      <c r="CK49" s="211"/>
      <c r="CL49" s="211"/>
      <c r="CM49" s="212"/>
    </row>
    <row r="50" spans="1:91" ht="17.25" customHeight="1" x14ac:dyDescent="0.15">
      <c r="A50" s="755"/>
      <c r="B50" s="756"/>
      <c r="C50" s="756"/>
      <c r="D50" s="756"/>
      <c r="E50" s="756"/>
      <c r="F50" s="756"/>
      <c r="G50" s="756"/>
      <c r="H50" s="756"/>
      <c r="I50" s="756"/>
      <c r="J50" s="756"/>
      <c r="K50" s="756"/>
      <c r="L50" s="756"/>
      <c r="M50" s="757"/>
      <c r="N50" s="107"/>
      <c r="O50" s="1179"/>
      <c r="P50" s="1180"/>
      <c r="Q50" s="1180"/>
      <c r="R50" s="1180"/>
      <c r="S50" s="1180"/>
      <c r="T50" s="1180"/>
      <c r="U50" s="1180"/>
      <c r="V50" s="1180"/>
      <c r="W50" s="1180"/>
      <c r="X50" s="1180"/>
      <c r="Y50" s="1180"/>
      <c r="Z50" s="1180"/>
      <c r="AA50" s="1180"/>
      <c r="AB50" s="1180"/>
      <c r="AC50" s="1180"/>
      <c r="AD50" s="1180"/>
      <c r="AE50" s="1180"/>
      <c r="AF50" s="1180"/>
      <c r="AG50" s="1180"/>
      <c r="AH50" s="1180"/>
      <c r="AI50" s="1180"/>
      <c r="AJ50" s="1180"/>
      <c r="AK50" s="1180"/>
      <c r="AL50" s="118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5">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BR42:CB43"/>
    <mergeCell ref="CC42:CM43"/>
    <mergeCell ref="A46:M46"/>
    <mergeCell ref="O46:AL46"/>
    <mergeCell ref="AN46:AV46"/>
    <mergeCell ref="AW46:BD46"/>
    <mergeCell ref="CD46:CM46"/>
    <mergeCell ref="BC44:BF45"/>
    <mergeCell ref="BG44:BL45"/>
    <mergeCell ref="BM44:BP45"/>
    <mergeCell ref="BR44:BX45"/>
    <mergeCell ref="BY44:CB45"/>
    <mergeCell ref="CC44:CI45"/>
    <mergeCell ref="A43:M43"/>
    <mergeCell ref="O43:AL43"/>
    <mergeCell ref="A44:M44"/>
    <mergeCell ref="O44:AL44"/>
    <mergeCell ref="AN44:AR45"/>
    <mergeCell ref="AS44:AV45"/>
    <mergeCell ref="AW44:BB45"/>
    <mergeCell ref="A42:M42"/>
    <mergeCell ref="O42:AL42"/>
    <mergeCell ref="AN42:AV43"/>
    <mergeCell ref="AW42:BF43"/>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BG42:BP43"/>
    <mergeCell ref="BG37:BP38"/>
    <mergeCell ref="BR37:BX38"/>
    <mergeCell ref="BY37:CG38"/>
    <mergeCell ref="CH37:CM38"/>
    <mergeCell ref="A38:M38"/>
    <mergeCell ref="O38:AL38"/>
    <mergeCell ref="A36:M36"/>
    <mergeCell ref="O36:AL36"/>
    <mergeCell ref="A37:M37"/>
    <mergeCell ref="O37:AL37"/>
    <mergeCell ref="AN37:AV38"/>
    <mergeCell ref="AW37:BF38"/>
    <mergeCell ref="AN35:AV36"/>
    <mergeCell ref="AW35:BF36"/>
    <mergeCell ref="BG35:BP36"/>
    <mergeCell ref="BR35:BX36"/>
    <mergeCell ref="BY35:CG36"/>
    <mergeCell ref="CH35:CM36"/>
    <mergeCell ref="A28:AL28"/>
    <mergeCell ref="AN28:BP28"/>
    <mergeCell ref="A29:AL35"/>
    <mergeCell ref="AO29:BP29"/>
    <mergeCell ref="AO30:BP30"/>
    <mergeCell ref="BY30:CI30"/>
    <mergeCell ref="AO31:BP31"/>
    <mergeCell ref="BR31:BX32"/>
    <mergeCell ref="BY31:CG32"/>
    <mergeCell ref="CH31:CM32"/>
    <mergeCell ref="AO32:BP32"/>
    <mergeCell ref="AO33:BP33"/>
    <mergeCell ref="BR33:BX34"/>
    <mergeCell ref="BY33:CG34"/>
    <mergeCell ref="CH33:CM34"/>
    <mergeCell ref="AN34:BO34"/>
    <mergeCell ref="AN20:AS21"/>
    <mergeCell ref="AT20:CM21"/>
    <mergeCell ref="Q21:AL21"/>
    <mergeCell ref="A22:E24"/>
    <mergeCell ref="F22:M22"/>
    <mergeCell ref="O22:P23"/>
    <mergeCell ref="Q22:AL22"/>
    <mergeCell ref="AN22:CM22"/>
    <mergeCell ref="F23:M24"/>
    <mergeCell ref="Q23:AL23"/>
    <mergeCell ref="AO23:CM23"/>
    <mergeCell ref="O24:P25"/>
    <mergeCell ref="Q24:AL24"/>
    <mergeCell ref="AO24:CM24"/>
    <mergeCell ref="A25:E27"/>
    <mergeCell ref="F25:M25"/>
    <mergeCell ref="Q25:AL25"/>
    <mergeCell ref="AO25:CM25"/>
    <mergeCell ref="F26:M27"/>
    <mergeCell ref="O26:P27"/>
    <mergeCell ref="Q26:AL26"/>
    <mergeCell ref="AO26:CM26"/>
    <mergeCell ref="Q27:AL27"/>
    <mergeCell ref="AO27:CM27"/>
    <mergeCell ref="AN16:AS17"/>
    <mergeCell ref="AT16:CM17"/>
    <mergeCell ref="F17:M18"/>
    <mergeCell ref="Q17:T17"/>
    <mergeCell ref="U17:X17"/>
    <mergeCell ref="Y17:AL17"/>
    <mergeCell ref="Q18:T18"/>
    <mergeCell ref="U18:X18"/>
    <mergeCell ref="Y18:AL18"/>
    <mergeCell ref="AN18:AS19"/>
    <mergeCell ref="AT18:CM19"/>
    <mergeCell ref="F19:M19"/>
    <mergeCell ref="Q19:T19"/>
    <mergeCell ref="U19:X19"/>
    <mergeCell ref="Y19:AL19"/>
    <mergeCell ref="A16:E21"/>
    <mergeCell ref="F16:M16"/>
    <mergeCell ref="Q16:T16"/>
    <mergeCell ref="U16:X16"/>
    <mergeCell ref="Y16:AL16"/>
    <mergeCell ref="A14:E14"/>
    <mergeCell ref="Q14:T14"/>
    <mergeCell ref="U14:X14"/>
    <mergeCell ref="Y14:AL14"/>
    <mergeCell ref="F20:M21"/>
    <mergeCell ref="Q20:T20"/>
    <mergeCell ref="U20:X20"/>
    <mergeCell ref="Y20:AL20"/>
    <mergeCell ref="Q12:T12"/>
    <mergeCell ref="U12:X12"/>
    <mergeCell ref="AN14:AS15"/>
    <mergeCell ref="AT14:CM15"/>
    <mergeCell ref="A15:E15"/>
    <mergeCell ref="F15:M15"/>
    <mergeCell ref="Q15:T15"/>
    <mergeCell ref="U15:X15"/>
    <mergeCell ref="Y12:AL12"/>
    <mergeCell ref="F13:M14"/>
    <mergeCell ref="Q13:T13"/>
    <mergeCell ref="U13:X13"/>
    <mergeCell ref="Y13:AL13"/>
    <mergeCell ref="AN13:CM13"/>
    <mergeCell ref="Y15:AL15"/>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s>
  <phoneticPr fontId="3" type="Hiragana" alignment="distributed"/>
  <hyperlinks>
    <hyperlink ref="E11:AL11" r:id="rId1" display="http://www.city.ebin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6―</oddFooter>
  </headerFooter>
  <drawing r:id="rId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tabSelected="1" view="pageBreakPreview" zoomScale="70" zoomScaleNormal="8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169</v>
      </c>
      <c r="B1" s="644" ph="1"/>
      <c r="C1" s="644" ph="1"/>
      <c r="D1" s="644" ph="1"/>
      <c r="E1" s="644" ph="1"/>
      <c r="F1" s="644" ph="1"/>
      <c r="G1" s="644" ph="1"/>
      <c r="H1" s="644" ph="1"/>
      <c r="I1" s="645"/>
      <c r="J1" s="645"/>
      <c r="K1" s="645"/>
      <c r="L1" s="645"/>
      <c r="M1" s="645"/>
      <c r="N1" s="454" t="s">
        <v>161</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1153" t="s">
        <v>721</v>
      </c>
      <c r="AO2" s="1153"/>
      <c r="AP2" s="1153"/>
      <c r="AQ2" s="1153"/>
      <c r="AR2" s="1153"/>
      <c r="AS2" s="1153"/>
      <c r="AT2" s="1153"/>
      <c r="AU2" s="1153"/>
      <c r="AV2" s="1153"/>
      <c r="AW2" s="1153"/>
      <c r="AX2" s="1153"/>
      <c r="AY2" s="1153"/>
      <c r="AZ2" s="1153"/>
      <c r="BA2" s="1153"/>
      <c r="BB2" s="1153"/>
      <c r="BC2" s="1153"/>
      <c r="BD2" s="1153"/>
      <c r="BE2" s="1153"/>
      <c r="BF2" s="1153"/>
      <c r="BG2" s="1153"/>
      <c r="BH2" s="1153"/>
      <c r="BI2" s="1153"/>
      <c r="BJ2" s="1153"/>
      <c r="BK2" s="1153"/>
      <c r="BL2" s="1153"/>
      <c r="BM2" s="1153"/>
      <c r="BN2" s="1153"/>
      <c r="BO2" s="1153"/>
      <c r="BP2" s="1153"/>
      <c r="BQ2" s="1153"/>
      <c r="BR2" s="1153"/>
      <c r="BS2" s="1153"/>
      <c r="BT2" s="1153"/>
      <c r="BU2" s="1153"/>
      <c r="BV2" s="1153"/>
      <c r="BW2" s="1153"/>
      <c r="BX2" s="1153"/>
      <c r="BY2" s="1153"/>
      <c r="BZ2" s="1153"/>
      <c r="CA2" s="1153"/>
      <c r="CB2" s="1153"/>
      <c r="CC2" s="1153"/>
      <c r="CD2" s="1153"/>
      <c r="CE2" s="1153"/>
      <c r="CF2" s="1153"/>
      <c r="CG2" s="1153"/>
      <c r="CH2" s="1153"/>
      <c r="CI2" s="1153"/>
      <c r="CJ2" s="1153"/>
      <c r="CK2" s="1153"/>
      <c r="CL2" s="1153"/>
      <c r="CM2" s="1153"/>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1153"/>
      <c r="AO3" s="1153"/>
      <c r="AP3" s="1153"/>
      <c r="AQ3" s="1153"/>
      <c r="AR3" s="1153"/>
      <c r="AS3" s="1153"/>
      <c r="AT3" s="1153"/>
      <c r="AU3" s="1153"/>
      <c r="AV3" s="1153"/>
      <c r="AW3" s="1153"/>
      <c r="AX3" s="1153"/>
      <c r="AY3" s="1153"/>
      <c r="AZ3" s="1153"/>
      <c r="BA3" s="1153"/>
      <c r="BB3" s="1153"/>
      <c r="BC3" s="1153"/>
      <c r="BD3" s="1153"/>
      <c r="BE3" s="1153"/>
      <c r="BF3" s="1153"/>
      <c r="BG3" s="1153"/>
      <c r="BH3" s="1153"/>
      <c r="BI3" s="1153"/>
      <c r="BJ3" s="1153"/>
      <c r="BK3" s="1153"/>
      <c r="BL3" s="1153"/>
      <c r="BM3" s="1153"/>
      <c r="BN3" s="1153"/>
      <c r="BO3" s="1153"/>
      <c r="BP3" s="1153"/>
      <c r="BQ3" s="1153"/>
      <c r="BR3" s="1153"/>
      <c r="BS3" s="1153"/>
      <c r="BT3" s="1153"/>
      <c r="BU3" s="1153"/>
      <c r="BV3" s="1153"/>
      <c r="BW3" s="1153"/>
      <c r="BX3" s="1153"/>
      <c r="BY3" s="1153"/>
      <c r="BZ3" s="1153"/>
      <c r="CA3" s="1153"/>
      <c r="CB3" s="1153"/>
      <c r="CC3" s="1153"/>
      <c r="CD3" s="1153"/>
      <c r="CE3" s="1153"/>
      <c r="CF3" s="1153"/>
      <c r="CG3" s="1153"/>
      <c r="CH3" s="1153"/>
      <c r="CI3" s="1153"/>
      <c r="CJ3" s="1153"/>
      <c r="CK3" s="1153"/>
      <c r="CL3" s="1153"/>
      <c r="CM3" s="1153"/>
      <c r="CQ3" s="3" ph="1"/>
    </row>
    <row r="4" spans="1:100" ht="17.25" customHeight="1" x14ac:dyDescent="0.15">
      <c r="A4" s="641" t="s">
        <v>236</v>
      </c>
      <c r="B4" s="641"/>
      <c r="C4" s="641"/>
      <c r="D4" s="641"/>
      <c r="E4" s="458">
        <v>142166</v>
      </c>
      <c r="F4" s="458"/>
      <c r="G4" s="458"/>
      <c r="H4" s="458"/>
      <c r="I4" s="647"/>
      <c r="J4" s="647"/>
      <c r="K4" s="647"/>
      <c r="L4" s="647"/>
      <c r="M4" s="647"/>
      <c r="N4" s="459" t="s">
        <v>162</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1153"/>
      <c r="AO4" s="1153"/>
      <c r="AP4" s="1153"/>
      <c r="AQ4" s="1153"/>
      <c r="AR4" s="1153"/>
      <c r="AS4" s="1153"/>
      <c r="AT4" s="1153"/>
      <c r="AU4" s="1153"/>
      <c r="AV4" s="1153"/>
      <c r="AW4" s="1153"/>
      <c r="AX4" s="1153"/>
      <c r="AY4" s="1153"/>
      <c r="AZ4" s="1153"/>
      <c r="BA4" s="1153"/>
      <c r="BB4" s="1153"/>
      <c r="BC4" s="1153"/>
      <c r="BD4" s="1153"/>
      <c r="BE4" s="1153"/>
      <c r="BF4" s="1153"/>
      <c r="BG4" s="1153"/>
      <c r="BH4" s="1153"/>
      <c r="BI4" s="1153"/>
      <c r="BJ4" s="1153"/>
      <c r="BK4" s="1153"/>
      <c r="BL4" s="1153"/>
      <c r="BM4" s="1153"/>
      <c r="BN4" s="1153"/>
      <c r="BO4" s="1153"/>
      <c r="BP4" s="1153"/>
      <c r="BQ4" s="1153"/>
      <c r="BR4" s="1153"/>
      <c r="BS4" s="1153"/>
      <c r="BT4" s="1153"/>
      <c r="BU4" s="1153"/>
      <c r="BV4" s="1153"/>
      <c r="BW4" s="1153"/>
      <c r="BX4" s="1153"/>
      <c r="BY4" s="1153"/>
      <c r="BZ4" s="1153"/>
      <c r="CA4" s="1153"/>
      <c r="CB4" s="1153"/>
      <c r="CC4" s="1153"/>
      <c r="CD4" s="1153"/>
      <c r="CE4" s="1153"/>
      <c r="CF4" s="1153"/>
      <c r="CG4" s="1153"/>
      <c r="CH4" s="1153"/>
      <c r="CI4" s="1153"/>
      <c r="CJ4" s="1153"/>
      <c r="CK4" s="1153"/>
      <c r="CL4" s="1153"/>
      <c r="CM4" s="1153"/>
    </row>
    <row r="5" spans="1:100" ht="17.25" customHeight="1" x14ac:dyDescent="0.15">
      <c r="A5" s="428" t="s">
        <v>237</v>
      </c>
      <c r="B5" s="428"/>
      <c r="C5" s="428"/>
      <c r="D5" s="428"/>
      <c r="E5" s="428"/>
      <c r="F5" s="428"/>
      <c r="G5" s="428"/>
      <c r="H5" s="428"/>
      <c r="I5" s="486" t="s">
        <v>1181</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1153"/>
      <c r="AO5" s="1153"/>
      <c r="AP5" s="1153"/>
      <c r="AQ5" s="1153"/>
      <c r="AR5" s="1153"/>
      <c r="AS5" s="1153"/>
      <c r="AT5" s="1153"/>
      <c r="AU5" s="1153"/>
      <c r="AV5" s="1153"/>
      <c r="AW5" s="1153"/>
      <c r="AX5" s="1153"/>
      <c r="AY5" s="1153"/>
      <c r="AZ5" s="1153"/>
      <c r="BA5" s="1153"/>
      <c r="BB5" s="1153"/>
      <c r="BC5" s="1153"/>
      <c r="BD5" s="1153"/>
      <c r="BE5" s="1153"/>
      <c r="BF5" s="1153"/>
      <c r="BG5" s="1153"/>
      <c r="BH5" s="1153"/>
      <c r="BI5" s="1153"/>
      <c r="BJ5" s="1153"/>
      <c r="BK5" s="1153"/>
      <c r="BL5" s="1153"/>
      <c r="BM5" s="1153"/>
      <c r="BN5" s="1153"/>
      <c r="BO5" s="1153"/>
      <c r="BP5" s="1153"/>
      <c r="BQ5" s="1153"/>
      <c r="BR5" s="1153"/>
      <c r="BS5" s="1153"/>
      <c r="BT5" s="1153"/>
      <c r="BU5" s="1153"/>
      <c r="BV5" s="1153"/>
      <c r="BW5" s="1153"/>
      <c r="BX5" s="1153"/>
      <c r="BY5" s="1153"/>
      <c r="BZ5" s="1153"/>
      <c r="CA5" s="1153"/>
      <c r="CB5" s="1153"/>
      <c r="CC5" s="1153"/>
      <c r="CD5" s="1153"/>
      <c r="CE5" s="1153"/>
      <c r="CF5" s="1153"/>
      <c r="CG5" s="1153"/>
      <c r="CH5" s="1153"/>
      <c r="CI5" s="1153"/>
      <c r="CJ5" s="1153"/>
      <c r="CK5" s="1153"/>
      <c r="CL5" s="1153"/>
      <c r="CM5" s="1153"/>
    </row>
    <row r="6" spans="1:100" ht="17.25" customHeight="1" x14ac:dyDescent="0.15">
      <c r="A6" s="428"/>
      <c r="B6" s="428"/>
      <c r="C6" s="428"/>
      <c r="D6" s="428"/>
      <c r="E6" s="428"/>
      <c r="F6" s="428"/>
      <c r="G6" s="428"/>
      <c r="H6" s="428"/>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1153"/>
      <c r="AO6" s="1153"/>
      <c r="AP6" s="1153"/>
      <c r="AQ6" s="1153"/>
      <c r="AR6" s="1153"/>
      <c r="AS6" s="1153"/>
      <c r="AT6" s="1153"/>
      <c r="AU6" s="1153"/>
      <c r="AV6" s="1153"/>
      <c r="AW6" s="1153"/>
      <c r="AX6" s="1153"/>
      <c r="AY6" s="1153"/>
      <c r="AZ6" s="1153"/>
      <c r="BA6" s="1153"/>
      <c r="BB6" s="1153"/>
      <c r="BC6" s="1153"/>
      <c r="BD6" s="1153"/>
      <c r="BE6" s="1153"/>
      <c r="BF6" s="1153"/>
      <c r="BG6" s="1153"/>
      <c r="BH6" s="1153"/>
      <c r="BI6" s="1153"/>
      <c r="BJ6" s="1153"/>
      <c r="BK6" s="1153"/>
      <c r="BL6" s="1153"/>
      <c r="BM6" s="1153"/>
      <c r="BN6" s="1153"/>
      <c r="BO6" s="1153"/>
      <c r="BP6" s="1153"/>
      <c r="BQ6" s="1153"/>
      <c r="BR6" s="1153"/>
      <c r="BS6" s="1153"/>
      <c r="BT6" s="1153"/>
      <c r="BU6" s="1153"/>
      <c r="BV6" s="1153"/>
      <c r="BW6" s="1153"/>
      <c r="BX6" s="1153"/>
      <c r="BY6" s="1153"/>
      <c r="BZ6" s="1153"/>
      <c r="CA6" s="1153"/>
      <c r="CB6" s="1153"/>
      <c r="CC6" s="1153"/>
      <c r="CD6" s="1153"/>
      <c r="CE6" s="1153"/>
      <c r="CF6" s="1153"/>
      <c r="CG6" s="1153"/>
      <c r="CH6" s="1153"/>
      <c r="CI6" s="1153"/>
      <c r="CJ6" s="1153"/>
      <c r="CK6" s="1153"/>
      <c r="CL6" s="1153"/>
      <c r="CM6" s="1153"/>
    </row>
    <row r="7" spans="1:100" ht="17.25" customHeight="1" x14ac:dyDescent="0.15">
      <c r="A7" s="405" t="s">
        <v>238</v>
      </c>
      <c r="B7" s="406"/>
      <c r="C7" s="406"/>
      <c r="D7" s="407"/>
      <c r="E7" s="65" t="s">
        <v>0</v>
      </c>
      <c r="F7" s="492" t="s">
        <v>163</v>
      </c>
      <c r="G7" s="492"/>
      <c r="H7" s="492"/>
      <c r="I7" s="492"/>
      <c r="J7" s="492"/>
      <c r="K7" s="492"/>
      <c r="L7" s="493"/>
      <c r="M7" s="642"/>
      <c r="N7" s="642"/>
      <c r="O7" s="642"/>
      <c r="P7" s="642"/>
      <c r="Q7" s="642"/>
      <c r="R7" s="642"/>
      <c r="S7" s="642"/>
      <c r="T7" s="642"/>
      <c r="U7" s="642"/>
      <c r="V7" s="642"/>
      <c r="W7" s="642"/>
      <c r="X7" s="642"/>
      <c r="Y7" s="643"/>
      <c r="Z7" s="332" t="s">
        <v>239</v>
      </c>
      <c r="AA7" s="332"/>
      <c r="AB7" s="332"/>
      <c r="AC7" s="431" t="s">
        <v>164</v>
      </c>
      <c r="AD7" s="431"/>
      <c r="AE7" s="431"/>
      <c r="AF7" s="431"/>
      <c r="AG7" s="431"/>
      <c r="AH7" s="431"/>
      <c r="AI7" s="431"/>
      <c r="AJ7" s="431"/>
      <c r="AK7" s="431"/>
      <c r="AL7" s="431"/>
      <c r="AM7" s="5"/>
      <c r="AN7" s="1153"/>
      <c r="AO7" s="1153"/>
      <c r="AP7" s="1153"/>
      <c r="AQ7" s="1153"/>
      <c r="AR7" s="1153"/>
      <c r="AS7" s="1153"/>
      <c r="AT7" s="1153"/>
      <c r="AU7" s="1153"/>
      <c r="AV7" s="1153"/>
      <c r="AW7" s="1153"/>
      <c r="AX7" s="1153"/>
      <c r="AY7" s="1153"/>
      <c r="AZ7" s="1153"/>
      <c r="BA7" s="1153"/>
      <c r="BB7" s="1153"/>
      <c r="BC7" s="1153"/>
      <c r="BD7" s="1153"/>
      <c r="BE7" s="1153"/>
      <c r="BF7" s="1153"/>
      <c r="BG7" s="1153"/>
      <c r="BH7" s="1153"/>
      <c r="BI7" s="1153"/>
      <c r="BJ7" s="1153"/>
      <c r="BK7" s="1153"/>
      <c r="BL7" s="1153"/>
      <c r="BM7" s="1153"/>
      <c r="BN7" s="1153"/>
      <c r="BO7" s="1153"/>
      <c r="BP7" s="1153"/>
      <c r="BQ7" s="1153"/>
      <c r="BR7" s="1153"/>
      <c r="BS7" s="1153"/>
      <c r="BT7" s="1153"/>
      <c r="BU7" s="1153"/>
      <c r="BV7" s="1153"/>
      <c r="BW7" s="1153"/>
      <c r="BX7" s="1153"/>
      <c r="BY7" s="1153"/>
      <c r="BZ7" s="1153"/>
      <c r="CA7" s="1153"/>
      <c r="CB7" s="1153"/>
      <c r="CC7" s="1153"/>
      <c r="CD7" s="1153"/>
      <c r="CE7" s="1153"/>
      <c r="CF7" s="1153"/>
      <c r="CG7" s="1153"/>
      <c r="CH7" s="1153"/>
      <c r="CI7" s="1153"/>
      <c r="CJ7" s="1153"/>
      <c r="CK7" s="1153"/>
      <c r="CL7" s="1153"/>
      <c r="CM7" s="1153"/>
    </row>
    <row r="8" spans="1:100" ht="17.25" customHeight="1" x14ac:dyDescent="0.15">
      <c r="A8" s="405"/>
      <c r="B8" s="406"/>
      <c r="C8" s="406"/>
      <c r="D8" s="407"/>
      <c r="E8" s="433" t="s">
        <v>165</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1153"/>
      <c r="AO8" s="1153"/>
      <c r="AP8" s="1153"/>
      <c r="AQ8" s="1153"/>
      <c r="AR8" s="1153"/>
      <c r="AS8" s="1153"/>
      <c r="AT8" s="1153"/>
      <c r="AU8" s="1153"/>
      <c r="AV8" s="1153"/>
      <c r="AW8" s="1153"/>
      <c r="AX8" s="1153"/>
      <c r="AY8" s="1153"/>
      <c r="AZ8" s="1153"/>
      <c r="BA8" s="1153"/>
      <c r="BB8" s="1153"/>
      <c r="BC8" s="1153"/>
      <c r="BD8" s="1153"/>
      <c r="BE8" s="1153"/>
      <c r="BF8" s="1153"/>
      <c r="BG8" s="1153"/>
      <c r="BH8" s="1153"/>
      <c r="BI8" s="1153"/>
      <c r="BJ8" s="1153"/>
      <c r="BK8" s="1153"/>
      <c r="BL8" s="1153"/>
      <c r="BM8" s="1153"/>
      <c r="BN8" s="1153"/>
      <c r="BO8" s="1153"/>
      <c r="BP8" s="1153"/>
      <c r="BQ8" s="1153"/>
      <c r="BR8" s="1153"/>
      <c r="BS8" s="1153"/>
      <c r="BT8" s="1153"/>
      <c r="BU8" s="1153"/>
      <c r="BV8" s="1153"/>
      <c r="BW8" s="1153"/>
      <c r="BX8" s="1153"/>
      <c r="BY8" s="1153"/>
      <c r="BZ8" s="1153"/>
      <c r="CA8" s="1153"/>
      <c r="CB8" s="1153"/>
      <c r="CC8" s="1153"/>
      <c r="CD8" s="1153"/>
      <c r="CE8" s="1153"/>
      <c r="CF8" s="1153"/>
      <c r="CG8" s="1153"/>
      <c r="CH8" s="1153"/>
      <c r="CI8" s="1153"/>
      <c r="CJ8" s="1153"/>
      <c r="CK8" s="1153"/>
      <c r="CL8" s="1153"/>
      <c r="CM8" s="1153"/>
    </row>
    <row r="9" spans="1:100" ht="17.25" customHeight="1" x14ac:dyDescent="0.15">
      <c r="A9" s="405" t="s">
        <v>240</v>
      </c>
      <c r="B9" s="406"/>
      <c r="C9" s="406"/>
      <c r="D9" s="407"/>
      <c r="E9" s="445" t="s">
        <v>941</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1153"/>
      <c r="AO9" s="1153"/>
      <c r="AP9" s="1153"/>
      <c r="AQ9" s="1153"/>
      <c r="AR9" s="1153"/>
      <c r="AS9" s="1153"/>
      <c r="AT9" s="1153"/>
      <c r="AU9" s="1153"/>
      <c r="AV9" s="1153"/>
      <c r="AW9" s="1153"/>
      <c r="AX9" s="1153"/>
      <c r="AY9" s="1153"/>
      <c r="AZ9" s="1153"/>
      <c r="BA9" s="1153"/>
      <c r="BB9" s="1153"/>
      <c r="BC9" s="1153"/>
      <c r="BD9" s="1153"/>
      <c r="BE9" s="1153"/>
      <c r="BF9" s="1153"/>
      <c r="BG9" s="1153"/>
      <c r="BH9" s="1153"/>
      <c r="BI9" s="1153"/>
      <c r="BJ9" s="1153"/>
      <c r="BK9" s="1153"/>
      <c r="BL9" s="1153"/>
      <c r="BM9" s="1153"/>
      <c r="BN9" s="1153"/>
      <c r="BO9" s="1153"/>
      <c r="BP9" s="1153"/>
      <c r="BQ9" s="1153"/>
      <c r="BR9" s="1153"/>
      <c r="BS9" s="1153"/>
      <c r="BT9" s="1153"/>
      <c r="BU9" s="1153"/>
      <c r="BV9" s="1153"/>
      <c r="BW9" s="1153"/>
      <c r="BX9" s="1153"/>
      <c r="BY9" s="1153"/>
      <c r="BZ9" s="1153"/>
      <c r="CA9" s="1153"/>
      <c r="CB9" s="1153"/>
      <c r="CC9" s="1153"/>
      <c r="CD9" s="1153"/>
      <c r="CE9" s="1153"/>
      <c r="CF9" s="1153"/>
      <c r="CG9" s="1153"/>
      <c r="CH9" s="1153"/>
      <c r="CI9" s="1153"/>
      <c r="CJ9" s="1153"/>
      <c r="CK9" s="1153"/>
      <c r="CL9" s="1153"/>
      <c r="CM9" s="1153"/>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1153"/>
      <c r="AO10" s="1153"/>
      <c r="AP10" s="1153"/>
      <c r="AQ10" s="1153"/>
      <c r="AR10" s="1153"/>
      <c r="AS10" s="1153"/>
      <c r="AT10" s="1153"/>
      <c r="AU10" s="1153"/>
      <c r="AV10" s="1153"/>
      <c r="AW10" s="1153"/>
      <c r="AX10" s="1153"/>
      <c r="AY10" s="1153"/>
      <c r="AZ10" s="1153"/>
      <c r="BA10" s="1153"/>
      <c r="BB10" s="1153"/>
      <c r="BC10" s="1153"/>
      <c r="BD10" s="1153"/>
      <c r="BE10" s="1153"/>
      <c r="BF10" s="1153"/>
      <c r="BG10" s="1153"/>
      <c r="BH10" s="1153"/>
      <c r="BI10" s="1153"/>
      <c r="BJ10" s="1153"/>
      <c r="BK10" s="1153"/>
      <c r="BL10" s="1153"/>
      <c r="BM10" s="1153"/>
      <c r="BN10" s="1153"/>
      <c r="BO10" s="1153"/>
      <c r="BP10" s="1153"/>
      <c r="BQ10" s="1153"/>
      <c r="BR10" s="1153"/>
      <c r="BS10" s="1153"/>
      <c r="BT10" s="1153"/>
      <c r="BU10" s="1153"/>
      <c r="BV10" s="1153"/>
      <c r="BW10" s="1153"/>
      <c r="BX10" s="1153"/>
      <c r="BY10" s="1153"/>
      <c r="BZ10" s="1153"/>
      <c r="CA10" s="1153"/>
      <c r="CB10" s="1153"/>
      <c r="CC10" s="1153"/>
      <c r="CD10" s="1153"/>
      <c r="CE10" s="1153"/>
      <c r="CF10" s="1153"/>
      <c r="CG10" s="1153"/>
      <c r="CH10" s="1153"/>
      <c r="CI10" s="1153"/>
      <c r="CJ10" s="1153"/>
      <c r="CK10" s="1153"/>
      <c r="CL10" s="1153"/>
      <c r="CM10" s="1153"/>
    </row>
    <row r="11" spans="1:100" ht="17.25" customHeight="1" x14ac:dyDescent="0.15">
      <c r="A11" s="405" t="s">
        <v>37</v>
      </c>
      <c r="B11" s="406"/>
      <c r="C11" s="406"/>
      <c r="D11" s="407"/>
      <c r="E11" s="615" t="s">
        <v>712</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1153"/>
      <c r="AO11" s="1153"/>
      <c r="AP11" s="1153"/>
      <c r="AQ11" s="1153"/>
      <c r="AR11" s="1153"/>
      <c r="AS11" s="1153"/>
      <c r="AT11" s="1153"/>
      <c r="AU11" s="1153"/>
      <c r="AV11" s="1153"/>
      <c r="AW11" s="1153"/>
      <c r="AX11" s="1153"/>
      <c r="AY11" s="1153"/>
      <c r="AZ11" s="1153"/>
      <c r="BA11" s="1153"/>
      <c r="BB11" s="1153"/>
      <c r="BC11" s="1153"/>
      <c r="BD11" s="1153"/>
      <c r="BE11" s="1153"/>
      <c r="BF11" s="1153"/>
      <c r="BG11" s="1153"/>
      <c r="BH11" s="1153"/>
      <c r="BI11" s="1153"/>
      <c r="BJ11" s="1153"/>
      <c r="BK11" s="1153"/>
      <c r="BL11" s="1153"/>
      <c r="BM11" s="1153"/>
      <c r="BN11" s="1153"/>
      <c r="BO11" s="1153"/>
      <c r="BP11" s="1153"/>
      <c r="BQ11" s="1153"/>
      <c r="BR11" s="1153"/>
      <c r="BS11" s="1153"/>
      <c r="BT11" s="1153"/>
      <c r="BU11" s="1153"/>
      <c r="BV11" s="1153"/>
      <c r="BW11" s="1153"/>
      <c r="BX11" s="1153"/>
      <c r="BY11" s="1153"/>
      <c r="BZ11" s="1153"/>
      <c r="CA11" s="1153"/>
      <c r="CB11" s="1153"/>
      <c r="CC11" s="1153"/>
      <c r="CD11" s="1153"/>
      <c r="CE11" s="1153"/>
      <c r="CF11" s="1153"/>
      <c r="CG11" s="1153"/>
      <c r="CH11" s="1153"/>
      <c r="CI11" s="1153"/>
      <c r="CJ11" s="1153"/>
      <c r="CK11" s="1153"/>
      <c r="CL11" s="1153"/>
      <c r="CM11" s="1153"/>
    </row>
    <row r="12" spans="1:100" ht="17.25" customHeight="1" x14ac:dyDescent="0.15">
      <c r="A12" s="332" t="s">
        <v>241</v>
      </c>
      <c r="B12" s="332"/>
      <c r="C12" s="332"/>
      <c r="D12" s="332"/>
      <c r="E12" s="328"/>
      <c r="F12" s="844" t="s">
        <v>942</v>
      </c>
      <c r="G12" s="845"/>
      <c r="H12" s="845"/>
      <c r="I12" s="845"/>
      <c r="J12" s="845"/>
      <c r="K12" s="845"/>
      <c r="L12" s="845"/>
      <c r="M12" s="845"/>
      <c r="N12" s="522"/>
      <c r="O12" s="416" t="s">
        <v>242</v>
      </c>
      <c r="P12" s="417"/>
      <c r="Q12" s="534">
        <v>17777</v>
      </c>
      <c r="R12" s="423"/>
      <c r="S12" s="423"/>
      <c r="T12" s="423"/>
      <c r="U12" s="424" t="s">
        <v>110</v>
      </c>
      <c r="V12" s="423"/>
      <c r="W12" s="423"/>
      <c r="X12" s="423"/>
      <c r="Y12" s="424" t="s">
        <v>170</v>
      </c>
      <c r="Z12" s="423"/>
      <c r="AA12" s="423"/>
      <c r="AB12" s="423"/>
      <c r="AC12" s="423"/>
      <c r="AD12" s="423"/>
      <c r="AE12" s="423"/>
      <c r="AF12" s="423"/>
      <c r="AG12" s="423"/>
      <c r="AH12" s="423"/>
      <c r="AI12" s="423"/>
      <c r="AJ12" s="423"/>
      <c r="AK12" s="423"/>
      <c r="AL12" s="425"/>
      <c r="AM12" s="5"/>
      <c r="AN12" s="1153"/>
      <c r="AO12" s="1153"/>
      <c r="AP12" s="1153"/>
      <c r="AQ12" s="1153"/>
      <c r="AR12" s="1153"/>
      <c r="AS12" s="1153"/>
      <c r="AT12" s="1153"/>
      <c r="AU12" s="1153"/>
      <c r="AV12" s="1153"/>
      <c r="AW12" s="1153"/>
      <c r="AX12" s="1153"/>
      <c r="AY12" s="1153"/>
      <c r="AZ12" s="1153"/>
      <c r="BA12" s="1153"/>
      <c r="BB12" s="1153"/>
      <c r="BC12" s="1153"/>
      <c r="BD12" s="1153"/>
      <c r="BE12" s="1153"/>
      <c r="BF12" s="1153"/>
      <c r="BG12" s="1153"/>
      <c r="BH12" s="1153"/>
      <c r="BI12" s="1153"/>
      <c r="BJ12" s="1153"/>
      <c r="BK12" s="1153"/>
      <c r="BL12" s="1153"/>
      <c r="BM12" s="1153"/>
      <c r="BN12" s="1153"/>
      <c r="BO12" s="1153"/>
      <c r="BP12" s="1153"/>
      <c r="BQ12" s="1153"/>
      <c r="BR12" s="1153"/>
      <c r="BS12" s="1153"/>
      <c r="BT12" s="1153"/>
      <c r="BU12" s="1153"/>
      <c r="BV12" s="1153"/>
      <c r="BW12" s="1153"/>
      <c r="BX12" s="1153"/>
      <c r="BY12" s="1153"/>
      <c r="BZ12" s="1153"/>
      <c r="CA12" s="1153"/>
      <c r="CB12" s="1153"/>
      <c r="CC12" s="1153"/>
      <c r="CD12" s="1153"/>
      <c r="CE12" s="1153"/>
      <c r="CF12" s="1153"/>
      <c r="CG12" s="1153"/>
      <c r="CH12" s="1153"/>
      <c r="CI12" s="1153"/>
      <c r="CJ12" s="1153"/>
      <c r="CK12" s="1153"/>
      <c r="CL12" s="1153"/>
      <c r="CM12" s="1153"/>
      <c r="CQ12" s="3" ph="1"/>
      <c r="CR12" s="3" ph="1"/>
      <c r="CS12" s="3" ph="1"/>
      <c r="CT12" s="3" ph="1"/>
      <c r="CU12" s="3" ph="1"/>
      <c r="CV12" s="3" ph="1"/>
    </row>
    <row r="13" spans="1:100" ht="17.25" customHeight="1" x14ac:dyDescent="0.15">
      <c r="A13" s="328"/>
      <c r="B13" s="328"/>
      <c r="C13" s="328"/>
      <c r="D13" s="328"/>
      <c r="E13" s="328"/>
      <c r="F13" s="398" t="s">
        <v>732</v>
      </c>
      <c r="G13" s="369"/>
      <c r="H13" s="369"/>
      <c r="I13" s="369"/>
      <c r="J13" s="369"/>
      <c r="K13" s="369"/>
      <c r="L13" s="369"/>
      <c r="M13" s="369"/>
      <c r="N13" s="523"/>
      <c r="O13" s="418"/>
      <c r="P13" s="419"/>
      <c r="Q13" s="376">
        <v>26238</v>
      </c>
      <c r="R13" s="220"/>
      <c r="S13" s="220"/>
      <c r="T13" s="220"/>
      <c r="U13" s="371" t="s">
        <v>345</v>
      </c>
      <c r="V13" s="220"/>
      <c r="W13" s="220"/>
      <c r="X13" s="220"/>
      <c r="Y13" s="371"/>
      <c r="Z13" s="852"/>
      <c r="AA13" s="852"/>
      <c r="AB13" s="852"/>
      <c r="AC13" s="852"/>
      <c r="AD13" s="852"/>
      <c r="AE13" s="852"/>
      <c r="AF13" s="852"/>
      <c r="AG13" s="852"/>
      <c r="AH13" s="852"/>
      <c r="AI13" s="852"/>
      <c r="AJ13" s="852"/>
      <c r="AK13" s="852"/>
      <c r="AL13" s="853"/>
      <c r="AM13" s="5"/>
      <c r="AN13" s="518" t="s">
        <v>245</v>
      </c>
      <c r="AO13" s="518"/>
      <c r="AP13" s="518"/>
      <c r="AQ13" s="518"/>
      <c r="AR13" s="518"/>
      <c r="AS13" s="518"/>
      <c r="AT13" s="518"/>
      <c r="AU13" s="518"/>
      <c r="AV13" s="518"/>
      <c r="AW13" s="518"/>
      <c r="AX13" s="518"/>
      <c r="AY13" s="518"/>
      <c r="AZ13" s="518"/>
      <c r="BA13" s="518"/>
      <c r="BB13" s="518"/>
      <c r="BC13" s="518"/>
      <c r="BD13" s="518"/>
      <c r="BE13" s="518"/>
      <c r="BF13" s="518"/>
      <c r="BG13" s="518"/>
      <c r="BH13" s="518"/>
      <c r="BI13" s="518"/>
      <c r="BJ13" s="518"/>
      <c r="BK13" s="518"/>
      <c r="BL13" s="518"/>
      <c r="BM13" s="518"/>
      <c r="BN13" s="518"/>
      <c r="BO13" s="518"/>
      <c r="BP13" s="518"/>
      <c r="BQ13" s="518"/>
      <c r="BR13" s="518"/>
      <c r="BS13" s="518"/>
      <c r="BT13" s="518"/>
      <c r="BU13" s="518"/>
      <c r="BV13" s="518"/>
      <c r="BW13" s="518"/>
      <c r="BX13" s="518"/>
      <c r="BY13" s="518"/>
      <c r="BZ13" s="518"/>
      <c r="CA13" s="518"/>
      <c r="CB13" s="518"/>
      <c r="CC13" s="518"/>
      <c r="CD13" s="518"/>
      <c r="CE13" s="518"/>
      <c r="CF13" s="518"/>
      <c r="CG13" s="518"/>
      <c r="CH13" s="518"/>
      <c r="CI13" s="518"/>
      <c r="CJ13" s="518"/>
      <c r="CK13" s="518"/>
      <c r="CL13" s="518"/>
      <c r="CM13" s="518"/>
      <c r="CQ13" s="3" ph="1"/>
      <c r="CR13" s="3" ph="1"/>
      <c r="CS13" s="3" ph="1"/>
      <c r="CT13" s="3" ph="1"/>
      <c r="CU13" s="3" ph="1"/>
      <c r="CV13" s="3" ph="1"/>
    </row>
    <row r="14" spans="1:100" ht="17.25" customHeight="1" x14ac:dyDescent="0.15">
      <c r="A14" s="426">
        <v>2</v>
      </c>
      <c r="B14" s="651"/>
      <c r="C14" s="651"/>
      <c r="D14" s="651"/>
      <c r="E14" s="651"/>
      <c r="F14" s="370"/>
      <c r="G14" s="370"/>
      <c r="H14" s="370"/>
      <c r="I14" s="370"/>
      <c r="J14" s="370"/>
      <c r="K14" s="370"/>
      <c r="L14" s="370"/>
      <c r="M14" s="370"/>
      <c r="N14" s="523"/>
      <c r="O14" s="418"/>
      <c r="P14" s="419"/>
      <c r="Q14" s="376"/>
      <c r="R14" s="220"/>
      <c r="S14" s="220"/>
      <c r="T14" s="220"/>
      <c r="U14" s="371"/>
      <c r="V14" s="220"/>
      <c r="W14" s="220"/>
      <c r="X14" s="220"/>
      <c r="Y14" s="371"/>
      <c r="Z14" s="220"/>
      <c r="AA14" s="220"/>
      <c r="AB14" s="220"/>
      <c r="AC14" s="220"/>
      <c r="AD14" s="220"/>
      <c r="AE14" s="220"/>
      <c r="AF14" s="220"/>
      <c r="AG14" s="220"/>
      <c r="AH14" s="220"/>
      <c r="AI14" s="220"/>
      <c r="AJ14" s="220"/>
      <c r="AK14" s="220"/>
      <c r="AL14" s="372"/>
      <c r="AM14" s="5"/>
      <c r="AN14" s="287" t="s">
        <v>219</v>
      </c>
      <c r="AO14" s="287"/>
      <c r="AP14" s="287"/>
      <c r="AQ14" s="287"/>
      <c r="AR14" s="287"/>
      <c r="AS14" s="287"/>
      <c r="AT14" s="856" t="s">
        <v>943</v>
      </c>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7026</v>
      </c>
      <c r="G15" s="430"/>
      <c r="H15" s="430"/>
      <c r="I15" s="430"/>
      <c r="J15" s="430"/>
      <c r="K15" s="430"/>
      <c r="L15" s="430"/>
      <c r="M15" s="430"/>
      <c r="N15" s="523"/>
      <c r="O15" s="418"/>
      <c r="P15" s="419"/>
      <c r="Q15" s="376"/>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87"/>
      <c r="AO15" s="287"/>
      <c r="AP15" s="287"/>
      <c r="AQ15" s="287"/>
      <c r="AR15" s="287"/>
      <c r="AS15" s="287"/>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49</v>
      </c>
      <c r="B16" s="484"/>
      <c r="C16" s="484"/>
      <c r="D16" s="484"/>
      <c r="E16" s="485"/>
      <c r="F16" s="380" t="s">
        <v>1400</v>
      </c>
      <c r="G16" s="381"/>
      <c r="H16" s="381"/>
      <c r="I16" s="381"/>
      <c r="J16" s="381"/>
      <c r="K16" s="381"/>
      <c r="L16" s="381"/>
      <c r="M16" s="381"/>
      <c r="N16" s="523"/>
      <c r="O16" s="418"/>
      <c r="P16" s="419"/>
      <c r="Q16" s="376"/>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87" t="s">
        <v>220</v>
      </c>
      <c r="AO16" s="287"/>
      <c r="AP16" s="287"/>
      <c r="AQ16" s="287"/>
      <c r="AR16" s="287"/>
      <c r="AS16" s="287"/>
      <c r="AT16" s="856" t="s">
        <v>166</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t="s">
        <v>1399</v>
      </c>
      <c r="G17" s="369"/>
      <c r="H17" s="369"/>
      <c r="I17" s="369"/>
      <c r="J17" s="369"/>
      <c r="K17" s="369"/>
      <c r="L17" s="369"/>
      <c r="M17" s="369"/>
      <c r="N17" s="523"/>
      <c r="O17" s="418"/>
      <c r="P17" s="419"/>
      <c r="Q17" s="376"/>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c r="AO17" s="287"/>
      <c r="AP17" s="287"/>
      <c r="AQ17" s="287"/>
      <c r="AR17" s="287"/>
      <c r="AS17" s="28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6"/>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87" t="s">
        <v>221</v>
      </c>
      <c r="AO18" s="287"/>
      <c r="AP18" s="287"/>
      <c r="AQ18" s="287"/>
      <c r="AR18" s="287"/>
      <c r="AS18" s="287"/>
      <c r="AT18" s="856" t="s">
        <v>1703</v>
      </c>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367" t="s">
        <v>520</v>
      </c>
      <c r="G19" s="346"/>
      <c r="H19" s="346"/>
      <c r="I19" s="346"/>
      <c r="J19" s="346"/>
      <c r="K19" s="346"/>
      <c r="L19" s="346"/>
      <c r="M19" s="346"/>
      <c r="N19" s="523"/>
      <c r="O19" s="418"/>
      <c r="P19" s="419"/>
      <c r="Q19" s="376"/>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87"/>
      <c r="AO19" s="287"/>
      <c r="AP19" s="287"/>
      <c r="AQ19" s="287"/>
      <c r="AR19" s="287"/>
      <c r="AS19" s="287"/>
      <c r="AT19" s="856"/>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523"/>
      <c r="O20" s="418"/>
      <c r="P20" s="419"/>
      <c r="Q20" s="376"/>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t="s">
        <v>222</v>
      </c>
      <c r="AO20" s="287"/>
      <c r="AP20" s="287"/>
      <c r="AQ20" s="287"/>
      <c r="AR20" s="287"/>
      <c r="AS20" s="287"/>
      <c r="AT20" s="856" t="s">
        <v>1314</v>
      </c>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20"/>
      <c r="P21" s="421"/>
      <c r="Q21" s="657"/>
      <c r="R21" s="239"/>
      <c r="S21" s="239"/>
      <c r="T21" s="239"/>
      <c r="U21" s="1188"/>
      <c r="V21" s="239"/>
      <c r="W21" s="239"/>
      <c r="X21" s="239"/>
      <c r="Y21" s="1188"/>
      <c r="Z21" s="239"/>
      <c r="AA21" s="239"/>
      <c r="AB21" s="239"/>
      <c r="AC21" s="239"/>
      <c r="AD21" s="239"/>
      <c r="AE21" s="239"/>
      <c r="AF21" s="239"/>
      <c r="AG21" s="239"/>
      <c r="AH21" s="239"/>
      <c r="AI21" s="239"/>
      <c r="AJ21" s="239"/>
      <c r="AK21" s="239"/>
      <c r="AL21" s="608"/>
      <c r="AM21" s="5"/>
      <c r="AN21" s="287"/>
      <c r="AO21" s="287"/>
      <c r="AP21" s="287"/>
      <c r="AQ21" s="287"/>
      <c r="AR21" s="287"/>
      <c r="AS21" s="287"/>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330" t="s">
        <v>1411</v>
      </c>
      <c r="G22" s="331"/>
      <c r="H22" s="331"/>
      <c r="I22" s="331"/>
      <c r="J22" s="331"/>
      <c r="K22" s="331"/>
      <c r="L22" s="331"/>
      <c r="M22" s="331"/>
      <c r="N22" s="523"/>
      <c r="O22" s="1031" t="s">
        <v>258</v>
      </c>
      <c r="P22" s="1031"/>
      <c r="Q22" s="916" t="s">
        <v>944</v>
      </c>
      <c r="R22" s="917"/>
      <c r="S22" s="917"/>
      <c r="T22" s="917"/>
      <c r="U22" s="917"/>
      <c r="V22" s="917"/>
      <c r="W22" s="917"/>
      <c r="X22" s="917"/>
      <c r="Y22" s="917"/>
      <c r="Z22" s="917"/>
      <c r="AA22" s="917"/>
      <c r="AB22" s="917"/>
      <c r="AC22" s="917"/>
      <c r="AD22" s="917"/>
      <c r="AE22" s="917"/>
      <c r="AF22" s="917"/>
      <c r="AG22" s="917"/>
      <c r="AH22" s="917"/>
      <c r="AI22" s="917"/>
      <c r="AJ22" s="917"/>
      <c r="AK22" s="917"/>
      <c r="AL22" s="918"/>
      <c r="AM22" s="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3" ph="1"/>
      <c r="CR22" s="3" ph="1"/>
      <c r="CS22" s="3" ph="1"/>
      <c r="CT22" s="3" ph="1"/>
      <c r="CU22" s="3" ph="1"/>
      <c r="CV22" s="3" ph="1"/>
    </row>
    <row r="23" spans="1:100" ht="17.25" customHeight="1" x14ac:dyDescent="0.15">
      <c r="A23" s="328"/>
      <c r="B23" s="328"/>
      <c r="C23" s="328"/>
      <c r="D23" s="328"/>
      <c r="E23" s="328"/>
      <c r="F23" s="336" t="s">
        <v>1410</v>
      </c>
      <c r="G23" s="337"/>
      <c r="H23" s="337"/>
      <c r="I23" s="337"/>
      <c r="J23" s="337"/>
      <c r="K23" s="337"/>
      <c r="L23" s="337"/>
      <c r="M23" s="338"/>
      <c r="N23" s="523"/>
      <c r="O23" s="1031"/>
      <c r="P23" s="1031"/>
      <c r="Q23" s="355">
        <v>25219</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1189" t="s">
        <v>1315</v>
      </c>
      <c r="AO23" s="1190"/>
      <c r="AP23" s="1190"/>
      <c r="AQ23" s="1190"/>
      <c r="AR23" s="1190"/>
      <c r="AS23" s="1190"/>
      <c r="AT23" s="1190"/>
      <c r="AU23" s="1190"/>
      <c r="AV23" s="1190"/>
      <c r="AW23" s="1190"/>
      <c r="AX23" s="1190"/>
      <c r="AY23" s="1190"/>
      <c r="AZ23" s="1190"/>
      <c r="BA23" s="1190"/>
      <c r="BB23" s="1190"/>
      <c r="BC23" s="1190"/>
      <c r="BD23" s="1190"/>
      <c r="BE23" s="1190"/>
      <c r="BF23" s="1190"/>
      <c r="BG23" s="1190"/>
      <c r="BH23" s="1190"/>
      <c r="BI23" s="1190"/>
      <c r="BJ23" s="1190"/>
      <c r="BK23" s="1190"/>
      <c r="BL23" s="1190"/>
      <c r="BM23" s="1190"/>
      <c r="BN23" s="1190"/>
      <c r="BO23" s="1190"/>
      <c r="BP23" s="1190"/>
      <c r="BQ23" s="1190"/>
      <c r="BR23" s="1190"/>
      <c r="BS23" s="1190"/>
      <c r="BT23" s="1190"/>
      <c r="BU23" s="1190"/>
      <c r="BV23" s="1190"/>
      <c r="BW23" s="1190"/>
      <c r="BX23" s="1190"/>
      <c r="BY23" s="1190"/>
      <c r="BZ23" s="1190"/>
      <c r="CA23" s="1190"/>
      <c r="CB23" s="1190"/>
      <c r="CC23" s="1190"/>
      <c r="CD23" s="1190"/>
      <c r="CE23" s="1190"/>
      <c r="CF23" s="1190"/>
      <c r="CG23" s="1190"/>
      <c r="CH23" s="1190"/>
      <c r="CI23" s="1190"/>
      <c r="CJ23" s="1190"/>
      <c r="CK23" s="1190"/>
      <c r="CL23" s="1190"/>
      <c r="CM23" s="1191"/>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091" t="s">
        <v>945</v>
      </c>
      <c r="R24" s="1198"/>
      <c r="S24" s="1198"/>
      <c r="T24" s="1198"/>
      <c r="U24" s="1198"/>
      <c r="V24" s="1198"/>
      <c r="W24" s="1198"/>
      <c r="X24" s="1198"/>
      <c r="Y24" s="1198"/>
      <c r="Z24" s="1198"/>
      <c r="AA24" s="1198"/>
      <c r="AB24" s="1198"/>
      <c r="AC24" s="1198"/>
      <c r="AD24" s="1198"/>
      <c r="AE24" s="1198"/>
      <c r="AF24" s="1198"/>
      <c r="AG24" s="1198"/>
      <c r="AH24" s="1198"/>
      <c r="AI24" s="1198"/>
      <c r="AJ24" s="1198"/>
      <c r="AK24" s="1198"/>
      <c r="AL24" s="1199"/>
      <c r="AM24" s="5"/>
      <c r="AN24" s="1192"/>
      <c r="AO24" s="1193"/>
      <c r="AP24" s="1193"/>
      <c r="AQ24" s="1193"/>
      <c r="AR24" s="1193"/>
      <c r="AS24" s="1193"/>
      <c r="AT24" s="1193"/>
      <c r="AU24" s="1193"/>
      <c r="AV24" s="1193"/>
      <c r="AW24" s="1193"/>
      <c r="AX24" s="1193"/>
      <c r="AY24" s="1193"/>
      <c r="AZ24" s="1193"/>
      <c r="BA24" s="1193"/>
      <c r="BB24" s="1193"/>
      <c r="BC24" s="1193"/>
      <c r="BD24" s="1193"/>
      <c r="BE24" s="1193"/>
      <c r="BF24" s="1193"/>
      <c r="BG24" s="1193"/>
      <c r="BH24" s="1193"/>
      <c r="BI24" s="1193"/>
      <c r="BJ24" s="1193"/>
      <c r="BK24" s="1193"/>
      <c r="BL24" s="1193"/>
      <c r="BM24" s="1193"/>
      <c r="BN24" s="1193"/>
      <c r="BO24" s="1193"/>
      <c r="BP24" s="1193"/>
      <c r="BQ24" s="1193"/>
      <c r="BR24" s="1193"/>
      <c r="BS24" s="1193"/>
      <c r="BT24" s="1193"/>
      <c r="BU24" s="1193"/>
      <c r="BV24" s="1193"/>
      <c r="BW24" s="1193"/>
      <c r="BX24" s="1193"/>
      <c r="BY24" s="1193"/>
      <c r="BZ24" s="1193"/>
      <c r="CA24" s="1193"/>
      <c r="CB24" s="1193"/>
      <c r="CC24" s="1193"/>
      <c r="CD24" s="1193"/>
      <c r="CE24" s="1193"/>
      <c r="CF24" s="1193"/>
      <c r="CG24" s="1193"/>
      <c r="CH24" s="1193"/>
      <c r="CI24" s="1193"/>
      <c r="CJ24" s="1193"/>
      <c r="CK24" s="1193"/>
      <c r="CL24" s="1193"/>
      <c r="CM24" s="1194"/>
      <c r="CQ24" s="3" ph="1"/>
      <c r="CR24" s="3" ph="1"/>
      <c r="CS24" s="3" ph="1"/>
      <c r="CT24" s="3" ph="1"/>
      <c r="CU24" s="3" ph="1"/>
      <c r="CV24" s="3" ph="1"/>
    </row>
    <row r="25" spans="1:100" ht="17.25" customHeight="1" x14ac:dyDescent="0.15">
      <c r="A25" s="328" t="s">
        <v>263</v>
      </c>
      <c r="B25" s="328"/>
      <c r="C25" s="328"/>
      <c r="D25" s="328"/>
      <c r="E25" s="328"/>
      <c r="F25" s="330" t="s">
        <v>1413</v>
      </c>
      <c r="G25" s="331"/>
      <c r="H25" s="331"/>
      <c r="I25" s="331"/>
      <c r="J25" s="331"/>
      <c r="K25" s="331"/>
      <c r="L25" s="331"/>
      <c r="M25" s="331"/>
      <c r="N25" s="523"/>
      <c r="O25" s="428"/>
      <c r="P25" s="428"/>
      <c r="Q25" s="355">
        <v>29312</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1192"/>
      <c r="AO25" s="1193"/>
      <c r="AP25" s="1193"/>
      <c r="AQ25" s="1193"/>
      <c r="AR25" s="1193"/>
      <c r="AS25" s="1193"/>
      <c r="AT25" s="1193"/>
      <c r="AU25" s="1193"/>
      <c r="AV25" s="1193"/>
      <c r="AW25" s="1193"/>
      <c r="AX25" s="1193"/>
      <c r="AY25" s="1193"/>
      <c r="AZ25" s="1193"/>
      <c r="BA25" s="1193"/>
      <c r="BB25" s="1193"/>
      <c r="BC25" s="1193"/>
      <c r="BD25" s="1193"/>
      <c r="BE25" s="1193"/>
      <c r="BF25" s="1193"/>
      <c r="BG25" s="1193"/>
      <c r="BH25" s="1193"/>
      <c r="BI25" s="1193"/>
      <c r="BJ25" s="1193"/>
      <c r="BK25" s="1193"/>
      <c r="BL25" s="1193"/>
      <c r="BM25" s="1193"/>
      <c r="BN25" s="1193"/>
      <c r="BO25" s="1193"/>
      <c r="BP25" s="1193"/>
      <c r="BQ25" s="1193"/>
      <c r="BR25" s="1193"/>
      <c r="BS25" s="1193"/>
      <c r="BT25" s="1193"/>
      <c r="BU25" s="1193"/>
      <c r="BV25" s="1193"/>
      <c r="BW25" s="1193"/>
      <c r="BX25" s="1193"/>
      <c r="BY25" s="1193"/>
      <c r="BZ25" s="1193"/>
      <c r="CA25" s="1193"/>
      <c r="CB25" s="1193"/>
      <c r="CC25" s="1193"/>
      <c r="CD25" s="1193"/>
      <c r="CE25" s="1193"/>
      <c r="CF25" s="1193"/>
      <c r="CG25" s="1193"/>
      <c r="CH25" s="1193"/>
      <c r="CI25" s="1193"/>
      <c r="CJ25" s="1193"/>
      <c r="CK25" s="1193"/>
      <c r="CL25" s="1193"/>
      <c r="CM25" s="1194"/>
      <c r="CQ25" s="3" ph="1"/>
      <c r="CR25" s="3" ph="1"/>
      <c r="CS25" s="3" ph="1"/>
      <c r="CT25" s="3" ph="1"/>
      <c r="CU25" s="3" ph="1"/>
      <c r="CV25" s="3" ph="1"/>
    </row>
    <row r="26" spans="1:100" ht="17.25" customHeight="1" x14ac:dyDescent="0.15">
      <c r="A26" s="328"/>
      <c r="B26" s="328"/>
      <c r="C26" s="328"/>
      <c r="D26" s="328"/>
      <c r="E26" s="328"/>
      <c r="F26" s="336" t="s">
        <v>1412</v>
      </c>
      <c r="G26" s="337"/>
      <c r="H26" s="337"/>
      <c r="I26" s="337"/>
      <c r="J26" s="337"/>
      <c r="K26" s="337"/>
      <c r="L26" s="337"/>
      <c r="M26" s="338"/>
      <c r="N26" s="523"/>
      <c r="O26" s="428" t="s">
        <v>264</v>
      </c>
      <c r="P26" s="428"/>
      <c r="Q26" s="486" t="s">
        <v>868</v>
      </c>
      <c r="R26" s="487"/>
      <c r="S26" s="487"/>
      <c r="T26" s="487"/>
      <c r="U26" s="487"/>
      <c r="V26" s="487"/>
      <c r="W26" s="487"/>
      <c r="X26" s="487"/>
      <c r="Y26" s="487"/>
      <c r="Z26" s="487"/>
      <c r="AA26" s="487"/>
      <c r="AB26" s="487"/>
      <c r="AC26" s="487"/>
      <c r="AD26" s="487"/>
      <c r="AE26" s="487"/>
      <c r="AF26" s="487"/>
      <c r="AG26" s="487"/>
      <c r="AH26" s="487"/>
      <c r="AI26" s="487"/>
      <c r="AJ26" s="487"/>
      <c r="AK26" s="487"/>
      <c r="AL26" s="488"/>
      <c r="AM26" s="5"/>
      <c r="AN26" s="1192"/>
      <c r="AO26" s="1193"/>
      <c r="AP26" s="1193"/>
      <c r="AQ26" s="1193"/>
      <c r="AR26" s="1193"/>
      <c r="AS26" s="1193"/>
      <c r="AT26" s="1193"/>
      <c r="AU26" s="1193"/>
      <c r="AV26" s="1193"/>
      <c r="AW26" s="1193"/>
      <c r="AX26" s="1193"/>
      <c r="AY26" s="1193"/>
      <c r="AZ26" s="1193"/>
      <c r="BA26" s="1193"/>
      <c r="BB26" s="1193"/>
      <c r="BC26" s="1193"/>
      <c r="BD26" s="1193"/>
      <c r="BE26" s="1193"/>
      <c r="BF26" s="1193"/>
      <c r="BG26" s="1193"/>
      <c r="BH26" s="1193"/>
      <c r="BI26" s="1193"/>
      <c r="BJ26" s="1193"/>
      <c r="BK26" s="1193"/>
      <c r="BL26" s="1193"/>
      <c r="BM26" s="1193"/>
      <c r="BN26" s="1193"/>
      <c r="BO26" s="1193"/>
      <c r="BP26" s="1193"/>
      <c r="BQ26" s="1193"/>
      <c r="BR26" s="1193"/>
      <c r="BS26" s="1193"/>
      <c r="BT26" s="1193"/>
      <c r="BU26" s="1193"/>
      <c r="BV26" s="1193"/>
      <c r="BW26" s="1193"/>
      <c r="BX26" s="1193"/>
      <c r="BY26" s="1193"/>
      <c r="BZ26" s="1193"/>
      <c r="CA26" s="1193"/>
      <c r="CB26" s="1193"/>
      <c r="CC26" s="1193"/>
      <c r="CD26" s="1193"/>
      <c r="CE26" s="1193"/>
      <c r="CF26" s="1193"/>
      <c r="CG26" s="1193"/>
      <c r="CH26" s="1193"/>
      <c r="CI26" s="1193"/>
      <c r="CJ26" s="1193"/>
      <c r="CK26" s="1193"/>
      <c r="CL26" s="1193"/>
      <c r="CM26" s="1194"/>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42">
        <v>33329</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1195"/>
      <c r="AO27" s="1196"/>
      <c r="AP27" s="1196"/>
      <c r="AQ27" s="1196"/>
      <c r="AR27" s="1196"/>
      <c r="AS27" s="1196"/>
      <c r="AT27" s="1196"/>
      <c r="AU27" s="1196"/>
      <c r="AV27" s="1196"/>
      <c r="AW27" s="1196"/>
      <c r="AX27" s="1196"/>
      <c r="AY27" s="1196"/>
      <c r="AZ27" s="1196"/>
      <c r="BA27" s="1196"/>
      <c r="BB27" s="1196"/>
      <c r="BC27" s="1196"/>
      <c r="BD27" s="1196"/>
      <c r="BE27" s="1196"/>
      <c r="BF27" s="1196"/>
      <c r="BG27" s="1196"/>
      <c r="BH27" s="1196"/>
      <c r="BI27" s="1196"/>
      <c r="BJ27" s="1196"/>
      <c r="BK27" s="1196"/>
      <c r="BL27" s="1196"/>
      <c r="BM27" s="1196"/>
      <c r="BN27" s="1196"/>
      <c r="BO27" s="1196"/>
      <c r="BP27" s="1196"/>
      <c r="BQ27" s="1196"/>
      <c r="BR27" s="1196"/>
      <c r="BS27" s="1196"/>
      <c r="BT27" s="1196"/>
      <c r="BU27" s="1196"/>
      <c r="BV27" s="1196"/>
      <c r="BW27" s="1196"/>
      <c r="BX27" s="1196"/>
      <c r="BY27" s="1196"/>
      <c r="BZ27" s="1196"/>
      <c r="CA27" s="1196"/>
      <c r="CB27" s="1196"/>
      <c r="CC27" s="1196"/>
      <c r="CD27" s="1196"/>
      <c r="CE27" s="1196"/>
      <c r="CF27" s="1196"/>
      <c r="CG27" s="1196"/>
      <c r="CH27" s="1196"/>
      <c r="CI27" s="1196"/>
      <c r="CJ27" s="1196"/>
      <c r="CK27" s="1196"/>
      <c r="CL27" s="1196"/>
      <c r="CM27" s="1197"/>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946</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9" t="s">
        <v>772</v>
      </c>
      <c r="AO29" s="351" t="s">
        <v>1095</v>
      </c>
      <c r="AP29" s="351"/>
      <c r="AQ29" s="351"/>
      <c r="AR29" s="351"/>
      <c r="AS29" s="351"/>
      <c r="AT29" s="351"/>
      <c r="AU29" s="351"/>
      <c r="AV29" s="351"/>
      <c r="AW29" s="351"/>
      <c r="AX29" s="351"/>
      <c r="AY29" s="351"/>
      <c r="AZ29" s="351"/>
      <c r="BA29" s="351"/>
      <c r="BB29" s="351"/>
      <c r="BC29" s="351"/>
      <c r="BD29" s="351"/>
      <c r="BE29" s="351"/>
      <c r="BF29" s="351"/>
      <c r="BG29" s="351"/>
      <c r="BH29" s="351"/>
      <c r="BI29" s="351"/>
      <c r="BJ29" s="351"/>
      <c r="BK29" s="351"/>
      <c r="BL29" s="351"/>
      <c r="BM29" s="351"/>
      <c r="BN29" s="351"/>
      <c r="BO29" s="351"/>
      <c r="BP29" s="352"/>
      <c r="BQ29" s="53"/>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9" t="s">
        <v>772</v>
      </c>
      <c r="AO30" s="351" t="s">
        <v>1183</v>
      </c>
      <c r="AP30" s="351"/>
      <c r="AQ30" s="351"/>
      <c r="AR30" s="351"/>
      <c r="AS30" s="351"/>
      <c r="AT30" s="351"/>
      <c r="AU30" s="351"/>
      <c r="AV30" s="351"/>
      <c r="AW30" s="351"/>
      <c r="AX30" s="351"/>
      <c r="AY30" s="351"/>
      <c r="AZ30" s="351"/>
      <c r="BA30" s="351"/>
      <c r="BB30" s="351"/>
      <c r="BC30" s="351"/>
      <c r="BD30" s="351"/>
      <c r="BE30" s="351"/>
      <c r="BF30" s="351"/>
      <c r="BG30" s="351"/>
      <c r="BH30" s="351"/>
      <c r="BI30" s="351"/>
      <c r="BJ30" s="351"/>
      <c r="BK30" s="351"/>
      <c r="BL30" s="351"/>
      <c r="BM30" s="351"/>
      <c r="BN30" s="351"/>
      <c r="BO30" s="351"/>
      <c r="BP30" s="352"/>
      <c r="BQ30" s="72"/>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9" t="s">
        <v>772</v>
      </c>
      <c r="AO31" s="1186" t="s">
        <v>1316</v>
      </c>
      <c r="AP31" s="1186"/>
      <c r="AQ31" s="1186"/>
      <c r="AR31" s="1186"/>
      <c r="AS31" s="1186"/>
      <c r="AT31" s="1186"/>
      <c r="AU31" s="1186"/>
      <c r="AV31" s="1186"/>
      <c r="AW31" s="1186"/>
      <c r="AX31" s="1186"/>
      <c r="AY31" s="1186"/>
      <c r="AZ31" s="1186"/>
      <c r="BA31" s="1186"/>
      <c r="BB31" s="1186"/>
      <c r="BC31" s="1186"/>
      <c r="BD31" s="1186"/>
      <c r="BE31" s="1186"/>
      <c r="BF31" s="1186"/>
      <c r="BG31" s="1186"/>
      <c r="BH31" s="1186"/>
      <c r="BI31" s="1186"/>
      <c r="BJ31" s="1186"/>
      <c r="BK31" s="1186"/>
      <c r="BL31" s="1186"/>
      <c r="BM31" s="1186"/>
      <c r="BN31" s="1186"/>
      <c r="BO31" s="1186"/>
      <c r="BP31" s="1187"/>
      <c r="BQ31" s="54"/>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9" t="s">
        <v>772</v>
      </c>
      <c r="AO32" s="1186" t="s">
        <v>1317</v>
      </c>
      <c r="AP32" s="1186"/>
      <c r="AQ32" s="1186"/>
      <c r="AR32" s="1186"/>
      <c r="AS32" s="1186"/>
      <c r="AT32" s="1186"/>
      <c r="AU32" s="1186"/>
      <c r="AV32" s="1186"/>
      <c r="AW32" s="1186"/>
      <c r="AX32" s="1186"/>
      <c r="AY32" s="1186"/>
      <c r="AZ32" s="1186"/>
      <c r="BA32" s="1186"/>
      <c r="BB32" s="1186"/>
      <c r="BC32" s="1186"/>
      <c r="BD32" s="1186"/>
      <c r="BE32" s="1186"/>
      <c r="BF32" s="1186"/>
      <c r="BG32" s="1186"/>
      <c r="BH32" s="1186"/>
      <c r="BI32" s="1186"/>
      <c r="BJ32" s="1186"/>
      <c r="BK32" s="1186"/>
      <c r="BL32" s="1186"/>
      <c r="BM32" s="1186"/>
      <c r="BN32" s="1186"/>
      <c r="BO32" s="1186"/>
      <c r="BP32" s="1187"/>
      <c r="BQ32" s="53"/>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72"/>
      <c r="B33" s="473"/>
      <c r="C33" s="473"/>
      <c r="D33" s="473"/>
      <c r="E33" s="473"/>
      <c r="F33" s="473"/>
      <c r="G33" s="473"/>
      <c r="H33" s="473"/>
      <c r="I33" s="473"/>
      <c r="J33" s="473"/>
      <c r="K33" s="473"/>
      <c r="L33" s="473"/>
      <c r="M33" s="473"/>
      <c r="N33" s="473"/>
      <c r="O33" s="473"/>
      <c r="P33" s="473"/>
      <c r="Q33" s="473"/>
      <c r="R33" s="473"/>
      <c r="S33" s="473"/>
      <c r="T33" s="473"/>
      <c r="U33" s="473"/>
      <c r="V33" s="473"/>
      <c r="W33" s="473"/>
      <c r="X33" s="473"/>
      <c r="Y33" s="473"/>
      <c r="Z33" s="473"/>
      <c r="AA33" s="473"/>
      <c r="AB33" s="473"/>
      <c r="AC33" s="473"/>
      <c r="AD33" s="473"/>
      <c r="AE33" s="473"/>
      <c r="AF33" s="473"/>
      <c r="AG33" s="473"/>
      <c r="AH33" s="473"/>
      <c r="AI33" s="473"/>
      <c r="AJ33" s="473"/>
      <c r="AK33" s="473"/>
      <c r="AL33" s="474"/>
      <c r="AM33" s="5"/>
      <c r="AN33" s="40"/>
      <c r="AO33" s="1003"/>
      <c r="AP33" s="1003"/>
      <c r="AQ33" s="1003"/>
      <c r="AR33" s="1003"/>
      <c r="AS33" s="1003"/>
      <c r="AT33" s="1003"/>
      <c r="AU33" s="1003"/>
      <c r="AV33" s="1003"/>
      <c r="AW33" s="1003"/>
      <c r="AX33" s="1003"/>
      <c r="AY33" s="1003"/>
      <c r="AZ33" s="1003"/>
      <c r="BA33" s="1003"/>
      <c r="BB33" s="1003"/>
      <c r="BC33" s="1003"/>
      <c r="BD33" s="1003"/>
      <c r="BE33" s="1003"/>
      <c r="BF33" s="1003"/>
      <c r="BG33" s="1003"/>
      <c r="BH33" s="1003"/>
      <c r="BI33" s="1003"/>
      <c r="BJ33" s="1003"/>
      <c r="BK33" s="1003"/>
      <c r="BL33" s="1003"/>
      <c r="BM33" s="1003"/>
      <c r="BN33" s="1003"/>
      <c r="BO33" s="1003"/>
      <c r="BP33" s="1004"/>
      <c r="BQ33" s="72"/>
      <c r="BR33" s="292" t="s">
        <v>267</v>
      </c>
      <c r="BS33" s="293"/>
      <c r="BT33" s="293"/>
      <c r="BU33" s="293"/>
      <c r="BV33" s="293"/>
      <c r="BW33" s="293"/>
      <c r="BX33" s="294"/>
      <c r="BY33" s="284">
        <v>304</v>
      </c>
      <c r="BZ33" s="285"/>
      <c r="CA33" s="285"/>
      <c r="CB33" s="285"/>
      <c r="CC33" s="285"/>
      <c r="CD33" s="285"/>
      <c r="CE33" s="285"/>
      <c r="CF33" s="285"/>
      <c r="CG33" s="288"/>
      <c r="CH33" s="286">
        <v>0.56072</v>
      </c>
      <c r="CI33" s="286"/>
      <c r="CJ33" s="286"/>
      <c r="CK33" s="286"/>
      <c r="CL33" s="286"/>
      <c r="CM33" s="286"/>
      <c r="CQ33" s="3" ph="1"/>
      <c r="CR33" s="3" ph="1"/>
      <c r="CS33" s="3" ph="1"/>
      <c r="CT33" s="3" ph="1"/>
      <c r="CU33" s="3" ph="1"/>
      <c r="CV33" s="3" ph="1"/>
    </row>
    <row r="34" spans="1:100" ht="17.25" customHeight="1" x14ac:dyDescent="0.15">
      <c r="A34" s="255" t="s">
        <v>274</v>
      </c>
      <c r="B34" s="255"/>
      <c r="C34" s="255"/>
      <c r="D34" s="255"/>
      <c r="E34" s="255"/>
      <c r="F34" s="255"/>
      <c r="G34" s="255"/>
      <c r="H34" s="255"/>
      <c r="I34" s="255"/>
      <c r="J34" s="255"/>
      <c r="K34" s="255"/>
      <c r="L34" s="255"/>
      <c r="M34" s="255"/>
      <c r="N34" s="129"/>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11" t="s">
        <v>167</v>
      </c>
      <c r="B35" s="312"/>
      <c r="C35" s="312"/>
      <c r="D35" s="312"/>
      <c r="E35" s="312"/>
      <c r="F35" s="312"/>
      <c r="G35" s="312"/>
      <c r="H35" s="312"/>
      <c r="I35" s="312"/>
      <c r="J35" s="312"/>
      <c r="K35" s="312"/>
      <c r="L35" s="312"/>
      <c r="M35" s="313"/>
      <c r="N35" s="129"/>
      <c r="O35" s="311" t="s">
        <v>157</v>
      </c>
      <c r="P35" s="312"/>
      <c r="Q35" s="312"/>
      <c r="R35" s="312"/>
      <c r="S35" s="312"/>
      <c r="T35" s="312"/>
      <c r="U35" s="312"/>
      <c r="V35" s="312"/>
      <c r="W35" s="312"/>
      <c r="X35" s="312"/>
      <c r="Y35" s="312"/>
      <c r="Z35" s="312"/>
      <c r="AA35" s="312"/>
      <c r="AB35" s="312"/>
      <c r="AC35" s="312"/>
      <c r="AD35" s="312"/>
      <c r="AE35" s="312"/>
      <c r="AF35" s="312"/>
      <c r="AG35" s="312"/>
      <c r="AH35" s="312"/>
      <c r="AI35" s="312"/>
      <c r="AJ35" s="312"/>
      <c r="AK35" s="312"/>
      <c r="AL35" s="313"/>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2177</v>
      </c>
      <c r="BZ35" s="681"/>
      <c r="CA35" s="682"/>
      <c r="CB35" s="682"/>
      <c r="CC35" s="682"/>
      <c r="CD35" s="682"/>
      <c r="CE35" s="682"/>
      <c r="CF35" s="682"/>
      <c r="CG35" s="682"/>
      <c r="CH35" s="683">
        <v>22.460159999999998</v>
      </c>
      <c r="CI35" s="683"/>
      <c r="CJ35" s="683"/>
      <c r="CK35" s="683"/>
      <c r="CL35" s="683"/>
      <c r="CM35" s="683"/>
      <c r="CQ35" s="3" ph="1"/>
    </row>
    <row r="36" spans="1:100" ht="17.25" customHeight="1" x14ac:dyDescent="0.15">
      <c r="A36" s="779">
        <v>30151</v>
      </c>
      <c r="B36" s="934"/>
      <c r="C36" s="934"/>
      <c r="D36" s="934"/>
      <c r="E36" s="934"/>
      <c r="F36" s="934"/>
      <c r="G36" s="934"/>
      <c r="H36" s="934"/>
      <c r="I36" s="934"/>
      <c r="J36" s="934"/>
      <c r="K36" s="934"/>
      <c r="L36" s="934"/>
      <c r="M36" s="935"/>
      <c r="N36" s="129"/>
      <c r="O36" s="272" t="s">
        <v>131</v>
      </c>
      <c r="P36" s="874"/>
      <c r="Q36" s="874"/>
      <c r="R36" s="874"/>
      <c r="S36" s="874"/>
      <c r="T36" s="874"/>
      <c r="U36" s="874"/>
      <c r="V36" s="874"/>
      <c r="W36" s="874"/>
      <c r="X36" s="874"/>
      <c r="Y36" s="874"/>
      <c r="Z36" s="874"/>
      <c r="AA36" s="874"/>
      <c r="AB36" s="874"/>
      <c r="AC36" s="874"/>
      <c r="AD36" s="874"/>
      <c r="AE36" s="874"/>
      <c r="AF36" s="874"/>
      <c r="AG36" s="874"/>
      <c r="AH36" s="874"/>
      <c r="AI36" s="874"/>
      <c r="AJ36" s="874"/>
      <c r="AK36" s="874"/>
      <c r="AL36" s="875"/>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24" t="s">
        <v>168</v>
      </c>
      <c r="B37" s="692"/>
      <c r="C37" s="692"/>
      <c r="D37" s="692"/>
      <c r="E37" s="692"/>
      <c r="F37" s="692"/>
      <c r="G37" s="692"/>
      <c r="H37" s="692"/>
      <c r="I37" s="692"/>
      <c r="J37" s="692"/>
      <c r="K37" s="692"/>
      <c r="L37" s="692"/>
      <c r="M37" s="693"/>
      <c r="N37" s="93"/>
      <c r="O37" s="272" t="s">
        <v>230</v>
      </c>
      <c r="P37" s="874"/>
      <c r="Q37" s="874"/>
      <c r="R37" s="874"/>
      <c r="S37" s="874"/>
      <c r="T37" s="874"/>
      <c r="U37" s="874"/>
      <c r="V37" s="874"/>
      <c r="W37" s="874"/>
      <c r="X37" s="874"/>
      <c r="Y37" s="874"/>
      <c r="Z37" s="874"/>
      <c r="AA37" s="874"/>
      <c r="AB37" s="874"/>
      <c r="AC37" s="874"/>
      <c r="AD37" s="874"/>
      <c r="AE37" s="874"/>
      <c r="AF37" s="874"/>
      <c r="AG37" s="874"/>
      <c r="AH37" s="874"/>
      <c r="AI37" s="874"/>
      <c r="AJ37" s="874"/>
      <c r="AK37" s="874"/>
      <c r="AL37" s="875"/>
      <c r="AM37" s="5"/>
      <c r="AN37" s="287" t="s">
        <v>399</v>
      </c>
      <c r="AO37" s="287"/>
      <c r="AP37" s="287"/>
      <c r="AQ37" s="287"/>
      <c r="AR37" s="287"/>
      <c r="AS37" s="287"/>
      <c r="AT37" s="287"/>
      <c r="AU37" s="287"/>
      <c r="AV37" s="287"/>
      <c r="AW37" s="681">
        <v>128737</v>
      </c>
      <c r="AX37" s="681"/>
      <c r="AY37" s="681"/>
      <c r="AZ37" s="681"/>
      <c r="BA37" s="681"/>
      <c r="BB37" s="681"/>
      <c r="BC37" s="681"/>
      <c r="BD37" s="681"/>
      <c r="BE37" s="681"/>
      <c r="BF37" s="681"/>
      <c r="BG37" s="681">
        <v>55910</v>
      </c>
      <c r="BH37" s="681"/>
      <c r="BI37" s="681"/>
      <c r="BJ37" s="681"/>
      <c r="BK37" s="681"/>
      <c r="BL37" s="681"/>
      <c r="BM37" s="681"/>
      <c r="BN37" s="681"/>
      <c r="BO37" s="681"/>
      <c r="BP37" s="681"/>
      <c r="BQ37" s="149"/>
      <c r="BR37" s="680" t="s">
        <v>273</v>
      </c>
      <c r="BS37" s="680"/>
      <c r="BT37" s="680"/>
      <c r="BU37" s="680"/>
      <c r="BV37" s="680"/>
      <c r="BW37" s="680"/>
      <c r="BX37" s="680"/>
      <c r="BY37" s="681">
        <v>41735</v>
      </c>
      <c r="BZ37" s="681"/>
      <c r="CA37" s="682"/>
      <c r="CB37" s="682"/>
      <c r="CC37" s="682"/>
      <c r="CD37" s="682"/>
      <c r="CE37" s="682"/>
      <c r="CF37" s="682"/>
      <c r="CG37" s="682"/>
      <c r="CH37" s="683">
        <v>76.979119999999995</v>
      </c>
      <c r="CI37" s="683"/>
      <c r="CJ37" s="683"/>
      <c r="CK37" s="683"/>
      <c r="CL37" s="683"/>
      <c r="CM37" s="683"/>
      <c r="CQ37" s="3" ph="1"/>
    </row>
    <row r="38" spans="1:100" ht="17.25" customHeight="1" x14ac:dyDescent="0.15">
      <c r="A38" s="251">
        <v>38543</v>
      </c>
      <c r="B38" s="690"/>
      <c r="C38" s="690"/>
      <c r="D38" s="690"/>
      <c r="E38" s="690"/>
      <c r="F38" s="690"/>
      <c r="G38" s="690"/>
      <c r="H38" s="690"/>
      <c r="I38" s="690"/>
      <c r="J38" s="690"/>
      <c r="K38" s="690"/>
      <c r="L38" s="690"/>
      <c r="M38" s="691"/>
      <c r="N38" s="145"/>
      <c r="O38" s="216" t="s">
        <v>146</v>
      </c>
      <c r="P38" s="874"/>
      <c r="Q38" s="874"/>
      <c r="R38" s="874"/>
      <c r="S38" s="874"/>
      <c r="T38" s="874"/>
      <c r="U38" s="874"/>
      <c r="V38" s="874"/>
      <c r="W38" s="874"/>
      <c r="X38" s="874"/>
      <c r="Y38" s="874"/>
      <c r="Z38" s="874"/>
      <c r="AA38" s="874"/>
      <c r="AB38" s="874"/>
      <c r="AC38" s="874"/>
      <c r="AD38" s="874"/>
      <c r="AE38" s="874"/>
      <c r="AF38" s="874"/>
      <c r="AG38" s="874"/>
      <c r="AH38" s="874"/>
      <c r="AI38" s="874"/>
      <c r="AJ38" s="874"/>
      <c r="AK38" s="874"/>
      <c r="AL38" s="875"/>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771" t="s">
        <v>1094</v>
      </c>
      <c r="B39" s="772"/>
      <c r="C39" s="772"/>
      <c r="D39" s="772"/>
      <c r="E39" s="772"/>
      <c r="F39" s="772"/>
      <c r="G39" s="772"/>
      <c r="H39" s="772"/>
      <c r="I39" s="772"/>
      <c r="J39" s="772"/>
      <c r="K39" s="772"/>
      <c r="L39" s="772"/>
      <c r="M39" s="773"/>
      <c r="N39" s="6"/>
      <c r="O39" s="1175" t="s">
        <v>1710</v>
      </c>
      <c r="P39" s="1176"/>
      <c r="Q39" s="1176"/>
      <c r="R39" s="1176"/>
      <c r="S39" s="1176"/>
      <c r="T39" s="1176"/>
      <c r="U39" s="1176"/>
      <c r="V39" s="1176"/>
      <c r="W39" s="1176"/>
      <c r="X39" s="1176"/>
      <c r="Y39" s="1176"/>
      <c r="Z39" s="1176"/>
      <c r="AA39" s="1176"/>
      <c r="AB39" s="1176"/>
      <c r="AC39" s="1176"/>
      <c r="AD39" s="1176"/>
      <c r="AE39" s="1176"/>
      <c r="AF39" s="1176"/>
      <c r="AG39" s="1176"/>
      <c r="AH39" s="1176"/>
      <c r="AI39" s="1176"/>
      <c r="AJ39" s="1176"/>
      <c r="AK39" s="1176"/>
      <c r="AL39" s="1177"/>
      <c r="AM39" s="5"/>
      <c r="AN39" s="300" t="s">
        <v>1059</v>
      </c>
      <c r="AO39" s="300"/>
      <c r="AP39" s="300"/>
      <c r="AQ39" s="300"/>
      <c r="AR39" s="300"/>
      <c r="AS39" s="300"/>
      <c r="AT39" s="300"/>
      <c r="AU39" s="300"/>
      <c r="AV39" s="300"/>
      <c r="AW39" s="681">
        <v>132325</v>
      </c>
      <c r="AX39" s="681"/>
      <c r="AY39" s="681"/>
      <c r="AZ39" s="682"/>
      <c r="BA39" s="682"/>
      <c r="BB39" s="682"/>
      <c r="BC39" s="682"/>
      <c r="BD39" s="682"/>
      <c r="BE39" s="682"/>
      <c r="BF39" s="682"/>
      <c r="BG39" s="681">
        <v>60257</v>
      </c>
      <c r="BH39" s="681"/>
      <c r="BI39" s="681"/>
      <c r="BJ39" s="681"/>
      <c r="BK39" s="681"/>
      <c r="BL39" s="681"/>
      <c r="BM39" s="681"/>
      <c r="BN39" s="681"/>
      <c r="BO39" s="681"/>
      <c r="BP39" s="681"/>
      <c r="BQ39" s="149"/>
      <c r="BR39" s="301" t="s">
        <v>1119</v>
      </c>
      <c r="BS39" s="293"/>
      <c r="BT39" s="293"/>
      <c r="BU39" s="293"/>
      <c r="BV39" s="293"/>
      <c r="BW39" s="293"/>
      <c r="BX39" s="294"/>
      <c r="BY39" s="681">
        <v>56009</v>
      </c>
      <c r="BZ39" s="681"/>
      <c r="CA39" s="682"/>
      <c r="CB39" s="682"/>
      <c r="CC39" s="682"/>
      <c r="CD39" s="682"/>
      <c r="CE39" s="682"/>
      <c r="CF39" s="682"/>
      <c r="CG39" s="682"/>
      <c r="CH39" s="683">
        <v>100</v>
      </c>
      <c r="CI39" s="683"/>
      <c r="CJ39" s="683"/>
      <c r="CK39" s="683"/>
      <c r="CL39" s="683"/>
      <c r="CM39" s="683"/>
    </row>
    <row r="40" spans="1:100" ht="17.25" customHeight="1" x14ac:dyDescent="0.15">
      <c r="A40" s="251">
        <v>44606</v>
      </c>
      <c r="B40" s="690"/>
      <c r="C40" s="690"/>
      <c r="D40" s="690"/>
      <c r="E40" s="690"/>
      <c r="F40" s="690"/>
      <c r="G40" s="690"/>
      <c r="H40" s="690"/>
      <c r="I40" s="690"/>
      <c r="J40" s="690"/>
      <c r="K40" s="690"/>
      <c r="L40" s="690"/>
      <c r="M40" s="691"/>
      <c r="N40" s="107"/>
      <c r="O40" s="771"/>
      <c r="P40" s="772"/>
      <c r="Q40" s="772"/>
      <c r="R40" s="772"/>
      <c r="S40" s="772"/>
      <c r="T40" s="772"/>
      <c r="U40" s="772"/>
      <c r="V40" s="772"/>
      <c r="W40" s="772"/>
      <c r="X40" s="772"/>
      <c r="Y40" s="772"/>
      <c r="Z40" s="772"/>
      <c r="AA40" s="772"/>
      <c r="AB40" s="772"/>
      <c r="AC40" s="772"/>
      <c r="AD40" s="772"/>
      <c r="AE40" s="772"/>
      <c r="AF40" s="772"/>
      <c r="AG40" s="772"/>
      <c r="AH40" s="772"/>
      <c r="AI40" s="772"/>
      <c r="AJ40" s="772"/>
      <c r="AK40" s="772"/>
      <c r="AL40" s="773"/>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771" t="s">
        <v>1182</v>
      </c>
      <c r="B41" s="772"/>
      <c r="C41" s="772"/>
      <c r="D41" s="772"/>
      <c r="E41" s="772"/>
      <c r="F41" s="772"/>
      <c r="G41" s="772"/>
      <c r="H41" s="772"/>
      <c r="I41" s="772"/>
      <c r="J41" s="772"/>
      <c r="K41" s="772"/>
      <c r="L41" s="772"/>
      <c r="M41" s="773"/>
      <c r="N41" s="107"/>
      <c r="O41" s="752"/>
      <c r="P41" s="753"/>
      <c r="Q41" s="753"/>
      <c r="R41" s="753"/>
      <c r="S41" s="753"/>
      <c r="T41" s="753"/>
      <c r="U41" s="753"/>
      <c r="V41" s="753"/>
      <c r="W41" s="753"/>
      <c r="X41" s="753"/>
      <c r="Y41" s="753"/>
      <c r="Z41" s="753"/>
      <c r="AA41" s="753"/>
      <c r="AB41" s="753"/>
      <c r="AC41" s="753"/>
      <c r="AD41" s="753"/>
      <c r="AE41" s="753"/>
      <c r="AF41" s="753"/>
      <c r="AG41" s="753"/>
      <c r="AH41" s="753"/>
      <c r="AI41" s="753"/>
      <c r="AJ41" s="753"/>
      <c r="AK41" s="753"/>
      <c r="AL41" s="754"/>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v>45012</v>
      </c>
      <c r="B42" s="690"/>
      <c r="C42" s="690"/>
      <c r="D42" s="690"/>
      <c r="E42" s="690"/>
      <c r="F42" s="690"/>
      <c r="G42" s="690"/>
      <c r="H42" s="690"/>
      <c r="I42" s="690"/>
      <c r="J42" s="690"/>
      <c r="K42" s="690"/>
      <c r="L42" s="690"/>
      <c r="M42" s="691"/>
      <c r="N42" s="107"/>
      <c r="O42" s="752"/>
      <c r="P42" s="753"/>
      <c r="Q42" s="753"/>
      <c r="R42" s="753"/>
      <c r="S42" s="753"/>
      <c r="T42" s="753"/>
      <c r="U42" s="753"/>
      <c r="V42" s="753"/>
      <c r="W42" s="753"/>
      <c r="X42" s="753"/>
      <c r="Y42" s="753"/>
      <c r="Z42" s="753"/>
      <c r="AA42" s="753"/>
      <c r="AB42" s="753"/>
      <c r="AC42" s="753"/>
      <c r="AD42" s="753"/>
      <c r="AE42" s="753"/>
      <c r="AF42" s="753"/>
      <c r="AG42" s="753"/>
      <c r="AH42" s="753"/>
      <c r="AI42" s="753"/>
      <c r="AJ42" s="753"/>
      <c r="AK42" s="753"/>
      <c r="AL42" s="754"/>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752"/>
      <c r="B43" s="753"/>
      <c r="C43" s="753"/>
      <c r="D43" s="753"/>
      <c r="E43" s="753"/>
      <c r="F43" s="753"/>
      <c r="G43" s="753"/>
      <c r="H43" s="753"/>
      <c r="I43" s="753"/>
      <c r="J43" s="753"/>
      <c r="K43" s="753"/>
      <c r="L43" s="753"/>
      <c r="M43" s="754"/>
      <c r="N43" s="6"/>
      <c r="O43" s="752"/>
      <c r="P43" s="753"/>
      <c r="Q43" s="753"/>
      <c r="R43" s="753"/>
      <c r="S43" s="753"/>
      <c r="T43" s="753"/>
      <c r="U43" s="753"/>
      <c r="V43" s="753"/>
      <c r="W43" s="753"/>
      <c r="X43" s="753"/>
      <c r="Y43" s="753"/>
      <c r="Z43" s="753"/>
      <c r="AA43" s="753"/>
      <c r="AB43" s="753"/>
      <c r="AC43" s="753"/>
      <c r="AD43" s="753"/>
      <c r="AE43" s="753"/>
      <c r="AF43" s="753"/>
      <c r="AG43" s="753"/>
      <c r="AH43" s="753"/>
      <c r="AI43" s="753"/>
      <c r="AJ43" s="753"/>
      <c r="AK43" s="753"/>
      <c r="AL43" s="754"/>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752"/>
      <c r="B44" s="753"/>
      <c r="C44" s="753"/>
      <c r="D44" s="753"/>
      <c r="E44" s="753"/>
      <c r="F44" s="753"/>
      <c r="G44" s="753"/>
      <c r="H44" s="753"/>
      <c r="I44" s="753"/>
      <c r="J44" s="753"/>
      <c r="K44" s="753"/>
      <c r="L44" s="753"/>
      <c r="M44" s="754"/>
      <c r="N44" s="107"/>
      <c r="O44" s="752"/>
      <c r="P44" s="753"/>
      <c r="Q44" s="753"/>
      <c r="R44" s="753"/>
      <c r="S44" s="753"/>
      <c r="T44" s="753"/>
      <c r="U44" s="753"/>
      <c r="V44" s="753"/>
      <c r="W44" s="753"/>
      <c r="X44" s="753"/>
      <c r="Y44" s="753"/>
      <c r="Z44" s="753"/>
      <c r="AA44" s="753"/>
      <c r="AB44" s="753"/>
      <c r="AC44" s="753"/>
      <c r="AD44" s="753"/>
      <c r="AE44" s="753"/>
      <c r="AF44" s="753"/>
      <c r="AG44" s="753"/>
      <c r="AH44" s="753"/>
      <c r="AI44" s="753"/>
      <c r="AJ44" s="753"/>
      <c r="AK44" s="753"/>
      <c r="AL44" s="754"/>
      <c r="AM44" s="5"/>
      <c r="AN44" s="764">
        <v>7531.3</v>
      </c>
      <c r="AO44" s="765"/>
      <c r="AP44" s="765"/>
      <c r="AQ44" s="765"/>
      <c r="AR44" s="765"/>
      <c r="AS44" s="727" t="s">
        <v>383</v>
      </c>
      <c r="AT44" s="727"/>
      <c r="AU44" s="727"/>
      <c r="AV44" s="728"/>
      <c r="AW44" s="710">
        <v>26.1</v>
      </c>
      <c r="AX44" s="711"/>
      <c r="AY44" s="711"/>
      <c r="AZ44" s="711"/>
      <c r="BA44" s="711"/>
      <c r="BB44" s="711"/>
      <c r="BC44" s="706" t="s">
        <v>384</v>
      </c>
      <c r="BD44" s="706"/>
      <c r="BE44" s="706"/>
      <c r="BF44" s="707"/>
      <c r="BG44" s="710">
        <v>87.8</v>
      </c>
      <c r="BH44" s="711"/>
      <c r="BI44" s="711"/>
      <c r="BJ44" s="711"/>
      <c r="BK44" s="711"/>
      <c r="BL44" s="711"/>
      <c r="BM44" s="706" t="s">
        <v>384</v>
      </c>
      <c r="BN44" s="706"/>
      <c r="BO44" s="706"/>
      <c r="BP44" s="707"/>
      <c r="BQ44" s="130"/>
      <c r="BR44" s="714">
        <v>17.57</v>
      </c>
      <c r="BS44" s="1081"/>
      <c r="BT44" s="1081"/>
      <c r="BU44" s="1081"/>
      <c r="BV44" s="1081"/>
      <c r="BW44" s="1081"/>
      <c r="BX44" s="1081"/>
      <c r="BY44" s="696" t="s">
        <v>385</v>
      </c>
      <c r="BZ44" s="696"/>
      <c r="CA44" s="696"/>
      <c r="CB44" s="697"/>
      <c r="CC44" s="718">
        <v>1253</v>
      </c>
      <c r="CD44" s="719"/>
      <c r="CE44" s="719"/>
      <c r="CF44" s="719"/>
      <c r="CG44" s="719"/>
      <c r="CH44" s="719"/>
      <c r="CI44" s="719"/>
      <c r="CJ44" s="696" t="s">
        <v>386</v>
      </c>
      <c r="CK44" s="696"/>
      <c r="CL44" s="696"/>
      <c r="CM44" s="697"/>
    </row>
    <row r="45" spans="1:100" ht="17.25" customHeight="1" x14ac:dyDescent="0.15">
      <c r="A45" s="216"/>
      <c r="B45" s="692"/>
      <c r="C45" s="692"/>
      <c r="D45" s="692"/>
      <c r="E45" s="692"/>
      <c r="F45" s="692"/>
      <c r="G45" s="692"/>
      <c r="H45" s="692"/>
      <c r="I45" s="692"/>
      <c r="J45" s="692"/>
      <c r="K45" s="692"/>
      <c r="L45" s="692"/>
      <c r="M45" s="693"/>
      <c r="N45" s="6"/>
      <c r="O45" s="752"/>
      <c r="P45" s="753"/>
      <c r="Q45" s="753"/>
      <c r="R45" s="753"/>
      <c r="S45" s="753"/>
      <c r="T45" s="753"/>
      <c r="U45" s="753"/>
      <c r="V45" s="753"/>
      <c r="W45" s="753"/>
      <c r="X45" s="753"/>
      <c r="Y45" s="753"/>
      <c r="Z45" s="753"/>
      <c r="AA45" s="753"/>
      <c r="AB45" s="753"/>
      <c r="AC45" s="753"/>
      <c r="AD45" s="753"/>
      <c r="AE45" s="753"/>
      <c r="AF45" s="753"/>
      <c r="AG45" s="753"/>
      <c r="AH45" s="753"/>
      <c r="AI45" s="753"/>
      <c r="AJ45" s="753"/>
      <c r="AK45" s="753"/>
      <c r="AL45" s="754"/>
      <c r="AM45" s="5"/>
      <c r="AN45" s="766"/>
      <c r="AO45" s="767"/>
      <c r="AP45" s="767"/>
      <c r="AQ45" s="767"/>
      <c r="AR45" s="767"/>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1082"/>
      <c r="BS45" s="1083"/>
      <c r="BT45" s="1083"/>
      <c r="BU45" s="1083"/>
      <c r="BV45" s="1083"/>
      <c r="BW45" s="1083"/>
      <c r="BX45" s="1083"/>
      <c r="BY45" s="698"/>
      <c r="BZ45" s="698"/>
      <c r="CA45" s="698"/>
      <c r="CB45" s="699"/>
      <c r="CC45" s="720"/>
      <c r="CD45" s="721"/>
      <c r="CE45" s="721"/>
      <c r="CF45" s="721"/>
      <c r="CG45" s="721"/>
      <c r="CH45" s="721"/>
      <c r="CI45" s="721"/>
      <c r="CJ45" s="698"/>
      <c r="CK45" s="698"/>
      <c r="CL45" s="698"/>
      <c r="CM45" s="699"/>
    </row>
    <row r="46" spans="1:100" ht="17.25" customHeight="1" x14ac:dyDescent="0.15">
      <c r="A46" s="779"/>
      <c r="B46" s="934"/>
      <c r="C46" s="934"/>
      <c r="D46" s="934"/>
      <c r="E46" s="934"/>
      <c r="F46" s="934"/>
      <c r="G46" s="934"/>
      <c r="H46" s="934"/>
      <c r="I46" s="934"/>
      <c r="J46" s="934"/>
      <c r="K46" s="934"/>
      <c r="L46" s="934"/>
      <c r="M46" s="935"/>
      <c r="N46" s="107"/>
      <c r="O46" s="1182"/>
      <c r="P46" s="874"/>
      <c r="Q46" s="874"/>
      <c r="R46" s="874"/>
      <c r="S46" s="874"/>
      <c r="T46" s="874"/>
      <c r="U46" s="874"/>
      <c r="V46" s="874"/>
      <c r="W46" s="874"/>
      <c r="X46" s="874"/>
      <c r="Y46" s="874"/>
      <c r="Z46" s="874"/>
      <c r="AA46" s="874"/>
      <c r="AB46" s="874"/>
      <c r="AC46" s="874"/>
      <c r="AD46" s="874"/>
      <c r="AE46" s="874"/>
      <c r="AF46" s="874"/>
      <c r="AG46" s="874"/>
      <c r="AH46" s="874"/>
      <c r="AI46" s="874"/>
      <c r="AJ46" s="874"/>
      <c r="AK46" s="874"/>
      <c r="AL46" s="875"/>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692"/>
      <c r="C47" s="692"/>
      <c r="D47" s="692"/>
      <c r="E47" s="692"/>
      <c r="F47" s="692"/>
      <c r="G47" s="692"/>
      <c r="H47" s="692"/>
      <c r="I47" s="692"/>
      <c r="J47" s="692"/>
      <c r="K47" s="692"/>
      <c r="L47" s="692"/>
      <c r="M47" s="693"/>
      <c r="N47" s="6"/>
      <c r="O47" s="1182"/>
      <c r="P47" s="874"/>
      <c r="Q47" s="874"/>
      <c r="R47" s="874"/>
      <c r="S47" s="874"/>
      <c r="T47" s="874"/>
      <c r="U47" s="874"/>
      <c r="V47" s="874"/>
      <c r="W47" s="874"/>
      <c r="X47" s="874"/>
      <c r="Y47" s="874"/>
      <c r="Z47" s="874"/>
      <c r="AA47" s="874"/>
      <c r="AB47" s="874"/>
      <c r="AC47" s="874"/>
      <c r="AD47" s="874"/>
      <c r="AE47" s="874"/>
      <c r="AF47" s="874"/>
      <c r="AG47" s="874"/>
      <c r="AH47" s="874"/>
      <c r="AI47" s="874"/>
      <c r="AJ47" s="874"/>
      <c r="AK47" s="874"/>
      <c r="AL47" s="875"/>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779"/>
      <c r="B48" s="934"/>
      <c r="C48" s="934"/>
      <c r="D48" s="934"/>
      <c r="E48" s="934"/>
      <c r="F48" s="934"/>
      <c r="G48" s="934"/>
      <c r="H48" s="934"/>
      <c r="I48" s="934"/>
      <c r="J48" s="934"/>
      <c r="K48" s="934"/>
      <c r="L48" s="934"/>
      <c r="M48" s="935"/>
      <c r="N48" s="107"/>
      <c r="O48" s="1182"/>
      <c r="P48" s="874"/>
      <c r="Q48" s="874"/>
      <c r="R48" s="874"/>
      <c r="S48" s="874"/>
      <c r="T48" s="874"/>
      <c r="U48" s="874"/>
      <c r="V48" s="874"/>
      <c r="W48" s="874"/>
      <c r="X48" s="874"/>
      <c r="Y48" s="874"/>
      <c r="Z48" s="874"/>
      <c r="AA48" s="874"/>
      <c r="AB48" s="874"/>
      <c r="AC48" s="874"/>
      <c r="AD48" s="874"/>
      <c r="AE48" s="874"/>
      <c r="AF48" s="874"/>
      <c r="AG48" s="874"/>
      <c r="AH48" s="874"/>
      <c r="AI48" s="874"/>
      <c r="AJ48" s="874"/>
      <c r="AK48" s="874"/>
      <c r="AL48" s="875"/>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6"/>
      <c r="O49" s="1182"/>
      <c r="P49" s="874"/>
      <c r="Q49" s="874"/>
      <c r="R49" s="874"/>
      <c r="S49" s="874"/>
      <c r="T49" s="874"/>
      <c r="U49" s="874"/>
      <c r="V49" s="874"/>
      <c r="W49" s="874"/>
      <c r="X49" s="874"/>
      <c r="Y49" s="874"/>
      <c r="Z49" s="874"/>
      <c r="AA49" s="874"/>
      <c r="AB49" s="874"/>
      <c r="AC49" s="874"/>
      <c r="AD49" s="874"/>
      <c r="AE49" s="874"/>
      <c r="AF49" s="874"/>
      <c r="AG49" s="874"/>
      <c r="AH49" s="874"/>
      <c r="AI49" s="874"/>
      <c r="AJ49" s="874"/>
      <c r="AK49" s="874"/>
      <c r="AL49" s="875"/>
      <c r="AM49" s="5"/>
      <c r="AN49" s="223">
        <v>26381.352999999999</v>
      </c>
      <c r="AO49" s="224"/>
      <c r="AP49" s="224"/>
      <c r="AQ49" s="224"/>
      <c r="AR49" s="224"/>
      <c r="AS49" s="224"/>
      <c r="AT49" s="225"/>
      <c r="AU49" s="229">
        <v>0.83099999999999996</v>
      </c>
      <c r="AV49" s="230"/>
      <c r="AW49" s="230"/>
      <c r="AX49" s="230"/>
      <c r="AY49" s="231"/>
      <c r="AZ49" s="210">
        <v>7.8</v>
      </c>
      <c r="BA49" s="211"/>
      <c r="BB49" s="211"/>
      <c r="BC49" s="211"/>
      <c r="BD49" s="212"/>
      <c r="BE49" s="210">
        <v>2.4</v>
      </c>
      <c r="BF49" s="211"/>
      <c r="BG49" s="211"/>
      <c r="BH49" s="211"/>
      <c r="BI49" s="212"/>
      <c r="BJ49" s="210">
        <v>10.1</v>
      </c>
      <c r="BK49" s="211"/>
      <c r="BL49" s="211"/>
      <c r="BM49" s="211"/>
      <c r="BN49" s="212"/>
      <c r="BO49" s="210">
        <v>4.5999999999999996</v>
      </c>
      <c r="BP49" s="211"/>
      <c r="BQ49" s="211"/>
      <c r="BR49" s="211"/>
      <c r="BS49" s="212"/>
      <c r="BT49" s="210">
        <v>99.4</v>
      </c>
      <c r="BU49" s="211"/>
      <c r="BV49" s="211"/>
      <c r="BW49" s="211"/>
      <c r="BX49" s="212"/>
      <c r="BY49" s="210">
        <v>10.6</v>
      </c>
      <c r="BZ49" s="211"/>
      <c r="CA49" s="211"/>
      <c r="CB49" s="211"/>
      <c r="CC49" s="212"/>
      <c r="CD49" s="210">
        <v>57.5</v>
      </c>
      <c r="CE49" s="211"/>
      <c r="CF49" s="211"/>
      <c r="CG49" s="211"/>
      <c r="CH49" s="212"/>
      <c r="CI49" s="210">
        <v>51.5</v>
      </c>
      <c r="CJ49" s="211"/>
      <c r="CK49" s="211"/>
      <c r="CL49" s="211"/>
      <c r="CM49" s="212"/>
    </row>
    <row r="50" spans="1:91" ht="17.25" customHeight="1" x14ac:dyDescent="0.15">
      <c r="A50" s="941"/>
      <c r="B50" s="942"/>
      <c r="C50" s="942"/>
      <c r="D50" s="942"/>
      <c r="E50" s="942"/>
      <c r="F50" s="942"/>
      <c r="G50" s="942"/>
      <c r="H50" s="942"/>
      <c r="I50" s="942"/>
      <c r="J50" s="942"/>
      <c r="K50" s="942"/>
      <c r="L50" s="942"/>
      <c r="M50" s="943"/>
      <c r="N50" s="107"/>
      <c r="O50" s="1183"/>
      <c r="P50" s="1184"/>
      <c r="Q50" s="1184"/>
      <c r="R50" s="1184"/>
      <c r="S50" s="1184"/>
      <c r="T50" s="1184"/>
      <c r="U50" s="1184"/>
      <c r="V50" s="1184"/>
      <c r="W50" s="1184"/>
      <c r="X50" s="1184"/>
      <c r="Y50" s="1184"/>
      <c r="Z50" s="1184"/>
      <c r="AA50" s="1184"/>
      <c r="AB50" s="1184"/>
      <c r="AC50" s="1184"/>
      <c r="AD50" s="1184"/>
      <c r="AE50" s="1184"/>
      <c r="AF50" s="1184"/>
      <c r="AG50" s="1184"/>
      <c r="AH50" s="1184"/>
      <c r="AI50" s="1184"/>
      <c r="AJ50" s="1184"/>
      <c r="AK50" s="1184"/>
      <c r="AL50" s="1185"/>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7">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 ref="AT14:CM15"/>
    <mergeCell ref="A15:E15"/>
    <mergeCell ref="F15:M15"/>
    <mergeCell ref="Q15:T15"/>
    <mergeCell ref="U15:X15"/>
    <mergeCell ref="Y12:AL12"/>
    <mergeCell ref="F13:M14"/>
    <mergeCell ref="Q13:T13"/>
    <mergeCell ref="U13:X13"/>
    <mergeCell ref="Y13:AL13"/>
    <mergeCell ref="AN13:CM13"/>
    <mergeCell ref="Y15:AL15"/>
    <mergeCell ref="A14:E14"/>
    <mergeCell ref="Q14:T14"/>
    <mergeCell ref="U14:X14"/>
    <mergeCell ref="Y14:AL14"/>
    <mergeCell ref="Q20:T20"/>
    <mergeCell ref="U20:X20"/>
    <mergeCell ref="Y20:AL20"/>
    <mergeCell ref="Q12:T12"/>
    <mergeCell ref="U12:X12"/>
    <mergeCell ref="AN16:AS17"/>
    <mergeCell ref="AT16:CM17"/>
    <mergeCell ref="F17:M18"/>
    <mergeCell ref="Q17:T17"/>
    <mergeCell ref="U17:X17"/>
    <mergeCell ref="Y17:AL17"/>
    <mergeCell ref="Q18:T18"/>
    <mergeCell ref="U18:X18"/>
    <mergeCell ref="Y18:AL18"/>
    <mergeCell ref="AN18:AS19"/>
    <mergeCell ref="AT18:CM19"/>
    <mergeCell ref="F19:M19"/>
    <mergeCell ref="Q19:T19"/>
    <mergeCell ref="U19:X19"/>
    <mergeCell ref="Y19:AL19"/>
    <mergeCell ref="F16:M16"/>
    <mergeCell ref="Q16:T16"/>
    <mergeCell ref="U16:X16"/>
    <mergeCell ref="AN14:AS15"/>
    <mergeCell ref="Y16:AL16"/>
    <mergeCell ref="AN20:AS21"/>
    <mergeCell ref="AT20:CM21"/>
    <mergeCell ref="Q21:T21"/>
    <mergeCell ref="U21:X21"/>
    <mergeCell ref="Y21:AL21"/>
    <mergeCell ref="A22:E24"/>
    <mergeCell ref="F22:M22"/>
    <mergeCell ref="O22:P23"/>
    <mergeCell ref="Q22:AL22"/>
    <mergeCell ref="AN22:CM22"/>
    <mergeCell ref="F23:M24"/>
    <mergeCell ref="A16:E21"/>
    <mergeCell ref="Q23:AL23"/>
    <mergeCell ref="AN23:CM27"/>
    <mergeCell ref="O24:P25"/>
    <mergeCell ref="Q24:AL24"/>
    <mergeCell ref="A25:E27"/>
    <mergeCell ref="F25:M25"/>
    <mergeCell ref="Q25:AL25"/>
    <mergeCell ref="F26:M27"/>
    <mergeCell ref="O26:P27"/>
    <mergeCell ref="Q26:AL26"/>
    <mergeCell ref="F20:M21"/>
    <mergeCell ref="Q27:AL27"/>
    <mergeCell ref="A28:AL28"/>
    <mergeCell ref="AN28:BP28"/>
    <mergeCell ref="A29:AL33"/>
    <mergeCell ref="AO29:BP29"/>
    <mergeCell ref="AO30:BP30"/>
    <mergeCell ref="AO33:BP33"/>
    <mergeCell ref="BR33:BX34"/>
    <mergeCell ref="BY33:CG34"/>
    <mergeCell ref="A34:M34"/>
    <mergeCell ref="O34:AL34"/>
    <mergeCell ref="AN34:BO34"/>
    <mergeCell ref="BY30:CI30"/>
    <mergeCell ref="BG35:BP36"/>
    <mergeCell ref="BR35:BX36"/>
    <mergeCell ref="AO31:BP31"/>
    <mergeCell ref="BR31:BX32"/>
    <mergeCell ref="BY31:CG32"/>
    <mergeCell ref="BY39:CG40"/>
    <mergeCell ref="CH39:CM40"/>
    <mergeCell ref="A40:M40"/>
    <mergeCell ref="O40:AL40"/>
    <mergeCell ref="CH31:CM32"/>
    <mergeCell ref="AO32:BP32"/>
    <mergeCell ref="BY35:CG36"/>
    <mergeCell ref="CH35:CM36"/>
    <mergeCell ref="A36:M36"/>
    <mergeCell ref="O36:AL36"/>
    <mergeCell ref="CH33:CM34"/>
    <mergeCell ref="A35:M35"/>
    <mergeCell ref="O35:AL35"/>
    <mergeCell ref="AN35:AV36"/>
    <mergeCell ref="AW35:BF36"/>
    <mergeCell ref="BY37:CG38"/>
    <mergeCell ref="CH37:CM38"/>
    <mergeCell ref="A38:M38"/>
    <mergeCell ref="O38:AL38"/>
    <mergeCell ref="A39:M39"/>
    <mergeCell ref="O39:AL39"/>
    <mergeCell ref="AN39:AV40"/>
    <mergeCell ref="AW39:BF40"/>
    <mergeCell ref="BG39:BP40"/>
    <mergeCell ref="BR39:BX40"/>
    <mergeCell ref="A37:M37"/>
    <mergeCell ref="O37:AL37"/>
    <mergeCell ref="AN37:AV38"/>
    <mergeCell ref="AW37:BF38"/>
    <mergeCell ref="BG37:BP38"/>
    <mergeCell ref="BR37:BX38"/>
    <mergeCell ref="BG42:BP43"/>
    <mergeCell ref="CJ44:CM45"/>
    <mergeCell ref="A45:M45"/>
    <mergeCell ref="O45:AL45"/>
    <mergeCell ref="BR42:CB43"/>
    <mergeCell ref="CC42:CM43"/>
    <mergeCell ref="A41:M41"/>
    <mergeCell ref="O41:AL41"/>
    <mergeCell ref="AU41:BE41"/>
    <mergeCell ref="BR41:CM41"/>
    <mergeCell ref="A43:M43"/>
    <mergeCell ref="O43:AL43"/>
    <mergeCell ref="A44:M44"/>
    <mergeCell ref="O44:AL44"/>
    <mergeCell ref="AN44:AR45"/>
    <mergeCell ref="AS44:AV45"/>
    <mergeCell ref="AW44:BB45"/>
    <mergeCell ref="A42:M42"/>
    <mergeCell ref="O42:AL42"/>
    <mergeCell ref="AN42:AV43"/>
    <mergeCell ref="AW42:BF43"/>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zam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7―</oddFooter>
  </headerFooter>
  <drawing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zoomScale="70" zoomScaleNormal="8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185</v>
      </c>
      <c r="B1" s="644" ph="1"/>
      <c r="C1" s="644" ph="1"/>
      <c r="D1" s="644" ph="1"/>
      <c r="E1" s="644" ph="1"/>
      <c r="F1" s="644" ph="1"/>
      <c r="G1" s="644" ph="1"/>
      <c r="H1" s="644" ph="1"/>
      <c r="I1" s="645"/>
      <c r="J1" s="645"/>
      <c r="K1" s="645"/>
      <c r="L1" s="645"/>
      <c r="M1" s="645"/>
      <c r="N1" s="454" t="s">
        <v>171</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1153" t="s">
        <v>720</v>
      </c>
      <c r="AO2" s="1153"/>
      <c r="AP2" s="1153"/>
      <c r="AQ2" s="1153"/>
      <c r="AR2" s="1153"/>
      <c r="AS2" s="1153"/>
      <c r="AT2" s="1153"/>
      <c r="AU2" s="1153"/>
      <c r="AV2" s="1153"/>
      <c r="AW2" s="1153"/>
      <c r="AX2" s="1153"/>
      <c r="AY2" s="1153"/>
      <c r="AZ2" s="1153"/>
      <c r="BA2" s="1153"/>
      <c r="BB2" s="1153"/>
      <c r="BC2" s="1153"/>
      <c r="BD2" s="1153"/>
      <c r="BE2" s="1153"/>
      <c r="BF2" s="1153"/>
      <c r="BG2" s="1153"/>
      <c r="BH2" s="1153"/>
      <c r="BI2" s="1153"/>
      <c r="BJ2" s="1153"/>
      <c r="BK2" s="1153"/>
      <c r="BL2" s="1153"/>
      <c r="BM2" s="1153"/>
      <c r="BN2" s="1153"/>
      <c r="BO2" s="1153"/>
      <c r="BP2" s="1153"/>
      <c r="BQ2" s="1153"/>
      <c r="BR2" s="1153"/>
      <c r="BS2" s="1153"/>
      <c r="BT2" s="1153"/>
      <c r="BU2" s="1153"/>
      <c r="BV2" s="1153"/>
      <c r="BW2" s="1153"/>
      <c r="BX2" s="1153"/>
      <c r="BY2" s="1153"/>
      <c r="BZ2" s="1153"/>
      <c r="CA2" s="1153"/>
      <c r="CB2" s="1153"/>
      <c r="CC2" s="1153"/>
      <c r="CD2" s="1153"/>
      <c r="CE2" s="1153"/>
      <c r="CF2" s="1153"/>
      <c r="CG2" s="1153"/>
      <c r="CH2" s="1153"/>
      <c r="CI2" s="1153"/>
      <c r="CJ2" s="1153"/>
      <c r="CK2" s="1153"/>
      <c r="CL2" s="1153"/>
      <c r="CM2" s="1153"/>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1153"/>
      <c r="AO3" s="1153"/>
      <c r="AP3" s="1153"/>
      <c r="AQ3" s="1153"/>
      <c r="AR3" s="1153"/>
      <c r="AS3" s="1153"/>
      <c r="AT3" s="1153"/>
      <c r="AU3" s="1153"/>
      <c r="AV3" s="1153"/>
      <c r="AW3" s="1153"/>
      <c r="AX3" s="1153"/>
      <c r="AY3" s="1153"/>
      <c r="AZ3" s="1153"/>
      <c r="BA3" s="1153"/>
      <c r="BB3" s="1153"/>
      <c r="BC3" s="1153"/>
      <c r="BD3" s="1153"/>
      <c r="BE3" s="1153"/>
      <c r="BF3" s="1153"/>
      <c r="BG3" s="1153"/>
      <c r="BH3" s="1153"/>
      <c r="BI3" s="1153"/>
      <c r="BJ3" s="1153"/>
      <c r="BK3" s="1153"/>
      <c r="BL3" s="1153"/>
      <c r="BM3" s="1153"/>
      <c r="BN3" s="1153"/>
      <c r="BO3" s="1153"/>
      <c r="BP3" s="1153"/>
      <c r="BQ3" s="1153"/>
      <c r="BR3" s="1153"/>
      <c r="BS3" s="1153"/>
      <c r="BT3" s="1153"/>
      <c r="BU3" s="1153"/>
      <c r="BV3" s="1153"/>
      <c r="BW3" s="1153"/>
      <c r="BX3" s="1153"/>
      <c r="BY3" s="1153"/>
      <c r="BZ3" s="1153"/>
      <c r="CA3" s="1153"/>
      <c r="CB3" s="1153"/>
      <c r="CC3" s="1153"/>
      <c r="CD3" s="1153"/>
      <c r="CE3" s="1153"/>
      <c r="CF3" s="1153"/>
      <c r="CG3" s="1153"/>
      <c r="CH3" s="1153"/>
      <c r="CI3" s="1153"/>
      <c r="CJ3" s="1153"/>
      <c r="CK3" s="1153"/>
      <c r="CL3" s="1153"/>
      <c r="CM3" s="1153"/>
      <c r="CQ3" s="3" ph="1"/>
    </row>
    <row r="4" spans="1:100" ht="17.25" customHeight="1" x14ac:dyDescent="0.15">
      <c r="A4" s="641" t="s">
        <v>236</v>
      </c>
      <c r="B4" s="641"/>
      <c r="C4" s="641"/>
      <c r="D4" s="641"/>
      <c r="E4" s="458">
        <v>142174</v>
      </c>
      <c r="F4" s="458"/>
      <c r="G4" s="458"/>
      <c r="H4" s="458"/>
      <c r="I4" s="647"/>
      <c r="J4" s="647"/>
      <c r="K4" s="647"/>
      <c r="L4" s="647"/>
      <c r="M4" s="647"/>
      <c r="N4" s="459" t="s">
        <v>172</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1153"/>
      <c r="AO4" s="1153"/>
      <c r="AP4" s="1153"/>
      <c r="AQ4" s="1153"/>
      <c r="AR4" s="1153"/>
      <c r="AS4" s="1153"/>
      <c r="AT4" s="1153"/>
      <c r="AU4" s="1153"/>
      <c r="AV4" s="1153"/>
      <c r="AW4" s="1153"/>
      <c r="AX4" s="1153"/>
      <c r="AY4" s="1153"/>
      <c r="AZ4" s="1153"/>
      <c r="BA4" s="1153"/>
      <c r="BB4" s="1153"/>
      <c r="BC4" s="1153"/>
      <c r="BD4" s="1153"/>
      <c r="BE4" s="1153"/>
      <c r="BF4" s="1153"/>
      <c r="BG4" s="1153"/>
      <c r="BH4" s="1153"/>
      <c r="BI4" s="1153"/>
      <c r="BJ4" s="1153"/>
      <c r="BK4" s="1153"/>
      <c r="BL4" s="1153"/>
      <c r="BM4" s="1153"/>
      <c r="BN4" s="1153"/>
      <c r="BO4" s="1153"/>
      <c r="BP4" s="1153"/>
      <c r="BQ4" s="1153"/>
      <c r="BR4" s="1153"/>
      <c r="BS4" s="1153"/>
      <c r="BT4" s="1153"/>
      <c r="BU4" s="1153"/>
      <c r="BV4" s="1153"/>
      <c r="BW4" s="1153"/>
      <c r="BX4" s="1153"/>
      <c r="BY4" s="1153"/>
      <c r="BZ4" s="1153"/>
      <c r="CA4" s="1153"/>
      <c r="CB4" s="1153"/>
      <c r="CC4" s="1153"/>
      <c r="CD4" s="1153"/>
      <c r="CE4" s="1153"/>
      <c r="CF4" s="1153"/>
      <c r="CG4" s="1153"/>
      <c r="CH4" s="1153"/>
      <c r="CI4" s="1153"/>
      <c r="CJ4" s="1153"/>
      <c r="CK4" s="1153"/>
      <c r="CL4" s="1153"/>
      <c r="CM4" s="1153"/>
    </row>
    <row r="5" spans="1:100" ht="17.25" customHeight="1" x14ac:dyDescent="0.15">
      <c r="A5" s="428" t="s">
        <v>237</v>
      </c>
      <c r="B5" s="428"/>
      <c r="C5" s="428"/>
      <c r="D5" s="428"/>
      <c r="E5" s="428"/>
      <c r="F5" s="428"/>
      <c r="G5" s="428"/>
      <c r="H5" s="428"/>
      <c r="I5" s="460" t="s">
        <v>1358</v>
      </c>
      <c r="J5" s="1124"/>
      <c r="K5" s="1124"/>
      <c r="L5" s="1124"/>
      <c r="M5" s="1124"/>
      <c r="N5" s="1124"/>
      <c r="O5" s="1124"/>
      <c r="P5" s="1124"/>
      <c r="Q5" s="1124"/>
      <c r="R5" s="1124"/>
      <c r="S5" s="1124"/>
      <c r="T5" s="1124"/>
      <c r="U5" s="1124"/>
      <c r="V5" s="1124"/>
      <c r="W5" s="1124"/>
      <c r="X5" s="1124"/>
      <c r="Y5" s="1124"/>
      <c r="Z5" s="1124"/>
      <c r="AA5" s="1124"/>
      <c r="AB5" s="1124"/>
      <c r="AC5" s="1124"/>
      <c r="AD5" s="1124"/>
      <c r="AE5" s="1124"/>
      <c r="AF5" s="1124"/>
      <c r="AG5" s="1124"/>
      <c r="AH5" s="1124"/>
      <c r="AI5" s="1124"/>
      <c r="AJ5" s="1124"/>
      <c r="AK5" s="1124"/>
      <c r="AL5" s="1125"/>
      <c r="AM5" s="5"/>
      <c r="AN5" s="1153"/>
      <c r="AO5" s="1153"/>
      <c r="AP5" s="1153"/>
      <c r="AQ5" s="1153"/>
      <c r="AR5" s="1153"/>
      <c r="AS5" s="1153"/>
      <c r="AT5" s="1153"/>
      <c r="AU5" s="1153"/>
      <c r="AV5" s="1153"/>
      <c r="AW5" s="1153"/>
      <c r="AX5" s="1153"/>
      <c r="AY5" s="1153"/>
      <c r="AZ5" s="1153"/>
      <c r="BA5" s="1153"/>
      <c r="BB5" s="1153"/>
      <c r="BC5" s="1153"/>
      <c r="BD5" s="1153"/>
      <c r="BE5" s="1153"/>
      <c r="BF5" s="1153"/>
      <c r="BG5" s="1153"/>
      <c r="BH5" s="1153"/>
      <c r="BI5" s="1153"/>
      <c r="BJ5" s="1153"/>
      <c r="BK5" s="1153"/>
      <c r="BL5" s="1153"/>
      <c r="BM5" s="1153"/>
      <c r="BN5" s="1153"/>
      <c r="BO5" s="1153"/>
      <c r="BP5" s="1153"/>
      <c r="BQ5" s="1153"/>
      <c r="BR5" s="1153"/>
      <c r="BS5" s="1153"/>
      <c r="BT5" s="1153"/>
      <c r="BU5" s="1153"/>
      <c r="BV5" s="1153"/>
      <c r="BW5" s="1153"/>
      <c r="BX5" s="1153"/>
      <c r="BY5" s="1153"/>
      <c r="BZ5" s="1153"/>
      <c r="CA5" s="1153"/>
      <c r="CB5" s="1153"/>
      <c r="CC5" s="1153"/>
      <c r="CD5" s="1153"/>
      <c r="CE5" s="1153"/>
      <c r="CF5" s="1153"/>
      <c r="CG5" s="1153"/>
      <c r="CH5" s="1153"/>
      <c r="CI5" s="1153"/>
      <c r="CJ5" s="1153"/>
      <c r="CK5" s="1153"/>
      <c r="CL5" s="1153"/>
      <c r="CM5" s="1153"/>
    </row>
    <row r="6" spans="1:100" ht="17.25" customHeight="1" x14ac:dyDescent="0.15">
      <c r="A6" s="428"/>
      <c r="B6" s="428"/>
      <c r="C6" s="428"/>
      <c r="D6" s="428"/>
      <c r="E6" s="428"/>
      <c r="F6" s="428"/>
      <c r="G6" s="428"/>
      <c r="H6" s="428"/>
      <c r="I6" s="1126"/>
      <c r="J6" s="1127"/>
      <c r="K6" s="1127"/>
      <c r="L6" s="1127"/>
      <c r="M6" s="1127"/>
      <c r="N6" s="1127"/>
      <c r="O6" s="1127"/>
      <c r="P6" s="1127"/>
      <c r="Q6" s="1127"/>
      <c r="R6" s="1127"/>
      <c r="S6" s="1127"/>
      <c r="T6" s="1127"/>
      <c r="U6" s="1127"/>
      <c r="V6" s="1127"/>
      <c r="W6" s="1127"/>
      <c r="X6" s="1127"/>
      <c r="Y6" s="1127"/>
      <c r="Z6" s="1127"/>
      <c r="AA6" s="1127"/>
      <c r="AB6" s="1127"/>
      <c r="AC6" s="1127"/>
      <c r="AD6" s="1127"/>
      <c r="AE6" s="1127"/>
      <c r="AF6" s="1127"/>
      <c r="AG6" s="1127"/>
      <c r="AH6" s="1127"/>
      <c r="AI6" s="1127"/>
      <c r="AJ6" s="1127"/>
      <c r="AK6" s="1127"/>
      <c r="AL6" s="1128"/>
      <c r="AM6" s="5"/>
      <c r="AN6" s="1153"/>
      <c r="AO6" s="1153"/>
      <c r="AP6" s="1153"/>
      <c r="AQ6" s="1153"/>
      <c r="AR6" s="1153"/>
      <c r="AS6" s="1153"/>
      <c r="AT6" s="1153"/>
      <c r="AU6" s="1153"/>
      <c r="AV6" s="1153"/>
      <c r="AW6" s="1153"/>
      <c r="AX6" s="1153"/>
      <c r="AY6" s="1153"/>
      <c r="AZ6" s="1153"/>
      <c r="BA6" s="1153"/>
      <c r="BB6" s="1153"/>
      <c r="BC6" s="1153"/>
      <c r="BD6" s="1153"/>
      <c r="BE6" s="1153"/>
      <c r="BF6" s="1153"/>
      <c r="BG6" s="1153"/>
      <c r="BH6" s="1153"/>
      <c r="BI6" s="1153"/>
      <c r="BJ6" s="1153"/>
      <c r="BK6" s="1153"/>
      <c r="BL6" s="1153"/>
      <c r="BM6" s="1153"/>
      <c r="BN6" s="1153"/>
      <c r="BO6" s="1153"/>
      <c r="BP6" s="1153"/>
      <c r="BQ6" s="1153"/>
      <c r="BR6" s="1153"/>
      <c r="BS6" s="1153"/>
      <c r="BT6" s="1153"/>
      <c r="BU6" s="1153"/>
      <c r="BV6" s="1153"/>
      <c r="BW6" s="1153"/>
      <c r="BX6" s="1153"/>
      <c r="BY6" s="1153"/>
      <c r="BZ6" s="1153"/>
      <c r="CA6" s="1153"/>
      <c r="CB6" s="1153"/>
      <c r="CC6" s="1153"/>
      <c r="CD6" s="1153"/>
      <c r="CE6" s="1153"/>
      <c r="CF6" s="1153"/>
      <c r="CG6" s="1153"/>
      <c r="CH6" s="1153"/>
      <c r="CI6" s="1153"/>
      <c r="CJ6" s="1153"/>
      <c r="CK6" s="1153"/>
      <c r="CL6" s="1153"/>
      <c r="CM6" s="1153"/>
    </row>
    <row r="7" spans="1:100" ht="17.25" customHeight="1" x14ac:dyDescent="0.15">
      <c r="A7" s="405" t="s">
        <v>238</v>
      </c>
      <c r="B7" s="406"/>
      <c r="C7" s="406"/>
      <c r="D7" s="407"/>
      <c r="E7" s="65" t="s">
        <v>0</v>
      </c>
      <c r="F7" s="492" t="s">
        <v>173</v>
      </c>
      <c r="G7" s="492"/>
      <c r="H7" s="492"/>
      <c r="I7" s="492"/>
      <c r="J7" s="492"/>
      <c r="K7" s="492"/>
      <c r="L7" s="493"/>
      <c r="M7" s="642"/>
      <c r="N7" s="642"/>
      <c r="O7" s="642"/>
      <c r="P7" s="642"/>
      <c r="Q7" s="642"/>
      <c r="R7" s="642"/>
      <c r="S7" s="642"/>
      <c r="T7" s="642"/>
      <c r="U7" s="642"/>
      <c r="V7" s="642"/>
      <c r="W7" s="642"/>
      <c r="X7" s="642"/>
      <c r="Y7" s="643"/>
      <c r="Z7" s="332" t="s">
        <v>239</v>
      </c>
      <c r="AA7" s="332"/>
      <c r="AB7" s="332"/>
      <c r="AC7" s="431" t="s">
        <v>174</v>
      </c>
      <c r="AD7" s="431"/>
      <c r="AE7" s="431"/>
      <c r="AF7" s="431"/>
      <c r="AG7" s="431"/>
      <c r="AH7" s="431"/>
      <c r="AI7" s="431"/>
      <c r="AJ7" s="431"/>
      <c r="AK7" s="431"/>
      <c r="AL7" s="431"/>
      <c r="AM7" s="5"/>
      <c r="AN7" s="1153"/>
      <c r="AO7" s="1153"/>
      <c r="AP7" s="1153"/>
      <c r="AQ7" s="1153"/>
      <c r="AR7" s="1153"/>
      <c r="AS7" s="1153"/>
      <c r="AT7" s="1153"/>
      <c r="AU7" s="1153"/>
      <c r="AV7" s="1153"/>
      <c r="AW7" s="1153"/>
      <c r="AX7" s="1153"/>
      <c r="AY7" s="1153"/>
      <c r="AZ7" s="1153"/>
      <c r="BA7" s="1153"/>
      <c r="BB7" s="1153"/>
      <c r="BC7" s="1153"/>
      <c r="BD7" s="1153"/>
      <c r="BE7" s="1153"/>
      <c r="BF7" s="1153"/>
      <c r="BG7" s="1153"/>
      <c r="BH7" s="1153"/>
      <c r="BI7" s="1153"/>
      <c r="BJ7" s="1153"/>
      <c r="BK7" s="1153"/>
      <c r="BL7" s="1153"/>
      <c r="BM7" s="1153"/>
      <c r="BN7" s="1153"/>
      <c r="BO7" s="1153"/>
      <c r="BP7" s="1153"/>
      <c r="BQ7" s="1153"/>
      <c r="BR7" s="1153"/>
      <c r="BS7" s="1153"/>
      <c r="BT7" s="1153"/>
      <c r="BU7" s="1153"/>
      <c r="BV7" s="1153"/>
      <c r="BW7" s="1153"/>
      <c r="BX7" s="1153"/>
      <c r="BY7" s="1153"/>
      <c r="BZ7" s="1153"/>
      <c r="CA7" s="1153"/>
      <c r="CB7" s="1153"/>
      <c r="CC7" s="1153"/>
      <c r="CD7" s="1153"/>
      <c r="CE7" s="1153"/>
      <c r="CF7" s="1153"/>
      <c r="CG7" s="1153"/>
      <c r="CH7" s="1153"/>
      <c r="CI7" s="1153"/>
      <c r="CJ7" s="1153"/>
      <c r="CK7" s="1153"/>
      <c r="CL7" s="1153"/>
      <c r="CM7" s="1153"/>
    </row>
    <row r="8" spans="1:100" ht="17.25" customHeight="1" x14ac:dyDescent="0.15">
      <c r="A8" s="405"/>
      <c r="B8" s="406"/>
      <c r="C8" s="406"/>
      <c r="D8" s="407"/>
      <c r="E8" s="433" t="s">
        <v>175</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1153"/>
      <c r="AO8" s="1153"/>
      <c r="AP8" s="1153"/>
      <c r="AQ8" s="1153"/>
      <c r="AR8" s="1153"/>
      <c r="AS8" s="1153"/>
      <c r="AT8" s="1153"/>
      <c r="AU8" s="1153"/>
      <c r="AV8" s="1153"/>
      <c r="AW8" s="1153"/>
      <c r="AX8" s="1153"/>
      <c r="AY8" s="1153"/>
      <c r="AZ8" s="1153"/>
      <c r="BA8" s="1153"/>
      <c r="BB8" s="1153"/>
      <c r="BC8" s="1153"/>
      <c r="BD8" s="1153"/>
      <c r="BE8" s="1153"/>
      <c r="BF8" s="1153"/>
      <c r="BG8" s="1153"/>
      <c r="BH8" s="1153"/>
      <c r="BI8" s="1153"/>
      <c r="BJ8" s="1153"/>
      <c r="BK8" s="1153"/>
      <c r="BL8" s="1153"/>
      <c r="BM8" s="1153"/>
      <c r="BN8" s="1153"/>
      <c r="BO8" s="1153"/>
      <c r="BP8" s="1153"/>
      <c r="BQ8" s="1153"/>
      <c r="BR8" s="1153"/>
      <c r="BS8" s="1153"/>
      <c r="BT8" s="1153"/>
      <c r="BU8" s="1153"/>
      <c r="BV8" s="1153"/>
      <c r="BW8" s="1153"/>
      <c r="BX8" s="1153"/>
      <c r="BY8" s="1153"/>
      <c r="BZ8" s="1153"/>
      <c r="CA8" s="1153"/>
      <c r="CB8" s="1153"/>
      <c r="CC8" s="1153"/>
      <c r="CD8" s="1153"/>
      <c r="CE8" s="1153"/>
      <c r="CF8" s="1153"/>
      <c r="CG8" s="1153"/>
      <c r="CH8" s="1153"/>
      <c r="CI8" s="1153"/>
      <c r="CJ8" s="1153"/>
      <c r="CK8" s="1153"/>
      <c r="CL8" s="1153"/>
      <c r="CM8" s="1153"/>
    </row>
    <row r="9" spans="1:100" ht="17.25" customHeight="1" x14ac:dyDescent="0.15">
      <c r="A9" s="405" t="s">
        <v>240</v>
      </c>
      <c r="B9" s="406"/>
      <c r="C9" s="406"/>
      <c r="D9" s="407"/>
      <c r="E9" s="445" t="s">
        <v>176</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1153"/>
      <c r="AO9" s="1153"/>
      <c r="AP9" s="1153"/>
      <c r="AQ9" s="1153"/>
      <c r="AR9" s="1153"/>
      <c r="AS9" s="1153"/>
      <c r="AT9" s="1153"/>
      <c r="AU9" s="1153"/>
      <c r="AV9" s="1153"/>
      <c r="AW9" s="1153"/>
      <c r="AX9" s="1153"/>
      <c r="AY9" s="1153"/>
      <c r="AZ9" s="1153"/>
      <c r="BA9" s="1153"/>
      <c r="BB9" s="1153"/>
      <c r="BC9" s="1153"/>
      <c r="BD9" s="1153"/>
      <c r="BE9" s="1153"/>
      <c r="BF9" s="1153"/>
      <c r="BG9" s="1153"/>
      <c r="BH9" s="1153"/>
      <c r="BI9" s="1153"/>
      <c r="BJ9" s="1153"/>
      <c r="BK9" s="1153"/>
      <c r="BL9" s="1153"/>
      <c r="BM9" s="1153"/>
      <c r="BN9" s="1153"/>
      <c r="BO9" s="1153"/>
      <c r="BP9" s="1153"/>
      <c r="BQ9" s="1153"/>
      <c r="BR9" s="1153"/>
      <c r="BS9" s="1153"/>
      <c r="BT9" s="1153"/>
      <c r="BU9" s="1153"/>
      <c r="BV9" s="1153"/>
      <c r="BW9" s="1153"/>
      <c r="BX9" s="1153"/>
      <c r="BY9" s="1153"/>
      <c r="BZ9" s="1153"/>
      <c r="CA9" s="1153"/>
      <c r="CB9" s="1153"/>
      <c r="CC9" s="1153"/>
      <c r="CD9" s="1153"/>
      <c r="CE9" s="1153"/>
      <c r="CF9" s="1153"/>
      <c r="CG9" s="1153"/>
      <c r="CH9" s="1153"/>
      <c r="CI9" s="1153"/>
      <c r="CJ9" s="1153"/>
      <c r="CK9" s="1153"/>
      <c r="CL9" s="1153"/>
      <c r="CM9" s="1153"/>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1153"/>
      <c r="AO10" s="1153"/>
      <c r="AP10" s="1153"/>
      <c r="AQ10" s="1153"/>
      <c r="AR10" s="1153"/>
      <c r="AS10" s="1153"/>
      <c r="AT10" s="1153"/>
      <c r="AU10" s="1153"/>
      <c r="AV10" s="1153"/>
      <c r="AW10" s="1153"/>
      <c r="AX10" s="1153"/>
      <c r="AY10" s="1153"/>
      <c r="AZ10" s="1153"/>
      <c r="BA10" s="1153"/>
      <c r="BB10" s="1153"/>
      <c r="BC10" s="1153"/>
      <c r="BD10" s="1153"/>
      <c r="BE10" s="1153"/>
      <c r="BF10" s="1153"/>
      <c r="BG10" s="1153"/>
      <c r="BH10" s="1153"/>
      <c r="BI10" s="1153"/>
      <c r="BJ10" s="1153"/>
      <c r="BK10" s="1153"/>
      <c r="BL10" s="1153"/>
      <c r="BM10" s="1153"/>
      <c r="BN10" s="1153"/>
      <c r="BO10" s="1153"/>
      <c r="BP10" s="1153"/>
      <c r="BQ10" s="1153"/>
      <c r="BR10" s="1153"/>
      <c r="BS10" s="1153"/>
      <c r="BT10" s="1153"/>
      <c r="BU10" s="1153"/>
      <c r="BV10" s="1153"/>
      <c r="BW10" s="1153"/>
      <c r="BX10" s="1153"/>
      <c r="BY10" s="1153"/>
      <c r="BZ10" s="1153"/>
      <c r="CA10" s="1153"/>
      <c r="CB10" s="1153"/>
      <c r="CC10" s="1153"/>
      <c r="CD10" s="1153"/>
      <c r="CE10" s="1153"/>
      <c r="CF10" s="1153"/>
      <c r="CG10" s="1153"/>
      <c r="CH10" s="1153"/>
      <c r="CI10" s="1153"/>
      <c r="CJ10" s="1153"/>
      <c r="CK10" s="1153"/>
      <c r="CL10" s="1153"/>
      <c r="CM10" s="1153"/>
    </row>
    <row r="11" spans="1:100" ht="17.25" customHeight="1" x14ac:dyDescent="0.15">
      <c r="A11" s="405" t="s">
        <v>37</v>
      </c>
      <c r="B11" s="406"/>
      <c r="C11" s="406"/>
      <c r="D11" s="407"/>
      <c r="E11" s="408" t="s">
        <v>1108</v>
      </c>
      <c r="F11" s="409"/>
      <c r="G11" s="409"/>
      <c r="H11" s="409"/>
      <c r="I11" s="409"/>
      <c r="J11" s="409"/>
      <c r="K11" s="409"/>
      <c r="L11" s="409"/>
      <c r="M11" s="409"/>
      <c r="N11" s="409"/>
      <c r="O11" s="409"/>
      <c r="P11" s="409"/>
      <c r="Q11" s="409"/>
      <c r="R11" s="409"/>
      <c r="S11" s="409"/>
      <c r="T11" s="409"/>
      <c r="U11" s="409"/>
      <c r="V11" s="409"/>
      <c r="W11" s="409"/>
      <c r="X11" s="409"/>
      <c r="Y11" s="409"/>
      <c r="Z11" s="409"/>
      <c r="AA11" s="409"/>
      <c r="AB11" s="409"/>
      <c r="AC11" s="409"/>
      <c r="AD11" s="409"/>
      <c r="AE11" s="409"/>
      <c r="AF11" s="409"/>
      <c r="AG11" s="409"/>
      <c r="AH11" s="409"/>
      <c r="AI11" s="409"/>
      <c r="AJ11" s="409"/>
      <c r="AK11" s="409"/>
      <c r="AL11" s="410"/>
      <c r="AM11" s="5"/>
      <c r="AN11" s="1153"/>
      <c r="AO11" s="1153"/>
      <c r="AP11" s="1153"/>
      <c r="AQ11" s="1153"/>
      <c r="AR11" s="1153"/>
      <c r="AS11" s="1153"/>
      <c r="AT11" s="1153"/>
      <c r="AU11" s="1153"/>
      <c r="AV11" s="1153"/>
      <c r="AW11" s="1153"/>
      <c r="AX11" s="1153"/>
      <c r="AY11" s="1153"/>
      <c r="AZ11" s="1153"/>
      <c r="BA11" s="1153"/>
      <c r="BB11" s="1153"/>
      <c r="BC11" s="1153"/>
      <c r="BD11" s="1153"/>
      <c r="BE11" s="1153"/>
      <c r="BF11" s="1153"/>
      <c r="BG11" s="1153"/>
      <c r="BH11" s="1153"/>
      <c r="BI11" s="1153"/>
      <c r="BJ11" s="1153"/>
      <c r="BK11" s="1153"/>
      <c r="BL11" s="1153"/>
      <c r="BM11" s="1153"/>
      <c r="BN11" s="1153"/>
      <c r="BO11" s="1153"/>
      <c r="BP11" s="1153"/>
      <c r="BQ11" s="1153"/>
      <c r="BR11" s="1153"/>
      <c r="BS11" s="1153"/>
      <c r="BT11" s="1153"/>
      <c r="BU11" s="1153"/>
      <c r="BV11" s="1153"/>
      <c r="BW11" s="1153"/>
      <c r="BX11" s="1153"/>
      <c r="BY11" s="1153"/>
      <c r="BZ11" s="1153"/>
      <c r="CA11" s="1153"/>
      <c r="CB11" s="1153"/>
      <c r="CC11" s="1153"/>
      <c r="CD11" s="1153"/>
      <c r="CE11" s="1153"/>
      <c r="CF11" s="1153"/>
      <c r="CG11" s="1153"/>
      <c r="CH11" s="1153"/>
      <c r="CI11" s="1153"/>
      <c r="CJ11" s="1153"/>
      <c r="CK11" s="1153"/>
      <c r="CL11" s="1153"/>
      <c r="CM11" s="1153"/>
    </row>
    <row r="12" spans="1:100" ht="17.25" customHeight="1" x14ac:dyDescent="0.15">
      <c r="A12" s="332" t="s">
        <v>241</v>
      </c>
      <c r="B12" s="332"/>
      <c r="C12" s="332"/>
      <c r="D12" s="332"/>
      <c r="E12" s="332"/>
      <c r="F12" s="1200" t="s">
        <v>177</v>
      </c>
      <c r="G12" s="1201"/>
      <c r="H12" s="1201"/>
      <c r="I12" s="1201"/>
      <c r="J12" s="1201"/>
      <c r="K12" s="1201"/>
      <c r="L12" s="1201"/>
      <c r="M12" s="1201"/>
      <c r="N12" s="522"/>
      <c r="O12" s="416" t="s">
        <v>242</v>
      </c>
      <c r="P12" s="417"/>
      <c r="Q12" s="422">
        <v>20180</v>
      </c>
      <c r="R12" s="423"/>
      <c r="S12" s="423"/>
      <c r="T12" s="423"/>
      <c r="U12" s="424" t="s">
        <v>186</v>
      </c>
      <c r="V12" s="423"/>
      <c r="W12" s="423"/>
      <c r="X12" s="423"/>
      <c r="Y12" s="1046" t="s">
        <v>187</v>
      </c>
      <c r="Z12" s="1103"/>
      <c r="AA12" s="1103"/>
      <c r="AB12" s="1103"/>
      <c r="AC12" s="1103"/>
      <c r="AD12" s="1103"/>
      <c r="AE12" s="1103"/>
      <c r="AF12" s="1103"/>
      <c r="AG12" s="1103"/>
      <c r="AH12" s="1103"/>
      <c r="AI12" s="1103"/>
      <c r="AJ12" s="1103"/>
      <c r="AK12" s="1103"/>
      <c r="AL12" s="1104"/>
      <c r="AM12" s="5"/>
      <c r="AN12" s="1153"/>
      <c r="AO12" s="1153"/>
      <c r="AP12" s="1153"/>
      <c r="AQ12" s="1153"/>
      <c r="AR12" s="1153"/>
      <c r="AS12" s="1153"/>
      <c r="AT12" s="1153"/>
      <c r="AU12" s="1153"/>
      <c r="AV12" s="1153"/>
      <c r="AW12" s="1153"/>
      <c r="AX12" s="1153"/>
      <c r="AY12" s="1153"/>
      <c r="AZ12" s="1153"/>
      <c r="BA12" s="1153"/>
      <c r="BB12" s="1153"/>
      <c r="BC12" s="1153"/>
      <c r="BD12" s="1153"/>
      <c r="BE12" s="1153"/>
      <c r="BF12" s="1153"/>
      <c r="BG12" s="1153"/>
      <c r="BH12" s="1153"/>
      <c r="BI12" s="1153"/>
      <c r="BJ12" s="1153"/>
      <c r="BK12" s="1153"/>
      <c r="BL12" s="1153"/>
      <c r="BM12" s="1153"/>
      <c r="BN12" s="1153"/>
      <c r="BO12" s="1153"/>
      <c r="BP12" s="1153"/>
      <c r="BQ12" s="1153"/>
      <c r="BR12" s="1153"/>
      <c r="BS12" s="1153"/>
      <c r="BT12" s="1153"/>
      <c r="BU12" s="1153"/>
      <c r="BV12" s="1153"/>
      <c r="BW12" s="1153"/>
      <c r="BX12" s="1153"/>
      <c r="BY12" s="1153"/>
      <c r="BZ12" s="1153"/>
      <c r="CA12" s="1153"/>
      <c r="CB12" s="1153"/>
      <c r="CC12" s="1153"/>
      <c r="CD12" s="1153"/>
      <c r="CE12" s="1153"/>
      <c r="CF12" s="1153"/>
      <c r="CG12" s="1153"/>
      <c r="CH12" s="1153"/>
      <c r="CI12" s="1153"/>
      <c r="CJ12" s="1153"/>
      <c r="CK12" s="1153"/>
      <c r="CL12" s="1153"/>
      <c r="CM12" s="1153"/>
      <c r="CQ12" s="3" ph="1"/>
      <c r="CR12" s="3" ph="1"/>
      <c r="CS12" s="3" ph="1"/>
      <c r="CT12" s="3" ph="1"/>
      <c r="CU12" s="3" ph="1"/>
      <c r="CV12" s="3" ph="1"/>
    </row>
    <row r="13" spans="1:100" ht="17.25" customHeight="1" x14ac:dyDescent="0.15">
      <c r="A13" s="328"/>
      <c r="B13" s="328"/>
      <c r="C13" s="328"/>
      <c r="D13" s="328"/>
      <c r="E13" s="328"/>
      <c r="F13" s="398" t="s">
        <v>947</v>
      </c>
      <c r="G13" s="369"/>
      <c r="H13" s="369"/>
      <c r="I13" s="369"/>
      <c r="J13" s="369"/>
      <c r="K13" s="369"/>
      <c r="L13" s="369"/>
      <c r="M13" s="369"/>
      <c r="N13" s="523"/>
      <c r="O13" s="418"/>
      <c r="P13" s="419"/>
      <c r="Q13" s="377"/>
      <c r="R13" s="220"/>
      <c r="S13" s="220"/>
      <c r="T13" s="220"/>
      <c r="U13" s="371"/>
      <c r="V13" s="220"/>
      <c r="W13" s="220"/>
      <c r="X13" s="220"/>
      <c r="Y13" s="400"/>
      <c r="Z13" s="400"/>
      <c r="AA13" s="400"/>
      <c r="AB13" s="400"/>
      <c r="AC13" s="400"/>
      <c r="AD13" s="400"/>
      <c r="AE13" s="400"/>
      <c r="AF13" s="400"/>
      <c r="AG13" s="400"/>
      <c r="AH13" s="400"/>
      <c r="AI13" s="400"/>
      <c r="AJ13" s="400"/>
      <c r="AK13" s="400"/>
      <c r="AL13" s="401"/>
      <c r="AM13" s="5"/>
      <c r="AN13" s="518" t="s">
        <v>245</v>
      </c>
      <c r="AO13" s="518"/>
      <c r="AP13" s="518"/>
      <c r="AQ13" s="518"/>
      <c r="AR13" s="518"/>
      <c r="AS13" s="518"/>
      <c r="AT13" s="518"/>
      <c r="AU13" s="518"/>
      <c r="AV13" s="518"/>
      <c r="AW13" s="518"/>
      <c r="AX13" s="518"/>
      <c r="AY13" s="518"/>
      <c r="AZ13" s="518"/>
      <c r="BA13" s="518"/>
      <c r="BB13" s="518"/>
      <c r="BC13" s="518"/>
      <c r="BD13" s="518"/>
      <c r="BE13" s="518"/>
      <c r="BF13" s="518"/>
      <c r="BG13" s="518"/>
      <c r="BH13" s="518"/>
      <c r="BI13" s="518"/>
      <c r="BJ13" s="518"/>
      <c r="BK13" s="518"/>
      <c r="BL13" s="518"/>
      <c r="BM13" s="518"/>
      <c r="BN13" s="518"/>
      <c r="BO13" s="518"/>
      <c r="BP13" s="518"/>
      <c r="BQ13" s="518"/>
      <c r="BR13" s="518"/>
      <c r="BS13" s="518"/>
      <c r="BT13" s="518"/>
      <c r="BU13" s="518"/>
      <c r="BV13" s="518"/>
      <c r="BW13" s="518"/>
      <c r="BX13" s="518"/>
      <c r="BY13" s="518"/>
      <c r="BZ13" s="518"/>
      <c r="CA13" s="518"/>
      <c r="CB13" s="518"/>
      <c r="CC13" s="518"/>
      <c r="CD13" s="518"/>
      <c r="CE13" s="518"/>
      <c r="CF13" s="518"/>
      <c r="CG13" s="518"/>
      <c r="CH13" s="518"/>
      <c r="CI13" s="518"/>
      <c r="CJ13" s="518"/>
      <c r="CK13" s="518"/>
      <c r="CL13" s="518"/>
      <c r="CM13" s="518"/>
      <c r="CQ13" s="3" ph="1"/>
      <c r="CR13" s="3" ph="1"/>
      <c r="CS13" s="3" ph="1"/>
      <c r="CT13" s="3" ph="1"/>
      <c r="CU13" s="3" ph="1"/>
      <c r="CV13" s="3" ph="1"/>
    </row>
    <row r="14" spans="1:100" ht="17.25" customHeight="1" x14ac:dyDescent="0.15">
      <c r="A14" s="426">
        <v>4</v>
      </c>
      <c r="B14" s="651"/>
      <c r="C14" s="651"/>
      <c r="D14" s="651"/>
      <c r="E14" s="651"/>
      <c r="F14" s="370"/>
      <c r="G14" s="370"/>
      <c r="H14" s="370"/>
      <c r="I14" s="370"/>
      <c r="J14" s="370"/>
      <c r="K14" s="370"/>
      <c r="L14" s="370"/>
      <c r="M14" s="370"/>
      <c r="N14" s="523"/>
      <c r="O14" s="418"/>
      <c r="P14" s="419"/>
      <c r="Q14" s="377">
        <v>26390</v>
      </c>
      <c r="R14" s="220"/>
      <c r="S14" s="220"/>
      <c r="T14" s="220"/>
      <c r="U14" s="371" t="s">
        <v>188</v>
      </c>
      <c r="V14" s="220"/>
      <c r="W14" s="220"/>
      <c r="X14" s="220"/>
      <c r="Y14" s="371"/>
      <c r="Z14" s="220"/>
      <c r="AA14" s="220"/>
      <c r="AB14" s="220"/>
      <c r="AC14" s="220"/>
      <c r="AD14" s="220"/>
      <c r="AE14" s="220"/>
      <c r="AF14" s="220"/>
      <c r="AG14" s="220"/>
      <c r="AH14" s="220"/>
      <c r="AI14" s="220"/>
      <c r="AJ14" s="220"/>
      <c r="AK14" s="220"/>
      <c r="AL14" s="372"/>
      <c r="AM14" s="5"/>
      <c r="AN14" s="287" t="s">
        <v>219</v>
      </c>
      <c r="AO14" s="287"/>
      <c r="AP14" s="287"/>
      <c r="AQ14" s="287"/>
      <c r="AR14" s="287"/>
      <c r="AS14" s="287"/>
      <c r="AT14" s="856" t="s">
        <v>752</v>
      </c>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6506</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87"/>
      <c r="AO15" s="287"/>
      <c r="AP15" s="287"/>
      <c r="AQ15" s="287"/>
      <c r="AR15" s="287"/>
      <c r="AS15" s="287"/>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49</v>
      </c>
      <c r="B16" s="484"/>
      <c r="C16" s="484"/>
      <c r="D16" s="484"/>
      <c r="E16" s="485"/>
      <c r="F16" s="1202" t="s">
        <v>1287</v>
      </c>
      <c r="G16" s="1203"/>
      <c r="H16" s="1203"/>
      <c r="I16" s="1203"/>
      <c r="J16" s="1203"/>
      <c r="K16" s="1203"/>
      <c r="L16" s="1203"/>
      <c r="M16" s="1203"/>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87" t="s">
        <v>220</v>
      </c>
      <c r="AO16" s="287"/>
      <c r="AP16" s="287"/>
      <c r="AQ16" s="287"/>
      <c r="AR16" s="287"/>
      <c r="AS16" s="287"/>
      <c r="AT16" s="856" t="s">
        <v>178</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t="s">
        <v>1286</v>
      </c>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c r="AO17" s="287"/>
      <c r="AP17" s="287"/>
      <c r="AQ17" s="287"/>
      <c r="AR17" s="287"/>
      <c r="AS17" s="28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87" t="s">
        <v>221</v>
      </c>
      <c r="AO18" s="287"/>
      <c r="AP18" s="287"/>
      <c r="AQ18" s="287"/>
      <c r="AR18" s="287"/>
      <c r="AS18" s="287"/>
      <c r="AT18" s="856" t="s">
        <v>753</v>
      </c>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1204" t="s">
        <v>520</v>
      </c>
      <c r="G19" s="1205"/>
      <c r="H19" s="1205"/>
      <c r="I19" s="1205"/>
      <c r="J19" s="1205"/>
      <c r="K19" s="1205"/>
      <c r="L19" s="1205"/>
      <c r="M19" s="1205"/>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87"/>
      <c r="AO19" s="287"/>
      <c r="AP19" s="287"/>
      <c r="AQ19" s="287"/>
      <c r="AR19" s="287"/>
      <c r="AS19" s="287"/>
      <c r="AT19" s="856"/>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1206" t="s">
        <v>520</v>
      </c>
      <c r="G20" s="1207"/>
      <c r="H20" s="1207"/>
      <c r="I20" s="1207"/>
      <c r="J20" s="1207"/>
      <c r="K20" s="1207"/>
      <c r="L20" s="1207"/>
      <c r="M20" s="1207"/>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92" t="s">
        <v>222</v>
      </c>
      <c r="AO20" s="293"/>
      <c r="AP20" s="293"/>
      <c r="AQ20" s="293"/>
      <c r="AR20" s="293"/>
      <c r="AS20" s="294"/>
      <c r="AT20" s="460" t="s">
        <v>948</v>
      </c>
      <c r="AU20" s="349"/>
      <c r="AV20" s="349"/>
      <c r="AW20" s="349"/>
      <c r="AX20" s="349"/>
      <c r="AY20" s="349"/>
      <c r="AZ20" s="349"/>
      <c r="BA20" s="349"/>
      <c r="BB20" s="349"/>
      <c r="BC20" s="349"/>
      <c r="BD20" s="349"/>
      <c r="BE20" s="349"/>
      <c r="BF20" s="349"/>
      <c r="BG20" s="349"/>
      <c r="BH20" s="349"/>
      <c r="BI20" s="349"/>
      <c r="BJ20" s="349"/>
      <c r="BK20" s="349"/>
      <c r="BL20" s="349"/>
      <c r="BM20" s="349"/>
      <c r="BN20" s="349"/>
      <c r="BO20" s="349"/>
      <c r="BP20" s="349"/>
      <c r="BQ20" s="349"/>
      <c r="BR20" s="349"/>
      <c r="BS20" s="349"/>
      <c r="BT20" s="349"/>
      <c r="BU20" s="349"/>
      <c r="BV20" s="349"/>
      <c r="BW20" s="349"/>
      <c r="BX20" s="349"/>
      <c r="BY20" s="349"/>
      <c r="BZ20" s="349"/>
      <c r="CA20" s="349"/>
      <c r="CB20" s="349"/>
      <c r="CC20" s="349"/>
      <c r="CD20" s="349"/>
      <c r="CE20" s="349"/>
      <c r="CF20" s="349"/>
      <c r="CG20" s="349"/>
      <c r="CH20" s="349"/>
      <c r="CI20" s="349"/>
      <c r="CJ20" s="349"/>
      <c r="CK20" s="349"/>
      <c r="CL20" s="349"/>
      <c r="CM20" s="350"/>
      <c r="CQ20" s="3" ph="1"/>
      <c r="CR20" s="3" ph="1"/>
      <c r="CS20" s="3" ph="1"/>
      <c r="CT20" s="3" ph="1"/>
      <c r="CU20" s="3" ph="1"/>
      <c r="CV20" s="3" ph="1"/>
    </row>
    <row r="21" spans="1:100" ht="17.25" customHeight="1" x14ac:dyDescent="0.15">
      <c r="A21" s="361"/>
      <c r="B21" s="362"/>
      <c r="C21" s="362"/>
      <c r="D21" s="362"/>
      <c r="E21" s="363"/>
      <c r="F21" s="1208"/>
      <c r="G21" s="1208"/>
      <c r="H21" s="1208"/>
      <c r="I21" s="1208"/>
      <c r="J21" s="1208"/>
      <c r="K21" s="1208"/>
      <c r="L21" s="1208"/>
      <c r="M21" s="1208"/>
      <c r="N21" s="523"/>
      <c r="O21" s="418"/>
      <c r="P21" s="419"/>
      <c r="Q21" s="378" t="s">
        <v>353</v>
      </c>
      <c r="R21" s="378"/>
      <c r="S21" s="378"/>
      <c r="T21" s="378"/>
      <c r="U21" s="378"/>
      <c r="V21" s="378"/>
      <c r="W21" s="378"/>
      <c r="X21" s="378"/>
      <c r="Y21" s="378"/>
      <c r="Z21" s="378"/>
      <c r="AA21" s="378"/>
      <c r="AB21" s="378"/>
      <c r="AC21" s="378"/>
      <c r="AD21" s="378"/>
      <c r="AE21" s="378"/>
      <c r="AF21" s="378"/>
      <c r="AG21" s="378"/>
      <c r="AH21" s="378"/>
      <c r="AI21" s="378"/>
      <c r="AJ21" s="378"/>
      <c r="AK21" s="378"/>
      <c r="AL21" s="379"/>
      <c r="AM21" s="5"/>
      <c r="AN21" s="295"/>
      <c r="AO21" s="296"/>
      <c r="AP21" s="296"/>
      <c r="AQ21" s="296"/>
      <c r="AR21" s="296"/>
      <c r="AS21" s="297"/>
      <c r="AT21" s="901"/>
      <c r="AU21" s="353"/>
      <c r="AV21" s="353"/>
      <c r="AW21" s="353"/>
      <c r="AX21" s="353"/>
      <c r="AY21" s="353"/>
      <c r="AZ21" s="353"/>
      <c r="BA21" s="353"/>
      <c r="BB21" s="353"/>
      <c r="BC21" s="353"/>
      <c r="BD21" s="353"/>
      <c r="BE21" s="353"/>
      <c r="BF21" s="353"/>
      <c r="BG21" s="353"/>
      <c r="BH21" s="353"/>
      <c r="BI21" s="353"/>
      <c r="BJ21" s="353"/>
      <c r="BK21" s="353"/>
      <c r="BL21" s="353"/>
      <c r="BM21" s="353"/>
      <c r="BN21" s="353"/>
      <c r="BO21" s="353"/>
      <c r="BP21" s="353"/>
      <c r="BQ21" s="353"/>
      <c r="BR21" s="353"/>
      <c r="BS21" s="353"/>
      <c r="BT21" s="353"/>
      <c r="BU21" s="353"/>
      <c r="BV21" s="353"/>
      <c r="BW21" s="353"/>
      <c r="BX21" s="353"/>
      <c r="BY21" s="353"/>
      <c r="BZ21" s="353"/>
      <c r="CA21" s="353"/>
      <c r="CB21" s="353"/>
      <c r="CC21" s="353"/>
      <c r="CD21" s="353"/>
      <c r="CE21" s="353"/>
      <c r="CF21" s="353"/>
      <c r="CG21" s="353"/>
      <c r="CH21" s="353"/>
      <c r="CI21" s="353"/>
      <c r="CJ21" s="353"/>
      <c r="CK21" s="353"/>
      <c r="CL21" s="353"/>
      <c r="CM21" s="354"/>
      <c r="CQ21" s="3" ph="1"/>
      <c r="CR21" s="3" ph="1"/>
      <c r="CS21" s="3" ph="1"/>
      <c r="CT21" s="3" ph="1"/>
      <c r="CU21" s="3" ph="1"/>
      <c r="CV21" s="3" ph="1"/>
    </row>
    <row r="22" spans="1:100" ht="17.25" customHeight="1" x14ac:dyDescent="0.15">
      <c r="A22" s="332" t="s">
        <v>259</v>
      </c>
      <c r="B22" s="332"/>
      <c r="C22" s="332"/>
      <c r="D22" s="332"/>
      <c r="E22" s="332"/>
      <c r="F22" s="1202" t="s">
        <v>1615</v>
      </c>
      <c r="G22" s="1203"/>
      <c r="H22" s="1203"/>
      <c r="I22" s="1203"/>
      <c r="J22" s="1203"/>
      <c r="K22" s="1203"/>
      <c r="L22" s="1203"/>
      <c r="M22" s="1203"/>
      <c r="N22" s="523"/>
      <c r="O22" s="1031" t="s">
        <v>258</v>
      </c>
      <c r="P22" s="1031"/>
      <c r="Q22" s="916" t="s">
        <v>949</v>
      </c>
      <c r="R22" s="917"/>
      <c r="S22" s="917"/>
      <c r="T22" s="917"/>
      <c r="U22" s="917"/>
      <c r="V22" s="917"/>
      <c r="W22" s="917"/>
      <c r="X22" s="917"/>
      <c r="Y22" s="917"/>
      <c r="Z22" s="917"/>
      <c r="AA22" s="917"/>
      <c r="AB22" s="917"/>
      <c r="AC22" s="917"/>
      <c r="AD22" s="917"/>
      <c r="AE22" s="917"/>
      <c r="AF22" s="917"/>
      <c r="AG22" s="917"/>
      <c r="AH22" s="917"/>
      <c r="AI22" s="917"/>
      <c r="AJ22" s="917"/>
      <c r="AK22" s="917"/>
      <c r="AL22" s="918"/>
      <c r="AM22" s="5"/>
      <c r="AN22" s="1211" t="s">
        <v>257</v>
      </c>
      <c r="AO22" s="1211"/>
      <c r="AP22" s="1211"/>
      <c r="AQ22" s="1211"/>
      <c r="AR22" s="1211"/>
      <c r="AS22" s="1211"/>
      <c r="AT22" s="1211"/>
      <c r="AU22" s="1211"/>
      <c r="AV22" s="1211"/>
      <c r="AW22" s="1211"/>
      <c r="AX22" s="1211"/>
      <c r="AY22" s="1211"/>
      <c r="AZ22" s="1211"/>
      <c r="BA22" s="1211"/>
      <c r="BB22" s="1211"/>
      <c r="BC22" s="1211"/>
      <c r="BD22" s="1211"/>
      <c r="BE22" s="1211"/>
      <c r="BF22" s="1211"/>
      <c r="BG22" s="1211"/>
      <c r="BH22" s="1211"/>
      <c r="BI22" s="1211"/>
      <c r="BJ22" s="1211"/>
      <c r="BK22" s="1211"/>
      <c r="BL22" s="1211"/>
      <c r="BM22" s="1211"/>
      <c r="BN22" s="1211"/>
      <c r="BO22" s="1211"/>
      <c r="BP22" s="1211"/>
      <c r="BQ22" s="1211"/>
      <c r="BR22" s="1211"/>
      <c r="BS22" s="1211"/>
      <c r="BT22" s="1211"/>
      <c r="BU22" s="1211"/>
      <c r="BV22" s="1211"/>
      <c r="BW22" s="1211"/>
      <c r="BX22" s="1211"/>
      <c r="BY22" s="1211"/>
      <c r="BZ22" s="1211"/>
      <c r="CA22" s="1211"/>
      <c r="CB22" s="1211"/>
      <c r="CC22" s="1211"/>
      <c r="CD22" s="1211"/>
      <c r="CE22" s="1211"/>
      <c r="CF22" s="1211"/>
      <c r="CG22" s="1211"/>
      <c r="CH22" s="1211"/>
      <c r="CI22" s="1211"/>
      <c r="CJ22" s="1211"/>
      <c r="CK22" s="1211"/>
      <c r="CL22" s="1211"/>
      <c r="CM22" s="1211"/>
      <c r="CQ22" s="3" ph="1"/>
      <c r="CR22" s="3" ph="1"/>
      <c r="CS22" s="3" ph="1"/>
      <c r="CT22" s="3" ph="1"/>
      <c r="CU22" s="3" ph="1"/>
      <c r="CV22" s="3" ph="1"/>
    </row>
    <row r="23" spans="1:100" ht="17.25" customHeight="1" x14ac:dyDescent="0.15">
      <c r="A23" s="328"/>
      <c r="B23" s="328"/>
      <c r="C23" s="328"/>
      <c r="D23" s="328"/>
      <c r="E23" s="328"/>
      <c r="F23" s="336" t="s">
        <v>1614</v>
      </c>
      <c r="G23" s="337"/>
      <c r="H23" s="337"/>
      <c r="I23" s="337"/>
      <c r="J23" s="337"/>
      <c r="K23" s="337"/>
      <c r="L23" s="337"/>
      <c r="M23" s="338"/>
      <c r="N23" s="523"/>
      <c r="O23" s="1031"/>
      <c r="P23" s="1031"/>
      <c r="Q23" s="355">
        <v>28216</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3" t="s">
        <v>16</v>
      </c>
      <c r="AO23" s="1212" t="s">
        <v>1359</v>
      </c>
      <c r="AP23" s="1212"/>
      <c r="AQ23" s="1212"/>
      <c r="AR23" s="1212"/>
      <c r="AS23" s="1212"/>
      <c r="AT23" s="1212"/>
      <c r="AU23" s="1212"/>
      <c r="AV23" s="1212"/>
      <c r="AW23" s="1212"/>
      <c r="AX23" s="1212"/>
      <c r="AY23" s="1212"/>
      <c r="AZ23" s="1212"/>
      <c r="BA23" s="1212"/>
      <c r="BB23" s="1212"/>
      <c r="BC23" s="1212"/>
      <c r="BD23" s="1212"/>
      <c r="BE23" s="1212"/>
      <c r="BF23" s="1212"/>
      <c r="BG23" s="1212"/>
      <c r="BH23" s="1212"/>
      <c r="BI23" s="1212"/>
      <c r="BJ23" s="1212"/>
      <c r="BK23" s="1212"/>
      <c r="BL23" s="1212"/>
      <c r="BM23" s="1212"/>
      <c r="BN23" s="1212"/>
      <c r="BO23" s="1212"/>
      <c r="BP23" s="1212"/>
      <c r="BQ23" s="1212"/>
      <c r="BR23" s="1212"/>
      <c r="BS23" s="1212"/>
      <c r="BT23" s="1212"/>
      <c r="BU23" s="1212"/>
      <c r="BV23" s="1212"/>
      <c r="BW23" s="1212"/>
      <c r="BX23" s="1212"/>
      <c r="BY23" s="1212"/>
      <c r="BZ23" s="1212"/>
      <c r="CA23" s="1212"/>
      <c r="CB23" s="1212"/>
      <c r="CC23" s="1212"/>
      <c r="CD23" s="1212"/>
      <c r="CE23" s="1212"/>
      <c r="CF23" s="1212"/>
      <c r="CG23" s="1212"/>
      <c r="CH23" s="1212"/>
      <c r="CI23" s="1212"/>
      <c r="CJ23" s="1212"/>
      <c r="CK23" s="1212"/>
      <c r="CL23" s="1212"/>
      <c r="CM23" s="1213"/>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030" t="s">
        <v>950</v>
      </c>
      <c r="R24" s="862"/>
      <c r="S24" s="862"/>
      <c r="T24" s="862"/>
      <c r="U24" s="862"/>
      <c r="V24" s="862"/>
      <c r="W24" s="862"/>
      <c r="X24" s="862"/>
      <c r="Y24" s="862"/>
      <c r="Z24" s="862"/>
      <c r="AA24" s="862"/>
      <c r="AB24" s="862"/>
      <c r="AC24" s="862"/>
      <c r="AD24" s="862"/>
      <c r="AE24" s="862"/>
      <c r="AF24" s="862"/>
      <c r="AG24" s="862"/>
      <c r="AH24" s="862"/>
      <c r="AI24" s="862"/>
      <c r="AJ24" s="862"/>
      <c r="AK24" s="862"/>
      <c r="AL24" s="863"/>
      <c r="AM24" s="5"/>
      <c r="AN24" s="24" t="s">
        <v>16</v>
      </c>
      <c r="AO24" s="783" t="s">
        <v>1572</v>
      </c>
      <c r="AP24" s="783"/>
      <c r="AQ24" s="783"/>
      <c r="AR24" s="783"/>
      <c r="AS24" s="783"/>
      <c r="AT24" s="783"/>
      <c r="AU24" s="783"/>
      <c r="AV24" s="783"/>
      <c r="AW24" s="783"/>
      <c r="AX24" s="783"/>
      <c r="AY24" s="783"/>
      <c r="AZ24" s="783"/>
      <c r="BA24" s="783"/>
      <c r="BB24" s="783"/>
      <c r="BC24" s="783"/>
      <c r="BD24" s="783"/>
      <c r="BE24" s="783"/>
      <c r="BF24" s="783"/>
      <c r="BG24" s="783"/>
      <c r="BH24" s="783"/>
      <c r="BI24" s="783"/>
      <c r="BJ24" s="783"/>
      <c r="BK24" s="783"/>
      <c r="BL24" s="783"/>
      <c r="BM24" s="783"/>
      <c r="BN24" s="783"/>
      <c r="BO24" s="783"/>
      <c r="BP24" s="783"/>
      <c r="BQ24" s="783"/>
      <c r="BR24" s="783"/>
      <c r="BS24" s="783"/>
      <c r="BT24" s="783"/>
      <c r="BU24" s="783"/>
      <c r="BV24" s="783"/>
      <c r="BW24" s="783"/>
      <c r="BX24" s="783"/>
      <c r="BY24" s="783"/>
      <c r="BZ24" s="783"/>
      <c r="CA24" s="783"/>
      <c r="CB24" s="783"/>
      <c r="CC24" s="783"/>
      <c r="CD24" s="783"/>
      <c r="CE24" s="783"/>
      <c r="CF24" s="783"/>
      <c r="CG24" s="783"/>
      <c r="CH24" s="783"/>
      <c r="CI24" s="783"/>
      <c r="CJ24" s="783"/>
      <c r="CK24" s="783"/>
      <c r="CL24" s="783"/>
      <c r="CM24" s="784"/>
      <c r="CQ24" s="3" ph="1"/>
      <c r="CR24" s="3" ph="1"/>
      <c r="CS24" s="3" ph="1"/>
      <c r="CT24" s="3" ph="1"/>
      <c r="CU24" s="3" ph="1"/>
      <c r="CV24" s="3" ph="1"/>
    </row>
    <row r="25" spans="1:100" ht="17.25" customHeight="1" x14ac:dyDescent="0.15">
      <c r="A25" s="328" t="s">
        <v>263</v>
      </c>
      <c r="B25" s="328"/>
      <c r="C25" s="328"/>
      <c r="D25" s="328"/>
      <c r="E25" s="328"/>
      <c r="F25" s="1209" t="s">
        <v>1617</v>
      </c>
      <c r="G25" s="1210"/>
      <c r="H25" s="1210"/>
      <c r="I25" s="1210"/>
      <c r="J25" s="1210"/>
      <c r="K25" s="1210"/>
      <c r="L25" s="1210"/>
      <c r="M25" s="1210"/>
      <c r="N25" s="523"/>
      <c r="O25" s="428"/>
      <c r="P25" s="428"/>
      <c r="Q25" s="355">
        <v>28216</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24" t="s">
        <v>16</v>
      </c>
      <c r="AO25" s="783" t="s">
        <v>1360</v>
      </c>
      <c r="AP25" s="783"/>
      <c r="AQ25" s="783"/>
      <c r="AR25" s="783"/>
      <c r="AS25" s="783"/>
      <c r="AT25" s="783"/>
      <c r="AU25" s="783"/>
      <c r="AV25" s="783"/>
      <c r="AW25" s="783"/>
      <c r="AX25" s="783"/>
      <c r="AY25" s="783"/>
      <c r="AZ25" s="783"/>
      <c r="BA25" s="783"/>
      <c r="BB25" s="783"/>
      <c r="BC25" s="783"/>
      <c r="BD25" s="783"/>
      <c r="BE25" s="783"/>
      <c r="BF25" s="783"/>
      <c r="BG25" s="783"/>
      <c r="BH25" s="783"/>
      <c r="BI25" s="783"/>
      <c r="BJ25" s="783"/>
      <c r="BK25" s="783"/>
      <c r="BL25" s="783"/>
      <c r="BM25" s="783"/>
      <c r="BN25" s="783"/>
      <c r="BO25" s="783"/>
      <c r="BP25" s="783"/>
      <c r="BQ25" s="783"/>
      <c r="BR25" s="783"/>
      <c r="BS25" s="783"/>
      <c r="BT25" s="783"/>
      <c r="BU25" s="783"/>
      <c r="BV25" s="783"/>
      <c r="BW25" s="783"/>
      <c r="BX25" s="783"/>
      <c r="BY25" s="783"/>
      <c r="BZ25" s="783"/>
      <c r="CA25" s="783"/>
      <c r="CB25" s="783"/>
      <c r="CC25" s="783"/>
      <c r="CD25" s="783"/>
      <c r="CE25" s="783"/>
      <c r="CF25" s="783"/>
      <c r="CG25" s="783"/>
      <c r="CH25" s="783"/>
      <c r="CI25" s="783"/>
      <c r="CJ25" s="783"/>
      <c r="CK25" s="783"/>
      <c r="CL25" s="783"/>
      <c r="CM25" s="784"/>
      <c r="CQ25" s="3" ph="1"/>
      <c r="CR25" s="3" ph="1"/>
      <c r="CS25" s="3" ph="1"/>
      <c r="CT25" s="3" ph="1"/>
      <c r="CU25" s="3" ph="1"/>
      <c r="CV25" s="3" ph="1"/>
    </row>
    <row r="26" spans="1:100" ht="17.25" customHeight="1" x14ac:dyDescent="0.15">
      <c r="A26" s="328"/>
      <c r="B26" s="328"/>
      <c r="C26" s="328"/>
      <c r="D26" s="328"/>
      <c r="E26" s="328"/>
      <c r="F26" s="336" t="s">
        <v>1616</v>
      </c>
      <c r="G26" s="337"/>
      <c r="H26" s="337"/>
      <c r="I26" s="337"/>
      <c r="J26" s="337"/>
      <c r="K26" s="337"/>
      <c r="L26" s="337"/>
      <c r="M26" s="338"/>
      <c r="N26" s="523"/>
      <c r="O26" s="428" t="s">
        <v>264</v>
      </c>
      <c r="P26" s="428"/>
      <c r="Q26" s="486" t="s">
        <v>951</v>
      </c>
      <c r="R26" s="487"/>
      <c r="S26" s="487"/>
      <c r="T26" s="487"/>
      <c r="U26" s="487"/>
      <c r="V26" s="487"/>
      <c r="W26" s="487"/>
      <c r="X26" s="487"/>
      <c r="Y26" s="487"/>
      <c r="Z26" s="487"/>
      <c r="AA26" s="487"/>
      <c r="AB26" s="487"/>
      <c r="AC26" s="487"/>
      <c r="AD26" s="487"/>
      <c r="AE26" s="487"/>
      <c r="AF26" s="487"/>
      <c r="AG26" s="487"/>
      <c r="AH26" s="487"/>
      <c r="AI26" s="487"/>
      <c r="AJ26" s="487"/>
      <c r="AK26" s="487"/>
      <c r="AL26" s="488"/>
      <c r="AM26" s="5"/>
      <c r="AN26" s="24" t="s">
        <v>16</v>
      </c>
      <c r="AO26" s="655" t="s">
        <v>1573</v>
      </c>
      <c r="AP26" s="655"/>
      <c r="AQ26" s="655"/>
      <c r="AR26" s="655"/>
      <c r="AS26" s="655"/>
      <c r="AT26" s="655"/>
      <c r="AU26" s="655"/>
      <c r="AV26" s="655"/>
      <c r="AW26" s="655"/>
      <c r="AX26" s="655"/>
      <c r="AY26" s="655"/>
      <c r="AZ26" s="655"/>
      <c r="BA26" s="655"/>
      <c r="BB26" s="655"/>
      <c r="BC26" s="655"/>
      <c r="BD26" s="655"/>
      <c r="BE26" s="655"/>
      <c r="BF26" s="655"/>
      <c r="BG26" s="655"/>
      <c r="BH26" s="655"/>
      <c r="BI26" s="655"/>
      <c r="BJ26" s="655"/>
      <c r="BK26" s="655"/>
      <c r="BL26" s="655"/>
      <c r="BM26" s="655"/>
      <c r="BN26" s="655"/>
      <c r="BO26" s="655"/>
      <c r="BP26" s="655"/>
      <c r="BQ26" s="655"/>
      <c r="BR26" s="655"/>
      <c r="BS26" s="655"/>
      <c r="BT26" s="655"/>
      <c r="BU26" s="655"/>
      <c r="BV26" s="655"/>
      <c r="BW26" s="655"/>
      <c r="BX26" s="655"/>
      <c r="BY26" s="655"/>
      <c r="BZ26" s="655"/>
      <c r="CA26" s="655"/>
      <c r="CB26" s="655"/>
      <c r="CC26" s="655"/>
      <c r="CD26" s="655"/>
      <c r="CE26" s="655"/>
      <c r="CF26" s="655"/>
      <c r="CG26" s="655"/>
      <c r="CH26" s="655"/>
      <c r="CI26" s="655"/>
      <c r="CJ26" s="655"/>
      <c r="CK26" s="655"/>
      <c r="CL26" s="655"/>
      <c r="CM26" s="656"/>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1052"/>
      <c r="R27" s="860"/>
      <c r="S27" s="860"/>
      <c r="T27" s="860"/>
      <c r="U27" s="860"/>
      <c r="V27" s="860"/>
      <c r="W27" s="860"/>
      <c r="X27" s="860"/>
      <c r="Y27" s="860"/>
      <c r="Z27" s="860"/>
      <c r="AA27" s="860"/>
      <c r="AB27" s="860"/>
      <c r="AC27" s="860"/>
      <c r="AD27" s="860"/>
      <c r="AE27" s="860"/>
      <c r="AF27" s="860"/>
      <c r="AG27" s="860"/>
      <c r="AH27" s="860"/>
      <c r="AI27" s="860"/>
      <c r="AJ27" s="860"/>
      <c r="AK27" s="860"/>
      <c r="AL27" s="861"/>
      <c r="AM27" s="5"/>
      <c r="AN27" s="25" t="s">
        <v>16</v>
      </c>
      <c r="AO27" s="552" t="s">
        <v>1574</v>
      </c>
      <c r="AP27" s="1214"/>
      <c r="AQ27" s="1214"/>
      <c r="AR27" s="1214"/>
      <c r="AS27" s="1214"/>
      <c r="AT27" s="1214"/>
      <c r="AU27" s="1214"/>
      <c r="AV27" s="1214"/>
      <c r="AW27" s="1214"/>
      <c r="AX27" s="1214"/>
      <c r="AY27" s="1214"/>
      <c r="AZ27" s="1214"/>
      <c r="BA27" s="1214"/>
      <c r="BB27" s="1214"/>
      <c r="BC27" s="1214"/>
      <c r="BD27" s="1214"/>
      <c r="BE27" s="1214"/>
      <c r="BF27" s="1214"/>
      <c r="BG27" s="1214"/>
      <c r="BH27" s="1214"/>
      <c r="BI27" s="1214"/>
      <c r="BJ27" s="1214"/>
      <c r="BK27" s="1214"/>
      <c r="BL27" s="1214"/>
      <c r="BM27" s="1214"/>
      <c r="BN27" s="1214"/>
      <c r="BO27" s="1214"/>
      <c r="BP27" s="1214"/>
      <c r="BQ27" s="1214"/>
      <c r="BR27" s="1214"/>
      <c r="BS27" s="1214"/>
      <c r="BT27" s="1214"/>
      <c r="BU27" s="1214"/>
      <c r="BV27" s="1214"/>
      <c r="BW27" s="1214"/>
      <c r="BX27" s="1214"/>
      <c r="BY27" s="1214"/>
      <c r="BZ27" s="1214"/>
      <c r="CA27" s="1214"/>
      <c r="CB27" s="1214"/>
      <c r="CC27" s="1214"/>
      <c r="CD27" s="1214"/>
      <c r="CE27" s="1214"/>
      <c r="CF27" s="1214"/>
      <c r="CG27" s="1214"/>
      <c r="CH27" s="1214"/>
      <c r="CI27" s="1214"/>
      <c r="CJ27" s="1214"/>
      <c r="CK27" s="1214"/>
      <c r="CL27" s="1214"/>
      <c r="CM27" s="1215"/>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302" t="s">
        <v>179</v>
      </c>
      <c r="B29" s="303"/>
      <c r="C29" s="303"/>
      <c r="D29" s="303"/>
      <c r="E29" s="303"/>
      <c r="F29" s="303"/>
      <c r="G29" s="303"/>
      <c r="H29" s="303"/>
      <c r="I29" s="303"/>
      <c r="J29" s="303"/>
      <c r="K29" s="303"/>
      <c r="L29" s="303"/>
      <c r="M29" s="303"/>
      <c r="N29" s="303"/>
      <c r="O29" s="303"/>
      <c r="P29" s="303"/>
      <c r="Q29" s="303"/>
      <c r="R29" s="303"/>
      <c r="S29" s="303"/>
      <c r="T29" s="303"/>
      <c r="U29" s="303"/>
      <c r="V29" s="303"/>
      <c r="W29" s="303"/>
      <c r="X29" s="303"/>
      <c r="Y29" s="303"/>
      <c r="Z29" s="303"/>
      <c r="AA29" s="303"/>
      <c r="AB29" s="303"/>
      <c r="AC29" s="303"/>
      <c r="AD29" s="303"/>
      <c r="AE29" s="303"/>
      <c r="AF29" s="303"/>
      <c r="AG29" s="303"/>
      <c r="AH29" s="303"/>
      <c r="AI29" s="303"/>
      <c r="AJ29" s="303"/>
      <c r="AK29" s="303"/>
      <c r="AL29" s="304"/>
      <c r="AM29" s="5"/>
      <c r="AN29" s="38" t="s">
        <v>16</v>
      </c>
      <c r="AO29" s="349" t="s">
        <v>1185</v>
      </c>
      <c r="AP29" s="349"/>
      <c r="AQ29" s="349"/>
      <c r="AR29" s="349"/>
      <c r="AS29" s="349"/>
      <c r="AT29" s="349"/>
      <c r="AU29" s="349"/>
      <c r="AV29" s="349"/>
      <c r="AW29" s="349"/>
      <c r="AX29" s="349"/>
      <c r="AY29" s="349"/>
      <c r="AZ29" s="349"/>
      <c r="BA29" s="349"/>
      <c r="BB29" s="349"/>
      <c r="BC29" s="349"/>
      <c r="BD29" s="349"/>
      <c r="BE29" s="349"/>
      <c r="BF29" s="349"/>
      <c r="BG29" s="349"/>
      <c r="BH29" s="349"/>
      <c r="BI29" s="349"/>
      <c r="BJ29" s="349"/>
      <c r="BK29" s="349"/>
      <c r="BL29" s="349"/>
      <c r="BM29" s="349"/>
      <c r="BN29" s="349"/>
      <c r="BO29" s="349"/>
      <c r="BP29" s="350"/>
      <c r="BQ29" s="53"/>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305"/>
      <c r="B30" s="306"/>
      <c r="C30" s="306"/>
      <c r="D30" s="306"/>
      <c r="E30" s="306"/>
      <c r="F30" s="306"/>
      <c r="G30" s="306"/>
      <c r="H30" s="306"/>
      <c r="I30" s="306"/>
      <c r="J30" s="306"/>
      <c r="K30" s="306"/>
      <c r="L30" s="306"/>
      <c r="M30" s="306"/>
      <c r="N30" s="306"/>
      <c r="O30" s="306"/>
      <c r="P30" s="306"/>
      <c r="Q30" s="306"/>
      <c r="R30" s="306"/>
      <c r="S30" s="306"/>
      <c r="T30" s="306"/>
      <c r="U30" s="306"/>
      <c r="V30" s="306"/>
      <c r="W30" s="306"/>
      <c r="X30" s="306"/>
      <c r="Y30" s="306"/>
      <c r="Z30" s="306"/>
      <c r="AA30" s="306"/>
      <c r="AB30" s="306"/>
      <c r="AC30" s="306"/>
      <c r="AD30" s="306"/>
      <c r="AE30" s="306"/>
      <c r="AF30" s="306"/>
      <c r="AG30" s="306"/>
      <c r="AH30" s="306"/>
      <c r="AI30" s="306"/>
      <c r="AJ30" s="306"/>
      <c r="AK30" s="306"/>
      <c r="AL30" s="307"/>
      <c r="AM30" s="5"/>
      <c r="AN30" s="39" t="s">
        <v>16</v>
      </c>
      <c r="AO30" s="672" t="s">
        <v>1186</v>
      </c>
      <c r="AP30" s="672"/>
      <c r="AQ30" s="672"/>
      <c r="AR30" s="672"/>
      <c r="AS30" s="672"/>
      <c r="AT30" s="672"/>
      <c r="AU30" s="672"/>
      <c r="AV30" s="672"/>
      <c r="AW30" s="672"/>
      <c r="AX30" s="672"/>
      <c r="AY30" s="672"/>
      <c r="AZ30" s="672"/>
      <c r="BA30" s="672"/>
      <c r="BB30" s="672"/>
      <c r="BC30" s="672"/>
      <c r="BD30" s="672"/>
      <c r="BE30" s="672"/>
      <c r="BF30" s="672"/>
      <c r="BG30" s="672"/>
      <c r="BH30" s="672"/>
      <c r="BI30" s="672"/>
      <c r="BJ30" s="672"/>
      <c r="BK30" s="672"/>
      <c r="BL30" s="672"/>
      <c r="BM30" s="672"/>
      <c r="BN30" s="672"/>
      <c r="BO30" s="672"/>
      <c r="BP30" s="673"/>
      <c r="BQ30" s="72"/>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308"/>
      <c r="B31" s="309"/>
      <c r="C31" s="309"/>
      <c r="D31" s="309"/>
      <c r="E31" s="309"/>
      <c r="F31" s="309"/>
      <c r="G31" s="309"/>
      <c r="H31" s="309"/>
      <c r="I31" s="309"/>
      <c r="J31" s="309"/>
      <c r="K31" s="309"/>
      <c r="L31" s="309"/>
      <c r="M31" s="309"/>
      <c r="N31" s="309"/>
      <c r="O31" s="309"/>
      <c r="P31" s="309"/>
      <c r="Q31" s="309"/>
      <c r="R31" s="309"/>
      <c r="S31" s="309"/>
      <c r="T31" s="309"/>
      <c r="U31" s="309"/>
      <c r="V31" s="309"/>
      <c r="W31" s="309"/>
      <c r="X31" s="309"/>
      <c r="Y31" s="309"/>
      <c r="Z31" s="309"/>
      <c r="AA31" s="309"/>
      <c r="AB31" s="309"/>
      <c r="AC31" s="309"/>
      <c r="AD31" s="309"/>
      <c r="AE31" s="309"/>
      <c r="AF31" s="309"/>
      <c r="AG31" s="309"/>
      <c r="AH31" s="309"/>
      <c r="AI31" s="309"/>
      <c r="AJ31" s="309"/>
      <c r="AK31" s="309"/>
      <c r="AL31" s="310"/>
      <c r="AM31" s="5"/>
      <c r="AN31" s="39" t="s">
        <v>16</v>
      </c>
      <c r="AO31" s="351" t="s">
        <v>1187</v>
      </c>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54"/>
      <c r="BR31" s="292" t="s">
        <v>265</v>
      </c>
      <c r="BS31" s="293"/>
      <c r="BT31" s="293"/>
      <c r="BU31" s="293"/>
      <c r="BV31" s="293"/>
      <c r="BW31" s="293"/>
      <c r="BX31" s="294"/>
      <c r="BY31" s="292" t="s">
        <v>266</v>
      </c>
      <c r="BZ31" s="293"/>
      <c r="CA31" s="293"/>
      <c r="CB31" s="293"/>
      <c r="CC31" s="293"/>
      <c r="CD31" s="293"/>
      <c r="CE31" s="293"/>
      <c r="CF31" s="293"/>
      <c r="CG31" s="294"/>
      <c r="CH31" s="287" t="s">
        <v>411</v>
      </c>
      <c r="CI31" s="287"/>
      <c r="CJ31" s="287"/>
      <c r="CK31" s="287"/>
      <c r="CL31" s="287"/>
      <c r="CM31" s="287"/>
      <c r="CN31" s="33"/>
      <c r="CQ31" s="3" ph="1"/>
      <c r="CR31" s="3" ph="1"/>
      <c r="CS31" s="3" ph="1"/>
      <c r="CT31" s="3" ph="1"/>
      <c r="CU31" s="3" ph="1"/>
      <c r="CV31" s="3" ph="1"/>
    </row>
    <row r="32" spans="1:100" ht="17.25" customHeight="1" x14ac:dyDescent="0.15">
      <c r="A32" s="518" t="s">
        <v>274</v>
      </c>
      <c r="B32" s="518"/>
      <c r="C32" s="518"/>
      <c r="D32" s="518"/>
      <c r="E32" s="518"/>
      <c r="F32" s="518"/>
      <c r="G32" s="518"/>
      <c r="H32" s="518"/>
      <c r="I32" s="518"/>
      <c r="J32" s="518"/>
      <c r="K32" s="518"/>
      <c r="L32" s="518"/>
      <c r="M32" s="518"/>
      <c r="N32" s="145"/>
      <c r="O32" s="255" t="s">
        <v>275</v>
      </c>
      <c r="P32" s="255"/>
      <c r="Q32" s="255"/>
      <c r="R32" s="255"/>
      <c r="S32" s="255"/>
      <c r="T32" s="255"/>
      <c r="U32" s="255"/>
      <c r="V32" s="255"/>
      <c r="W32" s="255"/>
      <c r="X32" s="255"/>
      <c r="Y32" s="255"/>
      <c r="Z32" s="255"/>
      <c r="AA32" s="255"/>
      <c r="AB32" s="255"/>
      <c r="AC32" s="255"/>
      <c r="AD32" s="255"/>
      <c r="AE32" s="255"/>
      <c r="AF32" s="255"/>
      <c r="AG32" s="255"/>
      <c r="AH32" s="255"/>
      <c r="AI32" s="255"/>
      <c r="AJ32" s="255"/>
      <c r="AK32" s="255"/>
      <c r="AL32" s="255"/>
      <c r="AM32" s="5"/>
      <c r="AN32" s="39" t="s">
        <v>952</v>
      </c>
      <c r="AO32" s="351" t="s">
        <v>1188</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53"/>
      <c r="BR32" s="295"/>
      <c r="BS32" s="296"/>
      <c r="BT32" s="296"/>
      <c r="BU32" s="296"/>
      <c r="BV32" s="296"/>
      <c r="BW32" s="296"/>
      <c r="BX32" s="297"/>
      <c r="BY32" s="295"/>
      <c r="BZ32" s="296"/>
      <c r="CA32" s="296"/>
      <c r="CB32" s="296"/>
      <c r="CC32" s="296"/>
      <c r="CD32" s="296"/>
      <c r="CE32" s="296"/>
      <c r="CF32" s="296"/>
      <c r="CG32" s="297"/>
      <c r="CH32" s="287"/>
      <c r="CI32" s="287"/>
      <c r="CJ32" s="287"/>
      <c r="CK32" s="287"/>
      <c r="CL32" s="287"/>
      <c r="CM32" s="287"/>
      <c r="CQ32" s="3" ph="1"/>
      <c r="CR32" s="3" ph="1"/>
      <c r="CS32" s="3" ph="1"/>
      <c r="CT32" s="3" ph="1"/>
      <c r="CU32" s="3" ph="1"/>
      <c r="CV32" s="3" ph="1"/>
    </row>
    <row r="33" spans="1:100" ht="17.25" customHeight="1" x14ac:dyDescent="0.15">
      <c r="A33" s="311" t="s">
        <v>180</v>
      </c>
      <c r="B33" s="312"/>
      <c r="C33" s="312"/>
      <c r="D33" s="312"/>
      <c r="E33" s="312"/>
      <c r="F33" s="312"/>
      <c r="G33" s="312"/>
      <c r="H33" s="312"/>
      <c r="I33" s="312"/>
      <c r="J33" s="312"/>
      <c r="K33" s="312"/>
      <c r="L33" s="312"/>
      <c r="M33" s="313"/>
      <c r="N33" s="145"/>
      <c r="O33" s="486" t="s">
        <v>69</v>
      </c>
      <c r="P33" s="487"/>
      <c r="Q33" s="487"/>
      <c r="R33" s="487"/>
      <c r="S33" s="487"/>
      <c r="T33" s="487"/>
      <c r="U33" s="487"/>
      <c r="V33" s="487"/>
      <c r="W33" s="487"/>
      <c r="X33" s="487"/>
      <c r="Y33" s="487"/>
      <c r="Z33" s="487"/>
      <c r="AA33" s="487"/>
      <c r="AB33" s="487"/>
      <c r="AC33" s="487"/>
      <c r="AD33" s="487"/>
      <c r="AE33" s="487"/>
      <c r="AF33" s="487"/>
      <c r="AG33" s="487"/>
      <c r="AH33" s="487"/>
      <c r="AI33" s="487"/>
      <c r="AJ33" s="487"/>
      <c r="AK33" s="487"/>
      <c r="AL33" s="488"/>
      <c r="AM33" s="5"/>
      <c r="AN33" s="40" t="s">
        <v>16</v>
      </c>
      <c r="AO33" s="353" t="s">
        <v>1184</v>
      </c>
      <c r="AP33" s="353"/>
      <c r="AQ33" s="353"/>
      <c r="AR33" s="353"/>
      <c r="AS33" s="353"/>
      <c r="AT33" s="353"/>
      <c r="AU33" s="353"/>
      <c r="AV33" s="353"/>
      <c r="AW33" s="353"/>
      <c r="AX33" s="353"/>
      <c r="AY33" s="353"/>
      <c r="AZ33" s="353"/>
      <c r="BA33" s="353"/>
      <c r="BB33" s="353"/>
      <c r="BC33" s="353"/>
      <c r="BD33" s="353"/>
      <c r="BE33" s="353"/>
      <c r="BF33" s="353"/>
      <c r="BG33" s="353"/>
      <c r="BH33" s="353"/>
      <c r="BI33" s="353"/>
      <c r="BJ33" s="353"/>
      <c r="BK33" s="353"/>
      <c r="BL33" s="353"/>
      <c r="BM33" s="353"/>
      <c r="BN33" s="353"/>
      <c r="BO33" s="353"/>
      <c r="BP33" s="354"/>
      <c r="BQ33" s="72"/>
      <c r="BR33" s="292" t="s">
        <v>267</v>
      </c>
      <c r="BS33" s="293"/>
      <c r="BT33" s="293"/>
      <c r="BU33" s="293"/>
      <c r="BV33" s="293"/>
      <c r="BW33" s="293"/>
      <c r="BX33" s="294"/>
      <c r="BY33" s="284">
        <v>530</v>
      </c>
      <c r="BZ33" s="285"/>
      <c r="CA33" s="285"/>
      <c r="CB33" s="285"/>
      <c r="CC33" s="285"/>
      <c r="CD33" s="285"/>
      <c r="CE33" s="285"/>
      <c r="CF33" s="285"/>
      <c r="CG33" s="288"/>
      <c r="CH33" s="286">
        <v>2.79447</v>
      </c>
      <c r="CI33" s="286"/>
      <c r="CJ33" s="286"/>
      <c r="CK33" s="286"/>
      <c r="CL33" s="286"/>
      <c r="CM33" s="286"/>
      <c r="CQ33" s="3" ph="1"/>
      <c r="CR33" s="3" ph="1"/>
      <c r="CS33" s="3" ph="1"/>
      <c r="CT33" s="3" ph="1"/>
      <c r="CU33" s="3" ph="1"/>
      <c r="CV33" s="3" ph="1"/>
    </row>
    <row r="34" spans="1:100" ht="17.25" customHeight="1" x14ac:dyDescent="0.15">
      <c r="A34" s="251">
        <v>36141</v>
      </c>
      <c r="B34" s="252"/>
      <c r="C34" s="252"/>
      <c r="D34" s="252"/>
      <c r="E34" s="252"/>
      <c r="F34" s="252"/>
      <c r="G34" s="252"/>
      <c r="H34" s="252"/>
      <c r="I34" s="252"/>
      <c r="J34" s="252"/>
      <c r="K34" s="252"/>
      <c r="L34" s="252"/>
      <c r="M34" s="253"/>
      <c r="N34" s="129"/>
      <c r="O34" s="1148" t="s">
        <v>70</v>
      </c>
      <c r="P34" s="655"/>
      <c r="Q34" s="655"/>
      <c r="R34" s="655"/>
      <c r="S34" s="655"/>
      <c r="T34" s="655"/>
      <c r="U34" s="655"/>
      <c r="V34" s="655"/>
      <c r="W34" s="655"/>
      <c r="X34" s="655"/>
      <c r="Y34" s="655"/>
      <c r="Z34" s="655"/>
      <c r="AA34" s="655"/>
      <c r="AB34" s="655"/>
      <c r="AC34" s="655"/>
      <c r="AD34" s="655"/>
      <c r="AE34" s="655"/>
      <c r="AF34" s="655"/>
      <c r="AG34" s="655"/>
      <c r="AH34" s="655"/>
      <c r="AI34" s="655"/>
      <c r="AJ34" s="655"/>
      <c r="AK34" s="655"/>
      <c r="AL34" s="656"/>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24" t="s">
        <v>298</v>
      </c>
      <c r="B35" s="325"/>
      <c r="C35" s="325"/>
      <c r="D35" s="325"/>
      <c r="E35" s="325"/>
      <c r="F35" s="325"/>
      <c r="G35" s="325"/>
      <c r="H35" s="325"/>
      <c r="I35" s="325"/>
      <c r="J35" s="325"/>
      <c r="K35" s="325"/>
      <c r="L35" s="325"/>
      <c r="M35" s="326"/>
      <c r="N35" s="129"/>
      <c r="O35" s="1067" t="s">
        <v>72</v>
      </c>
      <c r="P35" s="556"/>
      <c r="Q35" s="556"/>
      <c r="R35" s="556"/>
      <c r="S35" s="556"/>
      <c r="T35" s="556"/>
      <c r="U35" s="556"/>
      <c r="V35" s="556"/>
      <c r="W35" s="556"/>
      <c r="X35" s="556"/>
      <c r="Y35" s="556"/>
      <c r="Z35" s="556"/>
      <c r="AA35" s="556"/>
      <c r="AB35" s="556"/>
      <c r="AC35" s="556"/>
      <c r="AD35" s="556"/>
      <c r="AE35" s="556"/>
      <c r="AF35" s="556"/>
      <c r="AG35" s="556"/>
      <c r="AH35" s="556"/>
      <c r="AI35" s="556"/>
      <c r="AJ35" s="556"/>
      <c r="AK35" s="556"/>
      <c r="AL35" s="557"/>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5796</v>
      </c>
      <c r="BZ35" s="681"/>
      <c r="CA35" s="682"/>
      <c r="CB35" s="682"/>
      <c r="CC35" s="682"/>
      <c r="CD35" s="682"/>
      <c r="CE35" s="682"/>
      <c r="CF35" s="682"/>
      <c r="CG35" s="682"/>
      <c r="CH35" s="683">
        <v>30.559950000000001</v>
      </c>
      <c r="CI35" s="683"/>
      <c r="CJ35" s="683"/>
      <c r="CK35" s="683"/>
      <c r="CL35" s="683"/>
      <c r="CM35" s="683"/>
      <c r="CQ35" s="3" ph="1"/>
    </row>
    <row r="36" spans="1:100" ht="17.25" customHeight="1" x14ac:dyDescent="0.15">
      <c r="A36" s="251">
        <v>31218</v>
      </c>
      <c r="B36" s="252"/>
      <c r="C36" s="252"/>
      <c r="D36" s="252"/>
      <c r="E36" s="252"/>
      <c r="F36" s="252"/>
      <c r="G36" s="252"/>
      <c r="H36" s="252"/>
      <c r="I36" s="252"/>
      <c r="J36" s="252"/>
      <c r="K36" s="252"/>
      <c r="L36" s="252"/>
      <c r="M36" s="253"/>
      <c r="N36" s="129"/>
      <c r="O36" s="1148" t="s">
        <v>181</v>
      </c>
      <c r="P36" s="655"/>
      <c r="Q36" s="655"/>
      <c r="R36" s="655"/>
      <c r="S36" s="655"/>
      <c r="T36" s="655"/>
      <c r="U36" s="655"/>
      <c r="V36" s="655"/>
      <c r="W36" s="655"/>
      <c r="X36" s="655"/>
      <c r="Y36" s="655"/>
      <c r="Z36" s="655"/>
      <c r="AA36" s="655"/>
      <c r="AB36" s="655"/>
      <c r="AC36" s="655"/>
      <c r="AD36" s="655"/>
      <c r="AE36" s="655"/>
      <c r="AF36" s="655"/>
      <c r="AG36" s="655"/>
      <c r="AH36" s="655"/>
      <c r="AI36" s="655"/>
      <c r="AJ36" s="655"/>
      <c r="AK36" s="655"/>
      <c r="AL36" s="656"/>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216" t="s">
        <v>316</v>
      </c>
      <c r="B37" s="217"/>
      <c r="C37" s="217"/>
      <c r="D37" s="217"/>
      <c r="E37" s="217"/>
      <c r="F37" s="217"/>
      <c r="G37" s="217"/>
      <c r="H37" s="217"/>
      <c r="I37" s="217"/>
      <c r="J37" s="217"/>
      <c r="K37" s="217"/>
      <c r="L37" s="217"/>
      <c r="M37" s="218"/>
      <c r="N37" s="129"/>
      <c r="O37" s="1148" t="s">
        <v>182</v>
      </c>
      <c r="P37" s="655"/>
      <c r="Q37" s="655"/>
      <c r="R37" s="655"/>
      <c r="S37" s="655"/>
      <c r="T37" s="655"/>
      <c r="U37" s="655"/>
      <c r="V37" s="655"/>
      <c r="W37" s="655"/>
      <c r="X37" s="655"/>
      <c r="Y37" s="655"/>
      <c r="Z37" s="655"/>
      <c r="AA37" s="655"/>
      <c r="AB37" s="655"/>
      <c r="AC37" s="655"/>
      <c r="AD37" s="655"/>
      <c r="AE37" s="655"/>
      <c r="AF37" s="655"/>
      <c r="AG37" s="655"/>
      <c r="AH37" s="655"/>
      <c r="AI37" s="655"/>
      <c r="AJ37" s="655"/>
      <c r="AK37" s="655"/>
      <c r="AL37" s="656"/>
      <c r="AM37" s="5"/>
      <c r="AN37" s="287" t="s">
        <v>399</v>
      </c>
      <c r="AO37" s="287"/>
      <c r="AP37" s="287"/>
      <c r="AQ37" s="287"/>
      <c r="AR37" s="287"/>
      <c r="AS37" s="287"/>
      <c r="AT37" s="287"/>
      <c r="AU37" s="287"/>
      <c r="AV37" s="287"/>
      <c r="AW37" s="681">
        <v>43306</v>
      </c>
      <c r="AX37" s="681"/>
      <c r="AY37" s="681"/>
      <c r="AZ37" s="681"/>
      <c r="BA37" s="681"/>
      <c r="BB37" s="681"/>
      <c r="BC37" s="681"/>
      <c r="BD37" s="681"/>
      <c r="BE37" s="681"/>
      <c r="BF37" s="681"/>
      <c r="BG37" s="681">
        <v>16245</v>
      </c>
      <c r="BH37" s="681"/>
      <c r="BI37" s="681"/>
      <c r="BJ37" s="681"/>
      <c r="BK37" s="681"/>
      <c r="BL37" s="681"/>
      <c r="BM37" s="681"/>
      <c r="BN37" s="681"/>
      <c r="BO37" s="681"/>
      <c r="BP37" s="681"/>
      <c r="BQ37" s="149"/>
      <c r="BR37" s="680" t="s">
        <v>273</v>
      </c>
      <c r="BS37" s="680"/>
      <c r="BT37" s="680"/>
      <c r="BU37" s="680"/>
      <c r="BV37" s="680"/>
      <c r="BW37" s="680"/>
      <c r="BX37" s="680"/>
      <c r="BY37" s="681">
        <v>12640</v>
      </c>
      <c r="BZ37" s="681"/>
      <c r="CA37" s="682"/>
      <c r="CB37" s="682"/>
      <c r="CC37" s="682"/>
      <c r="CD37" s="682"/>
      <c r="CE37" s="682"/>
      <c r="CF37" s="682"/>
      <c r="CG37" s="682"/>
      <c r="CH37" s="683">
        <v>66.645579999999995</v>
      </c>
      <c r="CI37" s="683"/>
      <c r="CJ37" s="683"/>
      <c r="CK37" s="683"/>
      <c r="CL37" s="683"/>
      <c r="CM37" s="683"/>
      <c r="CQ37" s="3" ph="1"/>
    </row>
    <row r="38" spans="1:100" ht="17.25" customHeight="1" x14ac:dyDescent="0.15">
      <c r="A38" s="251">
        <v>26625</v>
      </c>
      <c r="B38" s="252"/>
      <c r="C38" s="252"/>
      <c r="D38" s="252"/>
      <c r="E38" s="252"/>
      <c r="F38" s="252"/>
      <c r="G38" s="252"/>
      <c r="H38" s="252"/>
      <c r="I38" s="252"/>
      <c r="J38" s="252"/>
      <c r="K38" s="252"/>
      <c r="L38" s="252"/>
      <c r="M38" s="253"/>
      <c r="N38" s="152"/>
      <c r="O38" s="1148" t="s">
        <v>73</v>
      </c>
      <c r="P38" s="655"/>
      <c r="Q38" s="655"/>
      <c r="R38" s="655"/>
      <c r="S38" s="655"/>
      <c r="T38" s="655"/>
      <c r="U38" s="655"/>
      <c r="V38" s="655"/>
      <c r="W38" s="655"/>
      <c r="X38" s="655"/>
      <c r="Y38" s="655"/>
      <c r="Z38" s="655"/>
      <c r="AA38" s="655"/>
      <c r="AB38" s="655"/>
      <c r="AC38" s="655"/>
      <c r="AD38" s="655"/>
      <c r="AE38" s="655"/>
      <c r="AF38" s="655"/>
      <c r="AG38" s="655"/>
      <c r="AH38" s="655"/>
      <c r="AI38" s="655"/>
      <c r="AJ38" s="655"/>
      <c r="AK38" s="655"/>
      <c r="AL38" s="656"/>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16" t="s">
        <v>183</v>
      </c>
      <c r="B39" s="217"/>
      <c r="C39" s="217"/>
      <c r="D39" s="217"/>
      <c r="E39" s="217"/>
      <c r="F39" s="217"/>
      <c r="G39" s="217"/>
      <c r="H39" s="217"/>
      <c r="I39" s="217"/>
      <c r="J39" s="217"/>
      <c r="K39" s="217"/>
      <c r="L39" s="217"/>
      <c r="M39" s="218"/>
      <c r="N39" s="144"/>
      <c r="O39" s="1067" t="s">
        <v>74</v>
      </c>
      <c r="P39" s="556"/>
      <c r="Q39" s="556"/>
      <c r="R39" s="556"/>
      <c r="S39" s="556"/>
      <c r="T39" s="556"/>
      <c r="U39" s="556"/>
      <c r="V39" s="556"/>
      <c r="W39" s="556"/>
      <c r="X39" s="556"/>
      <c r="Y39" s="556"/>
      <c r="Z39" s="556"/>
      <c r="AA39" s="556"/>
      <c r="AB39" s="556"/>
      <c r="AC39" s="556"/>
      <c r="AD39" s="556"/>
      <c r="AE39" s="556"/>
      <c r="AF39" s="556"/>
      <c r="AG39" s="556"/>
      <c r="AH39" s="556"/>
      <c r="AI39" s="556"/>
      <c r="AJ39" s="556"/>
      <c r="AK39" s="556"/>
      <c r="AL39" s="557"/>
      <c r="AM39" s="5"/>
      <c r="AN39" s="300" t="s">
        <v>1059</v>
      </c>
      <c r="AO39" s="300"/>
      <c r="AP39" s="300"/>
      <c r="AQ39" s="300"/>
      <c r="AR39" s="300"/>
      <c r="AS39" s="300"/>
      <c r="AT39" s="300"/>
      <c r="AU39" s="300"/>
      <c r="AV39" s="300"/>
      <c r="AW39" s="681">
        <v>40841</v>
      </c>
      <c r="AX39" s="681"/>
      <c r="AY39" s="681"/>
      <c r="AZ39" s="682"/>
      <c r="BA39" s="682"/>
      <c r="BB39" s="682"/>
      <c r="BC39" s="682"/>
      <c r="BD39" s="682"/>
      <c r="BE39" s="682"/>
      <c r="BF39" s="682"/>
      <c r="BG39" s="681">
        <v>16285</v>
      </c>
      <c r="BH39" s="681"/>
      <c r="BI39" s="681"/>
      <c r="BJ39" s="681"/>
      <c r="BK39" s="681"/>
      <c r="BL39" s="681"/>
      <c r="BM39" s="681"/>
      <c r="BN39" s="681"/>
      <c r="BO39" s="681"/>
      <c r="BP39" s="681"/>
      <c r="BQ39" s="149"/>
      <c r="BR39" s="301" t="s">
        <v>1119</v>
      </c>
      <c r="BS39" s="293"/>
      <c r="BT39" s="293"/>
      <c r="BU39" s="293"/>
      <c r="BV39" s="293"/>
      <c r="BW39" s="293"/>
      <c r="BX39" s="294"/>
      <c r="BY39" s="681">
        <v>19326</v>
      </c>
      <c r="BZ39" s="681"/>
      <c r="CA39" s="682"/>
      <c r="CB39" s="682"/>
      <c r="CC39" s="682"/>
      <c r="CD39" s="682"/>
      <c r="CE39" s="682"/>
      <c r="CF39" s="682"/>
      <c r="CG39" s="682"/>
      <c r="CH39" s="683">
        <v>100</v>
      </c>
      <c r="CI39" s="683"/>
      <c r="CJ39" s="683"/>
      <c r="CK39" s="683"/>
      <c r="CL39" s="683"/>
      <c r="CM39" s="683"/>
    </row>
    <row r="40" spans="1:100" ht="17.25" customHeight="1" x14ac:dyDescent="0.15">
      <c r="A40" s="251">
        <v>23068</v>
      </c>
      <c r="B40" s="252"/>
      <c r="C40" s="252"/>
      <c r="D40" s="252"/>
      <c r="E40" s="252"/>
      <c r="F40" s="252"/>
      <c r="G40" s="252"/>
      <c r="H40" s="252"/>
      <c r="I40" s="252"/>
      <c r="J40" s="252"/>
      <c r="K40" s="252"/>
      <c r="L40" s="252"/>
      <c r="M40" s="253"/>
      <c r="N40" s="143"/>
      <c r="O40" s="1148" t="s">
        <v>184</v>
      </c>
      <c r="P40" s="655"/>
      <c r="Q40" s="655"/>
      <c r="R40" s="655"/>
      <c r="S40" s="655"/>
      <c r="T40" s="655"/>
      <c r="U40" s="655"/>
      <c r="V40" s="655"/>
      <c r="W40" s="655"/>
      <c r="X40" s="655"/>
      <c r="Y40" s="655"/>
      <c r="Z40" s="655"/>
      <c r="AA40" s="655"/>
      <c r="AB40" s="655"/>
      <c r="AC40" s="655"/>
      <c r="AD40" s="655"/>
      <c r="AE40" s="655"/>
      <c r="AF40" s="655"/>
      <c r="AG40" s="655"/>
      <c r="AH40" s="655"/>
      <c r="AI40" s="655"/>
      <c r="AJ40" s="655"/>
      <c r="AK40" s="655"/>
      <c r="AL40" s="656"/>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752"/>
      <c r="B41" s="753"/>
      <c r="C41" s="753"/>
      <c r="D41" s="753"/>
      <c r="E41" s="753"/>
      <c r="F41" s="753"/>
      <c r="G41" s="753"/>
      <c r="H41" s="753"/>
      <c r="I41" s="753"/>
      <c r="J41" s="753"/>
      <c r="K41" s="753"/>
      <c r="L41" s="753"/>
      <c r="M41" s="754"/>
      <c r="N41" s="174"/>
      <c r="O41" s="1067" t="s">
        <v>369</v>
      </c>
      <c r="P41" s="556"/>
      <c r="Q41" s="556"/>
      <c r="R41" s="556"/>
      <c r="S41" s="556"/>
      <c r="T41" s="556"/>
      <c r="U41" s="556"/>
      <c r="V41" s="556"/>
      <c r="W41" s="556"/>
      <c r="X41" s="556"/>
      <c r="Y41" s="556"/>
      <c r="Z41" s="556"/>
      <c r="AA41" s="556"/>
      <c r="AB41" s="556"/>
      <c r="AC41" s="556"/>
      <c r="AD41" s="556"/>
      <c r="AE41" s="556"/>
      <c r="AF41" s="556"/>
      <c r="AG41" s="556"/>
      <c r="AH41" s="556"/>
      <c r="AI41" s="556"/>
      <c r="AJ41" s="556"/>
      <c r="AK41" s="556"/>
      <c r="AL41" s="557"/>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752"/>
      <c r="B42" s="753"/>
      <c r="C42" s="753"/>
      <c r="D42" s="753"/>
      <c r="E42" s="753"/>
      <c r="F42" s="753"/>
      <c r="G42" s="753"/>
      <c r="H42" s="753"/>
      <c r="I42" s="753"/>
      <c r="J42" s="753"/>
      <c r="K42" s="753"/>
      <c r="L42" s="753"/>
      <c r="M42" s="754"/>
      <c r="N42" s="174"/>
      <c r="O42" s="1067" t="s">
        <v>144</v>
      </c>
      <c r="P42" s="556"/>
      <c r="Q42" s="556"/>
      <c r="R42" s="556"/>
      <c r="S42" s="556"/>
      <c r="T42" s="556"/>
      <c r="U42" s="556"/>
      <c r="V42" s="556"/>
      <c r="W42" s="556"/>
      <c r="X42" s="556"/>
      <c r="Y42" s="556"/>
      <c r="Z42" s="556"/>
      <c r="AA42" s="556"/>
      <c r="AB42" s="556"/>
      <c r="AC42" s="556"/>
      <c r="AD42" s="556"/>
      <c r="AE42" s="556"/>
      <c r="AF42" s="556"/>
      <c r="AG42" s="556"/>
      <c r="AH42" s="556"/>
      <c r="AI42" s="556"/>
      <c r="AJ42" s="556"/>
      <c r="AK42" s="556"/>
      <c r="AL42" s="557"/>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752"/>
      <c r="B43" s="753"/>
      <c r="C43" s="753"/>
      <c r="D43" s="753"/>
      <c r="E43" s="753"/>
      <c r="F43" s="753"/>
      <c r="G43" s="753"/>
      <c r="H43" s="753"/>
      <c r="I43" s="753"/>
      <c r="J43" s="753"/>
      <c r="K43" s="753"/>
      <c r="L43" s="753"/>
      <c r="M43" s="754"/>
      <c r="N43" s="175"/>
      <c r="O43" s="1067" t="s">
        <v>953</v>
      </c>
      <c r="P43" s="556"/>
      <c r="Q43" s="556"/>
      <c r="R43" s="556"/>
      <c r="S43" s="556"/>
      <c r="T43" s="556"/>
      <c r="U43" s="556"/>
      <c r="V43" s="556"/>
      <c r="W43" s="556"/>
      <c r="X43" s="556"/>
      <c r="Y43" s="556"/>
      <c r="Z43" s="556"/>
      <c r="AA43" s="556"/>
      <c r="AB43" s="556"/>
      <c r="AC43" s="556"/>
      <c r="AD43" s="556"/>
      <c r="AE43" s="556"/>
      <c r="AF43" s="556"/>
      <c r="AG43" s="556"/>
      <c r="AH43" s="556"/>
      <c r="AI43" s="556"/>
      <c r="AJ43" s="556"/>
      <c r="AK43" s="556"/>
      <c r="AL43" s="557"/>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752"/>
      <c r="B44" s="753"/>
      <c r="C44" s="753"/>
      <c r="D44" s="753"/>
      <c r="E44" s="753"/>
      <c r="F44" s="753"/>
      <c r="G44" s="753"/>
      <c r="H44" s="753"/>
      <c r="I44" s="753"/>
      <c r="J44" s="753"/>
      <c r="K44" s="753"/>
      <c r="L44" s="753"/>
      <c r="M44" s="754"/>
      <c r="N44" s="143"/>
      <c r="O44" s="1148" t="s">
        <v>146</v>
      </c>
      <c r="P44" s="655"/>
      <c r="Q44" s="655"/>
      <c r="R44" s="655"/>
      <c r="S44" s="655"/>
      <c r="T44" s="655"/>
      <c r="U44" s="655"/>
      <c r="V44" s="655"/>
      <c r="W44" s="655"/>
      <c r="X44" s="655"/>
      <c r="Y44" s="655"/>
      <c r="Z44" s="655"/>
      <c r="AA44" s="655"/>
      <c r="AB44" s="655"/>
      <c r="AC44" s="655"/>
      <c r="AD44" s="655"/>
      <c r="AE44" s="655"/>
      <c r="AF44" s="655"/>
      <c r="AG44" s="655"/>
      <c r="AH44" s="655"/>
      <c r="AI44" s="655"/>
      <c r="AJ44" s="655"/>
      <c r="AK44" s="655"/>
      <c r="AL44" s="656"/>
      <c r="AM44" s="5"/>
      <c r="AN44" s="710">
        <v>529.6</v>
      </c>
      <c r="AO44" s="711"/>
      <c r="AP44" s="711"/>
      <c r="AQ44" s="711"/>
      <c r="AR44" s="711"/>
      <c r="AS44" s="727" t="s">
        <v>383</v>
      </c>
      <c r="AT44" s="727"/>
      <c r="AU44" s="727"/>
      <c r="AV44" s="728"/>
      <c r="AW44" s="710">
        <v>33.200000000000003</v>
      </c>
      <c r="AX44" s="711"/>
      <c r="AY44" s="711"/>
      <c r="AZ44" s="711"/>
      <c r="BA44" s="711"/>
      <c r="BB44" s="711"/>
      <c r="BC44" s="706" t="s">
        <v>384</v>
      </c>
      <c r="BD44" s="706"/>
      <c r="BE44" s="706"/>
      <c r="BF44" s="707"/>
      <c r="BG44" s="710">
        <v>86.9</v>
      </c>
      <c r="BH44" s="711"/>
      <c r="BI44" s="711"/>
      <c r="BJ44" s="711"/>
      <c r="BK44" s="711"/>
      <c r="BL44" s="711"/>
      <c r="BM44" s="706" t="s">
        <v>384</v>
      </c>
      <c r="BN44" s="706"/>
      <c r="BO44" s="706"/>
      <c r="BP44" s="707"/>
      <c r="BQ44" s="130"/>
      <c r="BR44" s="714">
        <v>77.12</v>
      </c>
      <c r="BS44" s="715"/>
      <c r="BT44" s="715"/>
      <c r="BU44" s="715"/>
      <c r="BV44" s="715"/>
      <c r="BW44" s="715"/>
      <c r="BX44" s="715"/>
      <c r="BY44" s="696" t="s">
        <v>385</v>
      </c>
      <c r="BZ44" s="696"/>
      <c r="CA44" s="696"/>
      <c r="CB44" s="697"/>
      <c r="CC44" s="718">
        <v>729</v>
      </c>
      <c r="CD44" s="719"/>
      <c r="CE44" s="719"/>
      <c r="CF44" s="719"/>
      <c r="CG44" s="719"/>
      <c r="CH44" s="719"/>
      <c r="CI44" s="719"/>
      <c r="CJ44" s="696" t="s">
        <v>386</v>
      </c>
      <c r="CK44" s="696"/>
      <c r="CL44" s="696"/>
      <c r="CM44" s="697"/>
    </row>
    <row r="45" spans="1:100" ht="17.25" customHeight="1" x14ac:dyDescent="0.15">
      <c r="A45" s="752"/>
      <c r="B45" s="753"/>
      <c r="C45" s="753"/>
      <c r="D45" s="753"/>
      <c r="E45" s="753"/>
      <c r="F45" s="753"/>
      <c r="G45" s="753"/>
      <c r="H45" s="753"/>
      <c r="I45" s="753"/>
      <c r="J45" s="753"/>
      <c r="K45" s="753"/>
      <c r="L45" s="753"/>
      <c r="M45" s="754"/>
      <c r="N45" s="144"/>
      <c r="O45" s="1067" t="s">
        <v>406</v>
      </c>
      <c r="P45" s="556"/>
      <c r="Q45" s="556"/>
      <c r="R45" s="556"/>
      <c r="S45" s="556"/>
      <c r="T45" s="556"/>
      <c r="U45" s="556"/>
      <c r="V45" s="556"/>
      <c r="W45" s="556"/>
      <c r="X45" s="556"/>
      <c r="Y45" s="556"/>
      <c r="Z45" s="556"/>
      <c r="AA45" s="556"/>
      <c r="AB45" s="556"/>
      <c r="AC45" s="556"/>
      <c r="AD45" s="556"/>
      <c r="AE45" s="556"/>
      <c r="AF45" s="556"/>
      <c r="AG45" s="556"/>
      <c r="AH45" s="556"/>
      <c r="AI45" s="556"/>
      <c r="AJ45" s="556"/>
      <c r="AK45" s="556"/>
      <c r="AL45" s="557"/>
      <c r="AM45" s="5"/>
      <c r="AN45" s="712"/>
      <c r="AO45" s="713"/>
      <c r="AP45" s="713"/>
      <c r="AQ45" s="713"/>
      <c r="AR45" s="713"/>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752"/>
      <c r="B46" s="753"/>
      <c r="C46" s="753"/>
      <c r="D46" s="753"/>
      <c r="E46" s="753"/>
      <c r="F46" s="753"/>
      <c r="G46" s="753"/>
      <c r="H46" s="753"/>
      <c r="I46" s="753"/>
      <c r="J46" s="753"/>
      <c r="K46" s="753"/>
      <c r="L46" s="753"/>
      <c r="M46" s="754"/>
      <c r="N46" s="143"/>
      <c r="O46" s="771" t="s">
        <v>954</v>
      </c>
      <c r="P46" s="772"/>
      <c r="Q46" s="772"/>
      <c r="R46" s="772"/>
      <c r="S46" s="772"/>
      <c r="T46" s="772"/>
      <c r="U46" s="772"/>
      <c r="V46" s="772"/>
      <c r="W46" s="772"/>
      <c r="X46" s="772"/>
      <c r="Y46" s="772"/>
      <c r="Z46" s="772"/>
      <c r="AA46" s="772"/>
      <c r="AB46" s="772"/>
      <c r="AC46" s="772"/>
      <c r="AD46" s="772"/>
      <c r="AE46" s="772"/>
      <c r="AF46" s="772"/>
      <c r="AG46" s="772"/>
      <c r="AH46" s="772"/>
      <c r="AI46" s="772"/>
      <c r="AJ46" s="772"/>
      <c r="AK46" s="772"/>
      <c r="AL46" s="773"/>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217"/>
      <c r="C47" s="217"/>
      <c r="D47" s="217"/>
      <c r="E47" s="217"/>
      <c r="F47" s="217"/>
      <c r="G47" s="217"/>
      <c r="H47" s="217"/>
      <c r="I47" s="217"/>
      <c r="J47" s="217"/>
      <c r="K47" s="217"/>
      <c r="L47" s="217"/>
      <c r="M47" s="218"/>
      <c r="N47" s="144"/>
      <c r="O47" s="1067" t="s">
        <v>407</v>
      </c>
      <c r="P47" s="556"/>
      <c r="Q47" s="556"/>
      <c r="R47" s="556"/>
      <c r="S47" s="556"/>
      <c r="T47" s="556"/>
      <c r="U47" s="556"/>
      <c r="V47" s="556"/>
      <c r="W47" s="556"/>
      <c r="X47" s="556"/>
      <c r="Y47" s="556"/>
      <c r="Z47" s="556"/>
      <c r="AA47" s="556"/>
      <c r="AB47" s="556"/>
      <c r="AC47" s="556"/>
      <c r="AD47" s="556"/>
      <c r="AE47" s="556"/>
      <c r="AF47" s="556"/>
      <c r="AG47" s="556"/>
      <c r="AH47" s="556"/>
      <c r="AI47" s="556"/>
      <c r="AJ47" s="556"/>
      <c r="AK47" s="556"/>
      <c r="AL47" s="557"/>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16"/>
      <c r="B48" s="217"/>
      <c r="C48" s="217"/>
      <c r="D48" s="217"/>
      <c r="E48" s="217"/>
      <c r="F48" s="217"/>
      <c r="G48" s="217"/>
      <c r="H48" s="217"/>
      <c r="I48" s="217"/>
      <c r="J48" s="217"/>
      <c r="K48" s="217"/>
      <c r="L48" s="217"/>
      <c r="M48" s="218"/>
      <c r="N48" s="143"/>
      <c r="O48" s="1067" t="s">
        <v>955</v>
      </c>
      <c r="P48" s="556"/>
      <c r="Q48" s="556"/>
      <c r="R48" s="556"/>
      <c r="S48" s="556"/>
      <c r="T48" s="556"/>
      <c r="U48" s="556"/>
      <c r="V48" s="556"/>
      <c r="W48" s="556"/>
      <c r="X48" s="556"/>
      <c r="Y48" s="556"/>
      <c r="Z48" s="556"/>
      <c r="AA48" s="556"/>
      <c r="AB48" s="556"/>
      <c r="AC48" s="556"/>
      <c r="AD48" s="556"/>
      <c r="AE48" s="556"/>
      <c r="AF48" s="556"/>
      <c r="AG48" s="556"/>
      <c r="AH48" s="556"/>
      <c r="AI48" s="556"/>
      <c r="AJ48" s="556"/>
      <c r="AK48" s="556"/>
      <c r="AL48" s="557"/>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217"/>
      <c r="C49" s="217"/>
      <c r="D49" s="217"/>
      <c r="E49" s="217"/>
      <c r="F49" s="217"/>
      <c r="G49" s="217"/>
      <c r="H49" s="217"/>
      <c r="I49" s="217"/>
      <c r="J49" s="217"/>
      <c r="K49" s="217"/>
      <c r="L49" s="217"/>
      <c r="M49" s="218"/>
      <c r="N49" s="144"/>
      <c r="O49" s="771" t="s">
        <v>448</v>
      </c>
      <c r="P49" s="772"/>
      <c r="Q49" s="772"/>
      <c r="R49" s="772"/>
      <c r="S49" s="772"/>
      <c r="T49" s="772"/>
      <c r="U49" s="772"/>
      <c r="V49" s="772"/>
      <c r="W49" s="772"/>
      <c r="X49" s="772"/>
      <c r="Y49" s="772"/>
      <c r="Z49" s="772"/>
      <c r="AA49" s="772"/>
      <c r="AB49" s="772"/>
      <c r="AC49" s="772"/>
      <c r="AD49" s="772"/>
      <c r="AE49" s="772"/>
      <c r="AF49" s="772"/>
      <c r="AG49" s="772"/>
      <c r="AH49" s="772"/>
      <c r="AI49" s="772"/>
      <c r="AJ49" s="772"/>
      <c r="AK49" s="772"/>
      <c r="AL49" s="773"/>
      <c r="AM49" s="5"/>
      <c r="AN49" s="223">
        <v>9438.1110000000008</v>
      </c>
      <c r="AO49" s="224"/>
      <c r="AP49" s="224"/>
      <c r="AQ49" s="224"/>
      <c r="AR49" s="224"/>
      <c r="AS49" s="224"/>
      <c r="AT49" s="225"/>
      <c r="AU49" s="229">
        <v>0.78400000000000003</v>
      </c>
      <c r="AV49" s="230"/>
      <c r="AW49" s="230"/>
      <c r="AX49" s="230"/>
      <c r="AY49" s="231"/>
      <c r="AZ49" s="210">
        <v>9.5</v>
      </c>
      <c r="BA49" s="211"/>
      <c r="BB49" s="211"/>
      <c r="BC49" s="211"/>
      <c r="BD49" s="212"/>
      <c r="BE49" s="210">
        <v>2.9</v>
      </c>
      <c r="BF49" s="211"/>
      <c r="BG49" s="211"/>
      <c r="BH49" s="211"/>
      <c r="BI49" s="212"/>
      <c r="BJ49" s="210" t="s">
        <v>227</v>
      </c>
      <c r="BK49" s="211"/>
      <c r="BL49" s="211"/>
      <c r="BM49" s="211"/>
      <c r="BN49" s="212"/>
      <c r="BO49" s="210">
        <v>8.5</v>
      </c>
      <c r="BP49" s="211"/>
      <c r="BQ49" s="211"/>
      <c r="BR49" s="211"/>
      <c r="BS49" s="212"/>
      <c r="BT49" s="210">
        <v>98.7</v>
      </c>
      <c r="BU49" s="211"/>
      <c r="BV49" s="211"/>
      <c r="BW49" s="211"/>
      <c r="BX49" s="212"/>
      <c r="BY49" s="210">
        <v>34.700000000000003</v>
      </c>
      <c r="BZ49" s="211"/>
      <c r="CA49" s="211"/>
      <c r="CB49" s="211"/>
      <c r="CC49" s="212"/>
      <c r="CD49" s="210">
        <v>44.7</v>
      </c>
      <c r="CE49" s="211"/>
      <c r="CF49" s="211"/>
      <c r="CG49" s="211"/>
      <c r="CH49" s="212"/>
      <c r="CI49" s="210">
        <v>59.6</v>
      </c>
      <c r="CJ49" s="211"/>
      <c r="CK49" s="211"/>
      <c r="CL49" s="211"/>
      <c r="CM49" s="212"/>
    </row>
    <row r="50" spans="1:91" ht="17.25" customHeight="1" x14ac:dyDescent="0.15">
      <c r="A50" s="235"/>
      <c r="B50" s="236"/>
      <c r="C50" s="236"/>
      <c r="D50" s="236"/>
      <c r="E50" s="236"/>
      <c r="F50" s="236"/>
      <c r="G50" s="236"/>
      <c r="H50" s="236"/>
      <c r="I50" s="236"/>
      <c r="J50" s="236"/>
      <c r="K50" s="236"/>
      <c r="L50" s="236"/>
      <c r="M50" s="237"/>
      <c r="N50" s="143"/>
      <c r="O50" s="1052" t="s">
        <v>1121</v>
      </c>
      <c r="P50" s="860"/>
      <c r="Q50" s="860"/>
      <c r="R50" s="860"/>
      <c r="S50" s="860"/>
      <c r="T50" s="860"/>
      <c r="U50" s="860"/>
      <c r="V50" s="860"/>
      <c r="W50" s="860"/>
      <c r="X50" s="860"/>
      <c r="Y50" s="860"/>
      <c r="Z50" s="860"/>
      <c r="AA50" s="860"/>
      <c r="AB50" s="860"/>
      <c r="AC50" s="860"/>
      <c r="AD50" s="860"/>
      <c r="AE50" s="860"/>
      <c r="AF50" s="860"/>
      <c r="AG50" s="860"/>
      <c r="AH50" s="860"/>
      <c r="AI50" s="860"/>
      <c r="AJ50" s="860"/>
      <c r="AK50" s="860"/>
      <c r="AL50" s="86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202">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2:M42"/>
    <mergeCell ref="O42:AL42"/>
    <mergeCell ref="AN42:AV43"/>
    <mergeCell ref="AW42:BF43"/>
    <mergeCell ref="A41:M41"/>
    <mergeCell ref="O41:AL41"/>
    <mergeCell ref="AU41:BE41"/>
    <mergeCell ref="BR41:CM41"/>
    <mergeCell ref="A43:M43"/>
    <mergeCell ref="O43:AL43"/>
    <mergeCell ref="BG42:BP43"/>
    <mergeCell ref="BR42:CB43"/>
    <mergeCell ref="CC42:CM43"/>
    <mergeCell ref="A39:M39"/>
    <mergeCell ref="O39:AL39"/>
    <mergeCell ref="AN39:AV40"/>
    <mergeCell ref="AW39:BF40"/>
    <mergeCell ref="BG39:BP40"/>
    <mergeCell ref="BR39:BX40"/>
    <mergeCell ref="BY39:CG40"/>
    <mergeCell ref="CH39:CM40"/>
    <mergeCell ref="A40:M40"/>
    <mergeCell ref="O40:AL40"/>
    <mergeCell ref="A37:M37"/>
    <mergeCell ref="O37:AL37"/>
    <mergeCell ref="AN37:AV38"/>
    <mergeCell ref="AW37:BF38"/>
    <mergeCell ref="BG37:BP38"/>
    <mergeCell ref="BR37:BX38"/>
    <mergeCell ref="BY37:CG38"/>
    <mergeCell ref="CH37:CM38"/>
    <mergeCell ref="A38:M38"/>
    <mergeCell ref="O38:AL38"/>
    <mergeCell ref="A34:M34"/>
    <mergeCell ref="O34:AL34"/>
    <mergeCell ref="AN34:BO34"/>
    <mergeCell ref="A35:M35"/>
    <mergeCell ref="O35:AL35"/>
    <mergeCell ref="AN35:AV36"/>
    <mergeCell ref="AW35:BF36"/>
    <mergeCell ref="BG35:BP36"/>
    <mergeCell ref="CH31:CM32"/>
    <mergeCell ref="A32:M32"/>
    <mergeCell ref="O32:AL32"/>
    <mergeCell ref="AO32:BP32"/>
    <mergeCell ref="A33:M33"/>
    <mergeCell ref="O33:AL33"/>
    <mergeCell ref="AO33:BP33"/>
    <mergeCell ref="BR33:BX34"/>
    <mergeCell ref="BY33:CG34"/>
    <mergeCell ref="CH33:CM34"/>
    <mergeCell ref="BR35:BX36"/>
    <mergeCell ref="BY35:CG36"/>
    <mergeCell ref="CH35:CM36"/>
    <mergeCell ref="A36:M36"/>
    <mergeCell ref="O36:AL36"/>
    <mergeCell ref="A28:AL28"/>
    <mergeCell ref="AN28:BP28"/>
    <mergeCell ref="A29:AL31"/>
    <mergeCell ref="AO29:BP29"/>
    <mergeCell ref="AO30:BP30"/>
    <mergeCell ref="BY30:CI30"/>
    <mergeCell ref="AO31:BP31"/>
    <mergeCell ref="BR31:BX32"/>
    <mergeCell ref="BY31:CG32"/>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O27:CM27"/>
    <mergeCell ref="AT20:CM21"/>
    <mergeCell ref="Q21:AL21"/>
    <mergeCell ref="AT16:CM17"/>
    <mergeCell ref="F17:M18"/>
    <mergeCell ref="Q17:T17"/>
    <mergeCell ref="U17:X17"/>
    <mergeCell ref="Y17:AL17"/>
    <mergeCell ref="Q18:T18"/>
    <mergeCell ref="U18:X18"/>
    <mergeCell ref="Y18:AL18"/>
    <mergeCell ref="AN18:AS19"/>
    <mergeCell ref="AT18:CM19"/>
    <mergeCell ref="A16:E21"/>
    <mergeCell ref="F16:M16"/>
    <mergeCell ref="Q16:T16"/>
    <mergeCell ref="U16:X16"/>
    <mergeCell ref="Y16:AL16"/>
    <mergeCell ref="AN16:AS17"/>
    <mergeCell ref="F19:M19"/>
    <mergeCell ref="Q19:T19"/>
    <mergeCell ref="U19:X19"/>
    <mergeCell ref="Y19:AL19"/>
    <mergeCell ref="F20:M21"/>
    <mergeCell ref="Q20:T20"/>
    <mergeCell ref="U20:X20"/>
    <mergeCell ref="Y20:AL20"/>
    <mergeCell ref="AN20:AS21"/>
    <mergeCell ref="Q12:T12"/>
    <mergeCell ref="U12:X12"/>
    <mergeCell ref="AT14:CM15"/>
    <mergeCell ref="A15:E15"/>
    <mergeCell ref="F15:M15"/>
    <mergeCell ref="Q15:T15"/>
    <mergeCell ref="U15:X15"/>
    <mergeCell ref="Y15:AL15"/>
    <mergeCell ref="Y12:AL13"/>
    <mergeCell ref="F13:M14"/>
    <mergeCell ref="Q13:T13"/>
    <mergeCell ref="U13:X13"/>
    <mergeCell ref="AN13:CM13"/>
    <mergeCell ref="A14:E14"/>
    <mergeCell ref="Q14:T14"/>
    <mergeCell ref="U14:X14"/>
    <mergeCell ref="Y14:AL14"/>
    <mergeCell ref="AN14:AS15"/>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s>
  <phoneticPr fontId="3"/>
  <hyperlinks>
    <hyperlink ref="E11" r:id="rId1" display="http://www.city.minamiashig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8―</oddFooter>
  </headerFooter>
  <drawing r:id="rId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8" zoomScale="70" zoomScaleNormal="80" zoomScaleSheetLayoutView="70" workbookViewId="0">
      <selection activeCell="F16" sqref="F16:M16"/>
    </sheetView>
  </sheetViews>
  <sheetFormatPr defaultColWidth="9" defaultRowHeight="12" x14ac:dyDescent="0.15"/>
  <cols>
    <col min="1" max="38" width="2.5" style="3" customWidth="1"/>
    <col min="39" max="39" width="3.5" style="3" customWidth="1"/>
    <col min="40" max="91" width="2.375" style="3" customWidth="1"/>
    <col min="92" max="92" width="38" style="3" customWidth="1"/>
    <col min="93" max="94" width="2.5" style="3" customWidth="1"/>
    <col min="95" max="16384" width="9" style="3"/>
  </cols>
  <sheetData>
    <row r="1" spans="1:100" ht="17.25" customHeight="1" x14ac:dyDescent="0.15">
      <c r="A1" s="644" t="s" ph="1">
        <v>202</v>
      </c>
      <c r="B1" s="644" ph="1"/>
      <c r="C1" s="644" ph="1"/>
      <c r="D1" s="644" ph="1"/>
      <c r="E1" s="644" ph="1"/>
      <c r="F1" s="644" ph="1"/>
      <c r="G1" s="644" ph="1"/>
      <c r="H1" s="644" ph="1"/>
      <c r="I1" s="645"/>
      <c r="J1" s="645"/>
      <c r="K1" s="645"/>
      <c r="L1" s="645"/>
      <c r="M1" s="645"/>
      <c r="N1" s="454" t="s">
        <v>189</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719</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row>
    <row r="4" spans="1:100" ht="17.25" customHeight="1" x14ac:dyDescent="0.15">
      <c r="A4" s="641" t="s">
        <v>236</v>
      </c>
      <c r="B4" s="641"/>
      <c r="C4" s="641"/>
      <c r="D4" s="641"/>
      <c r="E4" s="458">
        <v>142182</v>
      </c>
      <c r="F4" s="458"/>
      <c r="G4" s="458"/>
      <c r="H4" s="458"/>
      <c r="I4" s="647"/>
      <c r="J4" s="647"/>
      <c r="K4" s="647"/>
      <c r="L4" s="647"/>
      <c r="M4" s="647"/>
      <c r="N4" s="459" t="s">
        <v>190</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428" t="s">
        <v>237</v>
      </c>
      <c r="B5" s="428"/>
      <c r="C5" s="428"/>
      <c r="D5" s="428"/>
      <c r="E5" s="428"/>
      <c r="F5" s="428"/>
      <c r="G5" s="428"/>
      <c r="H5" s="428"/>
      <c r="I5" s="486" t="s">
        <v>191</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428"/>
      <c r="B6" s="428"/>
      <c r="C6" s="428"/>
      <c r="D6" s="428"/>
      <c r="E6" s="428"/>
      <c r="F6" s="428"/>
      <c r="G6" s="428"/>
      <c r="H6" s="428"/>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05" t="s">
        <v>238</v>
      </c>
      <c r="B7" s="406"/>
      <c r="C7" s="406"/>
      <c r="D7" s="407"/>
      <c r="E7" s="65" t="s">
        <v>0</v>
      </c>
      <c r="F7" s="492" t="s">
        <v>192</v>
      </c>
      <c r="G7" s="492"/>
      <c r="H7" s="492"/>
      <c r="I7" s="492"/>
      <c r="J7" s="492"/>
      <c r="K7" s="492"/>
      <c r="L7" s="493"/>
      <c r="M7" s="642"/>
      <c r="N7" s="642"/>
      <c r="O7" s="642"/>
      <c r="P7" s="642"/>
      <c r="Q7" s="642"/>
      <c r="R7" s="642"/>
      <c r="S7" s="642"/>
      <c r="T7" s="642"/>
      <c r="U7" s="642"/>
      <c r="V7" s="642"/>
      <c r="W7" s="642"/>
      <c r="X7" s="642"/>
      <c r="Y7" s="643"/>
      <c r="Z7" s="332" t="s">
        <v>239</v>
      </c>
      <c r="AA7" s="332"/>
      <c r="AB7" s="332"/>
      <c r="AC7" s="431" t="s">
        <v>193</v>
      </c>
      <c r="AD7" s="431"/>
      <c r="AE7" s="431"/>
      <c r="AF7" s="431"/>
      <c r="AG7" s="431"/>
      <c r="AH7" s="431"/>
      <c r="AI7" s="431"/>
      <c r="AJ7" s="431"/>
      <c r="AK7" s="431"/>
      <c r="AL7" s="43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c r="B8" s="406"/>
      <c r="C8" s="406"/>
      <c r="D8" s="407"/>
      <c r="E8" s="433" t="s">
        <v>194</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405" t="s">
        <v>240</v>
      </c>
      <c r="B9" s="406"/>
      <c r="C9" s="406"/>
      <c r="D9" s="407"/>
      <c r="E9" s="445" t="s">
        <v>195</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518" t="s">
        <v>245</v>
      </c>
      <c r="AO9" s="518"/>
      <c r="AP9" s="518"/>
      <c r="AQ9" s="518"/>
      <c r="AR9" s="518"/>
      <c r="AS9" s="518"/>
      <c r="AT9" s="518"/>
      <c r="AU9" s="518"/>
      <c r="AV9" s="518"/>
      <c r="AW9" s="518"/>
      <c r="AX9" s="518"/>
      <c r="AY9" s="518"/>
      <c r="AZ9" s="518"/>
      <c r="BA9" s="518"/>
      <c r="BB9" s="518"/>
      <c r="BC9" s="518"/>
      <c r="BD9" s="518"/>
      <c r="BE9" s="518"/>
      <c r="BF9" s="518"/>
      <c r="BG9" s="518"/>
      <c r="BH9" s="518"/>
      <c r="BI9" s="518"/>
      <c r="BJ9" s="518"/>
      <c r="BK9" s="518"/>
      <c r="BL9" s="518"/>
      <c r="BM9" s="518"/>
      <c r="BN9" s="518"/>
      <c r="BO9" s="518"/>
      <c r="BP9" s="518"/>
      <c r="BQ9" s="518"/>
      <c r="BR9" s="518"/>
      <c r="BS9" s="518"/>
      <c r="BT9" s="518"/>
      <c r="BU9" s="518"/>
      <c r="BV9" s="518"/>
      <c r="BW9" s="518"/>
      <c r="BX9" s="518"/>
      <c r="BY9" s="518"/>
      <c r="BZ9" s="518"/>
      <c r="CA9" s="518"/>
      <c r="CB9" s="518"/>
      <c r="CC9" s="518"/>
      <c r="CD9" s="518"/>
      <c r="CE9" s="518"/>
      <c r="CF9" s="518"/>
      <c r="CG9" s="518"/>
      <c r="CH9" s="518"/>
      <c r="CI9" s="518"/>
      <c r="CJ9" s="518"/>
      <c r="CK9" s="518"/>
      <c r="CL9" s="518"/>
      <c r="CM9" s="518"/>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287" t="s">
        <v>219</v>
      </c>
      <c r="AO10" s="287"/>
      <c r="AP10" s="287"/>
      <c r="AQ10" s="287"/>
      <c r="AR10" s="287"/>
      <c r="AS10" s="287"/>
      <c r="AT10" s="856" t="s">
        <v>1675</v>
      </c>
      <c r="AU10" s="856"/>
      <c r="AV10" s="856"/>
      <c r="AW10" s="856"/>
      <c r="AX10" s="856"/>
      <c r="AY10" s="856"/>
      <c r="AZ10" s="856"/>
      <c r="BA10" s="856"/>
      <c r="BB10" s="856"/>
      <c r="BC10" s="856"/>
      <c r="BD10" s="856"/>
      <c r="BE10" s="856"/>
      <c r="BF10" s="856"/>
      <c r="BG10" s="856"/>
      <c r="BH10" s="856"/>
      <c r="BI10" s="856"/>
      <c r="BJ10" s="856"/>
      <c r="BK10" s="856"/>
      <c r="BL10" s="856"/>
      <c r="BM10" s="856"/>
      <c r="BN10" s="856"/>
      <c r="BO10" s="856"/>
      <c r="BP10" s="856"/>
      <c r="BQ10" s="856"/>
      <c r="BR10" s="856"/>
      <c r="BS10" s="856"/>
      <c r="BT10" s="856"/>
      <c r="BU10" s="856"/>
      <c r="BV10" s="856"/>
      <c r="BW10" s="856"/>
      <c r="BX10" s="856"/>
      <c r="BY10" s="856"/>
      <c r="BZ10" s="856"/>
      <c r="CA10" s="856"/>
      <c r="CB10" s="856"/>
      <c r="CC10" s="856"/>
      <c r="CD10" s="856"/>
      <c r="CE10" s="856"/>
      <c r="CF10" s="856"/>
      <c r="CG10" s="856"/>
      <c r="CH10" s="856"/>
      <c r="CI10" s="856"/>
      <c r="CJ10" s="856"/>
      <c r="CK10" s="856"/>
      <c r="CL10" s="856"/>
      <c r="CM10" s="856"/>
    </row>
    <row r="11" spans="1:100" ht="17.25" customHeight="1" x14ac:dyDescent="0.15">
      <c r="A11" s="405" t="s">
        <v>37</v>
      </c>
      <c r="B11" s="406"/>
      <c r="C11" s="406"/>
      <c r="D11" s="407"/>
      <c r="E11" s="615" t="s">
        <v>956</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287"/>
      <c r="AO11" s="287"/>
      <c r="AP11" s="287"/>
      <c r="AQ11" s="287"/>
      <c r="AR11" s="287"/>
      <c r="AS11" s="287"/>
      <c r="AT11" s="856"/>
      <c r="AU11" s="856"/>
      <c r="AV11" s="856"/>
      <c r="AW11" s="856"/>
      <c r="AX11" s="856"/>
      <c r="AY11" s="856"/>
      <c r="AZ11" s="856"/>
      <c r="BA11" s="856"/>
      <c r="BB11" s="856"/>
      <c r="BC11" s="856"/>
      <c r="BD11" s="856"/>
      <c r="BE11" s="856"/>
      <c r="BF11" s="856"/>
      <c r="BG11" s="856"/>
      <c r="BH11" s="856"/>
      <c r="BI11" s="856"/>
      <c r="BJ11" s="856"/>
      <c r="BK11" s="856"/>
      <c r="BL11" s="856"/>
      <c r="BM11" s="856"/>
      <c r="BN11" s="856"/>
      <c r="BO11" s="856"/>
      <c r="BP11" s="856"/>
      <c r="BQ11" s="856"/>
      <c r="BR11" s="856"/>
      <c r="BS11" s="856"/>
      <c r="BT11" s="856"/>
      <c r="BU11" s="856"/>
      <c r="BV11" s="856"/>
      <c r="BW11" s="856"/>
      <c r="BX11" s="856"/>
      <c r="BY11" s="856"/>
      <c r="BZ11" s="856"/>
      <c r="CA11" s="856"/>
      <c r="CB11" s="856"/>
      <c r="CC11" s="856"/>
      <c r="CD11" s="856"/>
      <c r="CE11" s="856"/>
      <c r="CF11" s="856"/>
      <c r="CG11" s="856"/>
      <c r="CH11" s="856"/>
      <c r="CI11" s="856"/>
      <c r="CJ11" s="856"/>
      <c r="CK11" s="856"/>
      <c r="CL11" s="856"/>
      <c r="CM11" s="856"/>
    </row>
    <row r="12" spans="1:100" ht="17.25" customHeight="1" x14ac:dyDescent="0.15">
      <c r="A12" s="332" t="s">
        <v>241</v>
      </c>
      <c r="B12" s="332"/>
      <c r="C12" s="332"/>
      <c r="D12" s="332"/>
      <c r="E12" s="328"/>
      <c r="F12" s="850" t="s">
        <v>1394</v>
      </c>
      <c r="G12" s="851"/>
      <c r="H12" s="851"/>
      <c r="I12" s="851"/>
      <c r="J12" s="851"/>
      <c r="K12" s="851"/>
      <c r="L12" s="851"/>
      <c r="M12" s="851"/>
      <c r="N12" s="522"/>
      <c r="O12" s="416" t="s">
        <v>242</v>
      </c>
      <c r="P12" s="417"/>
      <c r="Q12" s="377">
        <v>28795</v>
      </c>
      <c r="R12" s="220"/>
      <c r="S12" s="220"/>
      <c r="T12" s="220"/>
      <c r="U12" s="371" t="s">
        <v>345</v>
      </c>
      <c r="V12" s="220"/>
      <c r="W12" s="220"/>
      <c r="X12" s="220"/>
      <c r="Y12" s="371"/>
      <c r="Z12" s="220"/>
      <c r="AA12" s="220"/>
      <c r="AB12" s="220"/>
      <c r="AC12" s="220"/>
      <c r="AD12" s="220"/>
      <c r="AE12" s="220"/>
      <c r="AF12" s="220"/>
      <c r="AG12" s="220"/>
      <c r="AH12" s="220"/>
      <c r="AI12" s="220"/>
      <c r="AJ12" s="220"/>
      <c r="AK12" s="220"/>
      <c r="AL12" s="372"/>
      <c r="AM12" s="5"/>
      <c r="AN12" s="287"/>
      <c r="AO12" s="287"/>
      <c r="AP12" s="287"/>
      <c r="AQ12" s="287"/>
      <c r="AR12" s="287"/>
      <c r="AS12" s="287"/>
      <c r="AT12" s="856"/>
      <c r="AU12" s="856"/>
      <c r="AV12" s="856"/>
      <c r="AW12" s="856"/>
      <c r="AX12" s="856"/>
      <c r="AY12" s="856"/>
      <c r="AZ12" s="856"/>
      <c r="BA12" s="856"/>
      <c r="BB12" s="856"/>
      <c r="BC12" s="856"/>
      <c r="BD12" s="856"/>
      <c r="BE12" s="856"/>
      <c r="BF12" s="856"/>
      <c r="BG12" s="856"/>
      <c r="BH12" s="856"/>
      <c r="BI12" s="856"/>
      <c r="BJ12" s="856"/>
      <c r="BK12" s="856"/>
      <c r="BL12" s="856"/>
      <c r="BM12" s="856"/>
      <c r="BN12" s="856"/>
      <c r="BO12" s="856"/>
      <c r="BP12" s="856"/>
      <c r="BQ12" s="856"/>
      <c r="BR12" s="856"/>
      <c r="BS12" s="856"/>
      <c r="BT12" s="856"/>
      <c r="BU12" s="856"/>
      <c r="BV12" s="856"/>
      <c r="BW12" s="856"/>
      <c r="BX12" s="856"/>
      <c r="BY12" s="856"/>
      <c r="BZ12" s="856"/>
      <c r="CA12" s="856"/>
      <c r="CB12" s="856"/>
      <c r="CC12" s="856"/>
      <c r="CD12" s="856"/>
      <c r="CE12" s="856"/>
      <c r="CF12" s="856"/>
      <c r="CG12" s="856"/>
      <c r="CH12" s="856"/>
      <c r="CI12" s="856"/>
      <c r="CJ12" s="856"/>
      <c r="CK12" s="856"/>
      <c r="CL12" s="856"/>
      <c r="CM12" s="856"/>
      <c r="CQ12" s="3" ph="1"/>
      <c r="CR12" s="3" ph="1"/>
      <c r="CS12" s="3" ph="1"/>
      <c r="CT12" s="3" ph="1"/>
      <c r="CU12" s="3" ph="1"/>
      <c r="CV12" s="3" ph="1"/>
    </row>
    <row r="13" spans="1:100" ht="17.25" customHeight="1" x14ac:dyDescent="0.15">
      <c r="A13" s="328"/>
      <c r="B13" s="328"/>
      <c r="C13" s="328"/>
      <c r="D13" s="328"/>
      <c r="E13" s="328"/>
      <c r="F13" s="398" t="s">
        <v>1393</v>
      </c>
      <c r="G13" s="369"/>
      <c r="H13" s="369"/>
      <c r="I13" s="369"/>
      <c r="J13" s="369"/>
      <c r="K13" s="369"/>
      <c r="L13" s="369"/>
      <c r="M13" s="369"/>
      <c r="N13" s="523"/>
      <c r="O13" s="418"/>
      <c r="P13" s="419"/>
      <c r="Q13" s="376">
        <v>30195</v>
      </c>
      <c r="R13" s="377"/>
      <c r="S13" s="377"/>
      <c r="T13" s="377"/>
      <c r="U13" s="50" t="s">
        <v>328</v>
      </c>
      <c r="V13" s="49"/>
      <c r="W13" s="49"/>
      <c r="X13" s="49"/>
      <c r="Y13" s="50" t="s">
        <v>203</v>
      </c>
      <c r="Z13" s="103"/>
      <c r="AA13" s="103"/>
      <c r="AB13" s="103"/>
      <c r="AC13" s="103"/>
      <c r="AD13" s="103"/>
      <c r="AE13" s="103"/>
      <c r="AF13" s="103"/>
      <c r="AG13" s="103"/>
      <c r="AH13" s="103"/>
      <c r="AI13" s="103"/>
      <c r="AJ13" s="103"/>
      <c r="AK13" s="103"/>
      <c r="AL13" s="104"/>
      <c r="AM13" s="5"/>
      <c r="AN13" s="287" t="s">
        <v>220</v>
      </c>
      <c r="AO13" s="287"/>
      <c r="AP13" s="287"/>
      <c r="AQ13" s="287"/>
      <c r="AR13" s="287"/>
      <c r="AS13" s="287"/>
      <c r="AT13" s="856" t="s">
        <v>1347</v>
      </c>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426">
        <v>1</v>
      </c>
      <c r="B14" s="651"/>
      <c r="C14" s="651"/>
      <c r="D14" s="651"/>
      <c r="E14" s="651"/>
      <c r="F14" s="370"/>
      <c r="G14" s="370"/>
      <c r="H14" s="370"/>
      <c r="I14" s="370"/>
      <c r="J14" s="370"/>
      <c r="K14" s="370"/>
      <c r="L14" s="370"/>
      <c r="M14" s="370"/>
      <c r="N14" s="523"/>
      <c r="O14" s="418"/>
      <c r="P14" s="419"/>
      <c r="Q14" s="376"/>
      <c r="R14" s="377"/>
      <c r="S14" s="377"/>
      <c r="T14" s="377"/>
      <c r="U14" s="1132"/>
      <c r="V14" s="1132"/>
      <c r="W14" s="1132"/>
      <c r="X14" s="1132"/>
      <c r="Y14" s="1132"/>
      <c r="Z14" s="1132"/>
      <c r="AA14" s="1132"/>
      <c r="AB14" s="1132"/>
      <c r="AC14" s="1132"/>
      <c r="AD14" s="1132"/>
      <c r="AE14" s="1132"/>
      <c r="AF14" s="1132"/>
      <c r="AG14" s="1132"/>
      <c r="AH14" s="1132"/>
      <c r="AI14" s="1132"/>
      <c r="AJ14" s="1132"/>
      <c r="AK14" s="1132"/>
      <c r="AL14" s="1133"/>
      <c r="AM14" s="5"/>
      <c r="AN14" s="287"/>
      <c r="AO14" s="287"/>
      <c r="AP14" s="287"/>
      <c r="AQ14" s="287"/>
      <c r="AR14" s="287"/>
      <c r="AS14" s="287"/>
      <c r="AT14" s="856"/>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6958</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87"/>
      <c r="AO15" s="287"/>
      <c r="AP15" s="287"/>
      <c r="AQ15" s="287"/>
      <c r="AR15" s="287"/>
      <c r="AS15" s="287"/>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49</v>
      </c>
      <c r="B16" s="484"/>
      <c r="C16" s="484"/>
      <c r="D16" s="484"/>
      <c r="E16" s="485"/>
      <c r="F16" s="380" t="s">
        <v>1402</v>
      </c>
      <c r="G16" s="381"/>
      <c r="H16" s="381"/>
      <c r="I16" s="381"/>
      <c r="J16" s="381"/>
      <c r="K16" s="381"/>
      <c r="L16" s="381"/>
      <c r="M16" s="381"/>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92" t="s">
        <v>221</v>
      </c>
      <c r="AO16" s="293"/>
      <c r="AP16" s="293"/>
      <c r="AQ16" s="293"/>
      <c r="AR16" s="293"/>
      <c r="AS16" s="294"/>
      <c r="AT16" s="460" t="s">
        <v>1264</v>
      </c>
      <c r="AU16" s="349"/>
      <c r="AV16" s="349"/>
      <c r="AW16" s="349"/>
      <c r="AX16" s="349"/>
      <c r="AY16" s="349"/>
      <c r="AZ16" s="349"/>
      <c r="BA16" s="349"/>
      <c r="BB16" s="349"/>
      <c r="BC16" s="349"/>
      <c r="BD16" s="349"/>
      <c r="BE16" s="349"/>
      <c r="BF16" s="349"/>
      <c r="BG16" s="349"/>
      <c r="BH16" s="349"/>
      <c r="BI16" s="349"/>
      <c r="BJ16" s="349"/>
      <c r="BK16" s="349"/>
      <c r="BL16" s="349"/>
      <c r="BM16" s="349"/>
      <c r="BN16" s="349"/>
      <c r="BO16" s="349"/>
      <c r="BP16" s="349"/>
      <c r="BQ16" s="349"/>
      <c r="BR16" s="349"/>
      <c r="BS16" s="349"/>
      <c r="BT16" s="349"/>
      <c r="BU16" s="349"/>
      <c r="BV16" s="349"/>
      <c r="BW16" s="349"/>
      <c r="BX16" s="349"/>
      <c r="BY16" s="349"/>
      <c r="BZ16" s="349"/>
      <c r="CA16" s="349"/>
      <c r="CB16" s="349"/>
      <c r="CC16" s="349"/>
      <c r="CD16" s="349"/>
      <c r="CE16" s="349"/>
      <c r="CF16" s="349"/>
      <c r="CG16" s="349"/>
      <c r="CH16" s="349"/>
      <c r="CI16" s="349"/>
      <c r="CJ16" s="349"/>
      <c r="CK16" s="349"/>
      <c r="CL16" s="349"/>
      <c r="CM16" s="350"/>
      <c r="CN16" s="1216"/>
      <c r="CQ16" s="3" ph="1"/>
      <c r="CR16" s="3" ph="1"/>
      <c r="CS16" s="3" ph="1"/>
      <c r="CT16" s="3" ph="1"/>
      <c r="CU16" s="3" ph="1"/>
      <c r="CV16" s="3" ph="1"/>
    </row>
    <row r="17" spans="1:100" ht="17.25" customHeight="1" x14ac:dyDescent="0.15">
      <c r="A17" s="361"/>
      <c r="B17" s="362"/>
      <c r="C17" s="362"/>
      <c r="D17" s="362"/>
      <c r="E17" s="363"/>
      <c r="F17" s="398" t="s">
        <v>1401</v>
      </c>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436"/>
      <c r="AO17" s="437"/>
      <c r="AP17" s="437"/>
      <c r="AQ17" s="437"/>
      <c r="AR17" s="437"/>
      <c r="AS17" s="438"/>
      <c r="AT17" s="1101"/>
      <c r="AU17" s="351"/>
      <c r="AV17" s="351"/>
      <c r="AW17" s="351"/>
      <c r="AX17" s="351"/>
      <c r="AY17" s="351"/>
      <c r="AZ17" s="351"/>
      <c r="BA17" s="351"/>
      <c r="BB17" s="351"/>
      <c r="BC17" s="351"/>
      <c r="BD17" s="351"/>
      <c r="BE17" s="351"/>
      <c r="BF17" s="351"/>
      <c r="BG17" s="351"/>
      <c r="BH17" s="351"/>
      <c r="BI17" s="351"/>
      <c r="BJ17" s="351"/>
      <c r="BK17" s="351"/>
      <c r="BL17" s="351"/>
      <c r="BM17" s="351"/>
      <c r="BN17" s="351"/>
      <c r="BO17" s="351"/>
      <c r="BP17" s="351"/>
      <c r="BQ17" s="351"/>
      <c r="BR17" s="351"/>
      <c r="BS17" s="351"/>
      <c r="BT17" s="351"/>
      <c r="BU17" s="351"/>
      <c r="BV17" s="351"/>
      <c r="BW17" s="351"/>
      <c r="BX17" s="351"/>
      <c r="BY17" s="351"/>
      <c r="BZ17" s="351"/>
      <c r="CA17" s="351"/>
      <c r="CB17" s="351"/>
      <c r="CC17" s="351"/>
      <c r="CD17" s="351"/>
      <c r="CE17" s="351"/>
      <c r="CF17" s="351"/>
      <c r="CG17" s="351"/>
      <c r="CH17" s="351"/>
      <c r="CI17" s="351"/>
      <c r="CJ17" s="351"/>
      <c r="CK17" s="351"/>
      <c r="CL17" s="351"/>
      <c r="CM17" s="352"/>
      <c r="CN17" s="1216"/>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95"/>
      <c r="AO18" s="296"/>
      <c r="AP18" s="296"/>
      <c r="AQ18" s="296"/>
      <c r="AR18" s="296"/>
      <c r="AS18" s="297"/>
      <c r="AT18" s="901"/>
      <c r="AU18" s="353"/>
      <c r="AV18" s="353"/>
      <c r="AW18" s="353"/>
      <c r="AX18" s="353"/>
      <c r="AY18" s="353"/>
      <c r="AZ18" s="353"/>
      <c r="BA18" s="353"/>
      <c r="BB18" s="353"/>
      <c r="BC18" s="353"/>
      <c r="BD18" s="353"/>
      <c r="BE18" s="353"/>
      <c r="BF18" s="353"/>
      <c r="BG18" s="353"/>
      <c r="BH18" s="353"/>
      <c r="BI18" s="353"/>
      <c r="BJ18" s="353"/>
      <c r="BK18" s="353"/>
      <c r="BL18" s="353"/>
      <c r="BM18" s="353"/>
      <c r="BN18" s="353"/>
      <c r="BO18" s="353"/>
      <c r="BP18" s="353"/>
      <c r="BQ18" s="353"/>
      <c r="BR18" s="353"/>
      <c r="BS18" s="353"/>
      <c r="BT18" s="353"/>
      <c r="BU18" s="353"/>
      <c r="BV18" s="353"/>
      <c r="BW18" s="353"/>
      <c r="BX18" s="353"/>
      <c r="BY18" s="353"/>
      <c r="BZ18" s="353"/>
      <c r="CA18" s="353"/>
      <c r="CB18" s="353"/>
      <c r="CC18" s="353"/>
      <c r="CD18" s="353"/>
      <c r="CE18" s="353"/>
      <c r="CF18" s="353"/>
      <c r="CG18" s="353"/>
      <c r="CH18" s="353"/>
      <c r="CI18" s="353"/>
      <c r="CJ18" s="353"/>
      <c r="CK18" s="353"/>
      <c r="CL18" s="353"/>
      <c r="CM18" s="354"/>
      <c r="CN18" s="1216"/>
      <c r="CQ18" s="3" ph="1"/>
      <c r="CR18" s="3" ph="1"/>
      <c r="CS18" s="3" ph="1"/>
      <c r="CT18" s="3" ph="1"/>
      <c r="CU18" s="3" ph="1"/>
      <c r="CV18" s="3" ph="1"/>
    </row>
    <row r="19" spans="1:100" ht="17.25" customHeight="1" x14ac:dyDescent="0.15">
      <c r="A19" s="361"/>
      <c r="B19" s="362"/>
      <c r="C19" s="362"/>
      <c r="D19" s="362"/>
      <c r="E19" s="363"/>
      <c r="F19" s="522"/>
      <c r="G19" s="1092"/>
      <c r="H19" s="1092"/>
      <c r="I19" s="1092"/>
      <c r="J19" s="1092"/>
      <c r="K19" s="1092"/>
      <c r="L19" s="1092"/>
      <c r="M19" s="1092"/>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87" t="s">
        <v>222</v>
      </c>
      <c r="AO19" s="287"/>
      <c r="AP19" s="287"/>
      <c r="AQ19" s="287"/>
      <c r="AR19" s="287"/>
      <c r="AS19" s="287"/>
      <c r="AT19" s="855" t="s">
        <v>1698</v>
      </c>
      <c r="AU19" s="855"/>
      <c r="AV19" s="855"/>
      <c r="AW19" s="855"/>
      <c r="AX19" s="855"/>
      <c r="AY19" s="855"/>
      <c r="AZ19" s="855"/>
      <c r="BA19" s="855"/>
      <c r="BB19" s="855"/>
      <c r="BC19" s="855"/>
      <c r="BD19" s="855"/>
      <c r="BE19" s="855"/>
      <c r="BF19" s="855"/>
      <c r="BG19" s="855"/>
      <c r="BH19" s="855"/>
      <c r="BI19" s="855"/>
      <c r="BJ19" s="855"/>
      <c r="BK19" s="855"/>
      <c r="BL19" s="855"/>
      <c r="BM19" s="855"/>
      <c r="BN19" s="855"/>
      <c r="BO19" s="855"/>
      <c r="BP19" s="855"/>
      <c r="BQ19" s="855"/>
      <c r="BR19" s="855"/>
      <c r="BS19" s="855"/>
      <c r="BT19" s="855"/>
      <c r="BU19" s="855"/>
      <c r="BV19" s="855"/>
      <c r="BW19" s="855"/>
      <c r="BX19" s="855"/>
      <c r="BY19" s="855"/>
      <c r="BZ19" s="855"/>
      <c r="CA19" s="855"/>
      <c r="CB19" s="855"/>
      <c r="CC19" s="855"/>
      <c r="CD19" s="855"/>
      <c r="CE19" s="855"/>
      <c r="CF19" s="855"/>
      <c r="CG19" s="855"/>
      <c r="CH19" s="855"/>
      <c r="CI19" s="855"/>
      <c r="CJ19" s="855"/>
      <c r="CK19" s="855"/>
      <c r="CL19" s="855"/>
      <c r="CM19" s="855"/>
      <c r="CN19" s="1216"/>
      <c r="CQ19" s="3" ph="1"/>
      <c r="CR19" s="3" ph="1"/>
      <c r="CS19" s="3" ph="1"/>
      <c r="CT19" s="3" ph="1"/>
      <c r="CU19" s="3" ph="1"/>
      <c r="CV19" s="3" ph="1"/>
    </row>
    <row r="20" spans="1:100" ht="17.25" customHeight="1" x14ac:dyDescent="0.15">
      <c r="A20" s="361"/>
      <c r="B20" s="362"/>
      <c r="C20" s="362"/>
      <c r="D20" s="362"/>
      <c r="E20" s="363"/>
      <c r="F20" s="1093"/>
      <c r="G20" s="1094"/>
      <c r="H20" s="1094"/>
      <c r="I20" s="1094"/>
      <c r="J20" s="1094"/>
      <c r="K20" s="1094"/>
      <c r="L20" s="1094"/>
      <c r="M20" s="1094"/>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c r="AO20" s="287"/>
      <c r="AP20" s="287"/>
      <c r="AQ20" s="287"/>
      <c r="AR20" s="287"/>
      <c r="AS20" s="287"/>
      <c r="AT20" s="855"/>
      <c r="AU20" s="855"/>
      <c r="AV20" s="855"/>
      <c r="AW20" s="855"/>
      <c r="AX20" s="855"/>
      <c r="AY20" s="855"/>
      <c r="AZ20" s="855"/>
      <c r="BA20" s="855"/>
      <c r="BB20" s="855"/>
      <c r="BC20" s="855"/>
      <c r="BD20" s="855"/>
      <c r="BE20" s="855"/>
      <c r="BF20" s="855"/>
      <c r="BG20" s="855"/>
      <c r="BH20" s="855"/>
      <c r="BI20" s="855"/>
      <c r="BJ20" s="855"/>
      <c r="BK20" s="855"/>
      <c r="BL20" s="855"/>
      <c r="BM20" s="855"/>
      <c r="BN20" s="855"/>
      <c r="BO20" s="855"/>
      <c r="BP20" s="855"/>
      <c r="BQ20" s="855"/>
      <c r="BR20" s="855"/>
      <c r="BS20" s="855"/>
      <c r="BT20" s="855"/>
      <c r="BU20" s="855"/>
      <c r="BV20" s="855"/>
      <c r="BW20" s="855"/>
      <c r="BX20" s="855"/>
      <c r="BY20" s="855"/>
      <c r="BZ20" s="855"/>
      <c r="CA20" s="855"/>
      <c r="CB20" s="855"/>
      <c r="CC20" s="855"/>
      <c r="CD20" s="855"/>
      <c r="CE20" s="855"/>
      <c r="CF20" s="855"/>
      <c r="CG20" s="855"/>
      <c r="CH20" s="855"/>
      <c r="CI20" s="855"/>
      <c r="CJ20" s="855"/>
      <c r="CK20" s="855"/>
      <c r="CL20" s="855"/>
      <c r="CM20" s="855"/>
      <c r="CQ20" s="3" ph="1"/>
      <c r="CR20" s="3" ph="1"/>
      <c r="CS20" s="3" ph="1"/>
      <c r="CT20" s="3" ph="1"/>
      <c r="CU20" s="3" ph="1"/>
      <c r="CV20" s="3" ph="1"/>
    </row>
    <row r="21" spans="1:100" ht="17.25" customHeight="1" x14ac:dyDescent="0.15">
      <c r="A21" s="361"/>
      <c r="B21" s="362"/>
      <c r="C21" s="362"/>
      <c r="D21" s="362"/>
      <c r="E21" s="363"/>
      <c r="F21" s="1095"/>
      <c r="G21" s="1095"/>
      <c r="H21" s="1095"/>
      <c r="I21" s="1095"/>
      <c r="J21" s="1095"/>
      <c r="K21" s="1095"/>
      <c r="L21" s="1095"/>
      <c r="M21" s="1095"/>
      <c r="N21" s="523"/>
      <c r="O21" s="418"/>
      <c r="P21" s="419"/>
      <c r="Q21" s="377"/>
      <c r="R21" s="220"/>
      <c r="S21" s="220"/>
      <c r="T21" s="220"/>
      <c r="U21" s="371"/>
      <c r="V21" s="220"/>
      <c r="W21" s="220"/>
      <c r="X21" s="220"/>
      <c r="Y21" s="371"/>
      <c r="Z21" s="220"/>
      <c r="AA21" s="220"/>
      <c r="AB21" s="220"/>
      <c r="AC21" s="220"/>
      <c r="AD21" s="220"/>
      <c r="AE21" s="220"/>
      <c r="AF21" s="220"/>
      <c r="AG21" s="220"/>
      <c r="AH21" s="220"/>
      <c r="AI21" s="220"/>
      <c r="AJ21" s="220"/>
      <c r="AK21" s="220"/>
      <c r="AL21" s="372"/>
      <c r="AM21" s="5"/>
      <c r="AN21" s="287"/>
      <c r="AO21" s="287"/>
      <c r="AP21" s="287"/>
      <c r="AQ21" s="287"/>
      <c r="AR21" s="287"/>
      <c r="AS21" s="287"/>
      <c r="AT21" s="855"/>
      <c r="AU21" s="855"/>
      <c r="AV21" s="855"/>
      <c r="AW21" s="855"/>
      <c r="AX21" s="855"/>
      <c r="AY21" s="855"/>
      <c r="AZ21" s="855"/>
      <c r="BA21" s="855"/>
      <c r="BB21" s="855"/>
      <c r="BC21" s="855"/>
      <c r="BD21" s="855"/>
      <c r="BE21" s="855"/>
      <c r="BF21" s="855"/>
      <c r="BG21" s="855"/>
      <c r="BH21" s="855"/>
      <c r="BI21" s="855"/>
      <c r="BJ21" s="855"/>
      <c r="BK21" s="855"/>
      <c r="BL21" s="855"/>
      <c r="BM21" s="855"/>
      <c r="BN21" s="855"/>
      <c r="BO21" s="855"/>
      <c r="BP21" s="855"/>
      <c r="BQ21" s="855"/>
      <c r="BR21" s="855"/>
      <c r="BS21" s="855"/>
      <c r="BT21" s="855"/>
      <c r="BU21" s="855"/>
      <c r="BV21" s="855"/>
      <c r="BW21" s="855"/>
      <c r="BX21" s="855"/>
      <c r="BY21" s="855"/>
      <c r="BZ21" s="855"/>
      <c r="CA21" s="855"/>
      <c r="CB21" s="855"/>
      <c r="CC21" s="855"/>
      <c r="CD21" s="855"/>
      <c r="CE21" s="855"/>
      <c r="CF21" s="855"/>
      <c r="CG21" s="855"/>
      <c r="CH21" s="855"/>
      <c r="CI21" s="855"/>
      <c r="CJ21" s="855"/>
      <c r="CK21" s="855"/>
      <c r="CL21" s="855"/>
      <c r="CM21" s="855"/>
      <c r="CQ21" s="3" ph="1"/>
      <c r="CR21" s="3" ph="1"/>
      <c r="CS21" s="3" ph="1"/>
      <c r="CT21" s="3" ph="1"/>
      <c r="CU21" s="3" ph="1"/>
      <c r="CV21" s="3" ph="1"/>
    </row>
    <row r="22" spans="1:100" ht="17.25" customHeight="1" x14ac:dyDescent="0.15">
      <c r="A22" s="332" t="s">
        <v>259</v>
      </c>
      <c r="B22" s="332"/>
      <c r="C22" s="332"/>
      <c r="D22" s="332"/>
      <c r="E22" s="332"/>
      <c r="F22" s="330" t="s">
        <v>1612</v>
      </c>
      <c r="G22" s="331"/>
      <c r="H22" s="331"/>
      <c r="I22" s="331"/>
      <c r="J22" s="331"/>
      <c r="K22" s="331"/>
      <c r="L22" s="331"/>
      <c r="M22" s="331"/>
      <c r="N22" s="523"/>
      <c r="O22" s="1031" t="s">
        <v>258</v>
      </c>
      <c r="P22" s="1031"/>
      <c r="Q22" s="916" t="s">
        <v>957</v>
      </c>
      <c r="R22" s="917"/>
      <c r="S22" s="917"/>
      <c r="T22" s="917"/>
      <c r="U22" s="917"/>
      <c r="V22" s="917"/>
      <c r="W22" s="917"/>
      <c r="X22" s="917"/>
      <c r="Y22" s="917"/>
      <c r="Z22" s="917"/>
      <c r="AA22" s="917"/>
      <c r="AB22" s="917"/>
      <c r="AC22" s="917"/>
      <c r="AD22" s="917"/>
      <c r="AE22" s="917"/>
      <c r="AF22" s="917"/>
      <c r="AG22" s="917"/>
      <c r="AH22" s="917"/>
      <c r="AI22" s="917"/>
      <c r="AJ22" s="917"/>
      <c r="AK22" s="917"/>
      <c r="AL22" s="918"/>
      <c r="AM22" s="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3" ph="1"/>
      <c r="CR22" s="3" ph="1"/>
      <c r="CS22" s="3" ph="1"/>
      <c r="CT22" s="3" ph="1"/>
      <c r="CU22" s="3" ph="1"/>
      <c r="CV22" s="3" ph="1"/>
    </row>
    <row r="23" spans="1:100" ht="17.25" customHeight="1" x14ac:dyDescent="0.15">
      <c r="A23" s="328"/>
      <c r="B23" s="328"/>
      <c r="C23" s="328"/>
      <c r="D23" s="328"/>
      <c r="E23" s="328"/>
      <c r="F23" s="336" t="s">
        <v>1610</v>
      </c>
      <c r="G23" s="337"/>
      <c r="H23" s="337"/>
      <c r="I23" s="337"/>
      <c r="J23" s="337"/>
      <c r="K23" s="337"/>
      <c r="L23" s="337"/>
      <c r="M23" s="338"/>
      <c r="N23" s="523"/>
      <c r="O23" s="1031"/>
      <c r="P23" s="1031"/>
      <c r="Q23" s="355">
        <v>27364</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 t="s">
        <v>16</v>
      </c>
      <c r="AO23" s="487" t="s">
        <v>766</v>
      </c>
      <c r="AP23" s="487"/>
      <c r="AQ23" s="487"/>
      <c r="AR23" s="487"/>
      <c r="AS23" s="487"/>
      <c r="AT23" s="487"/>
      <c r="AU23" s="487"/>
      <c r="AV23" s="487"/>
      <c r="AW23" s="487"/>
      <c r="AX23" s="487"/>
      <c r="AY23" s="487"/>
      <c r="AZ23" s="487"/>
      <c r="BA23" s="487"/>
      <c r="BB23" s="487"/>
      <c r="BC23" s="487"/>
      <c r="BD23" s="487"/>
      <c r="BE23" s="487"/>
      <c r="BF23" s="487"/>
      <c r="BG23" s="487"/>
      <c r="BH23" s="487"/>
      <c r="BI23" s="487"/>
      <c r="BJ23" s="487"/>
      <c r="BK23" s="487"/>
      <c r="BL23" s="487"/>
      <c r="BM23" s="487"/>
      <c r="BN23" s="487"/>
      <c r="BO23" s="487"/>
      <c r="BP23" s="487"/>
      <c r="BQ23" s="487"/>
      <c r="BR23" s="487"/>
      <c r="BS23" s="487"/>
      <c r="BT23" s="487"/>
      <c r="BU23" s="487"/>
      <c r="BV23" s="487"/>
      <c r="BW23" s="487"/>
      <c r="BX23" s="487"/>
      <c r="BY23" s="487"/>
      <c r="BZ23" s="487"/>
      <c r="CA23" s="487"/>
      <c r="CB23" s="487"/>
      <c r="CC23" s="487"/>
      <c r="CD23" s="487"/>
      <c r="CE23" s="487"/>
      <c r="CF23" s="487"/>
      <c r="CG23" s="487"/>
      <c r="CH23" s="487"/>
      <c r="CI23" s="487"/>
      <c r="CJ23" s="487"/>
      <c r="CK23" s="487"/>
      <c r="CL23" s="487"/>
      <c r="CM23" s="488"/>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091" t="s">
        <v>958</v>
      </c>
      <c r="R24" s="1198"/>
      <c r="S24" s="1198"/>
      <c r="T24" s="1198"/>
      <c r="U24" s="1198"/>
      <c r="V24" s="1198"/>
      <c r="W24" s="1198"/>
      <c r="X24" s="1198"/>
      <c r="Y24" s="1198"/>
      <c r="Z24" s="1198"/>
      <c r="AA24" s="1198"/>
      <c r="AB24" s="1198"/>
      <c r="AC24" s="1198"/>
      <c r="AD24" s="1198"/>
      <c r="AE24" s="1198"/>
      <c r="AF24" s="1198"/>
      <c r="AG24" s="1198"/>
      <c r="AH24" s="1198"/>
      <c r="AI24" s="1198"/>
      <c r="AJ24" s="1198"/>
      <c r="AK24" s="1198"/>
      <c r="AL24" s="1199"/>
      <c r="AM24" s="5"/>
      <c r="AN24" s="37" t="s">
        <v>16</v>
      </c>
      <c r="AO24" s="556" t="s">
        <v>1437</v>
      </c>
      <c r="AP24" s="1217"/>
      <c r="AQ24" s="1217"/>
      <c r="AR24" s="1217"/>
      <c r="AS24" s="1217"/>
      <c r="AT24" s="1217"/>
      <c r="AU24" s="1217"/>
      <c r="AV24" s="1217"/>
      <c r="AW24" s="1217"/>
      <c r="AX24" s="1217"/>
      <c r="AY24" s="1217"/>
      <c r="AZ24" s="1217"/>
      <c r="BA24" s="1217"/>
      <c r="BB24" s="1217"/>
      <c r="BC24" s="1217"/>
      <c r="BD24" s="1217"/>
      <c r="BE24" s="1217"/>
      <c r="BF24" s="1217"/>
      <c r="BG24" s="1217"/>
      <c r="BH24" s="1217"/>
      <c r="BI24" s="1217"/>
      <c r="BJ24" s="1217"/>
      <c r="BK24" s="1217"/>
      <c r="BL24" s="1217"/>
      <c r="BM24" s="1217"/>
      <c r="BN24" s="1217"/>
      <c r="BO24" s="1217"/>
      <c r="BP24" s="1217"/>
      <c r="BQ24" s="1217"/>
      <c r="BR24" s="1217"/>
      <c r="BS24" s="1217"/>
      <c r="BT24" s="1217"/>
      <c r="BU24" s="1217"/>
      <c r="BV24" s="1217"/>
      <c r="BW24" s="1217"/>
      <c r="BX24" s="1217"/>
      <c r="BY24" s="1217"/>
      <c r="BZ24" s="1217"/>
      <c r="CA24" s="1217"/>
      <c r="CB24" s="1217"/>
      <c r="CC24" s="1217"/>
      <c r="CD24" s="1217"/>
      <c r="CE24" s="1217"/>
      <c r="CF24" s="1217"/>
      <c r="CG24" s="1217"/>
      <c r="CH24" s="1217"/>
      <c r="CI24" s="1217"/>
      <c r="CJ24" s="1217"/>
      <c r="CK24" s="1217"/>
      <c r="CL24" s="1217"/>
      <c r="CM24" s="1218"/>
      <c r="CQ24" s="3" ph="1"/>
      <c r="CR24" s="3" ph="1"/>
      <c r="CS24" s="3" ph="1"/>
      <c r="CT24" s="3" ph="1"/>
      <c r="CU24" s="3" ph="1"/>
      <c r="CV24" s="3" ph="1"/>
    </row>
    <row r="25" spans="1:100" ht="17.25" customHeight="1" x14ac:dyDescent="0.15">
      <c r="A25" s="328" t="s">
        <v>263</v>
      </c>
      <c r="B25" s="328"/>
      <c r="C25" s="328"/>
      <c r="D25" s="328"/>
      <c r="E25" s="328"/>
      <c r="F25" s="844" t="s">
        <v>1613</v>
      </c>
      <c r="G25" s="845"/>
      <c r="H25" s="845"/>
      <c r="I25" s="845"/>
      <c r="J25" s="845"/>
      <c r="K25" s="845"/>
      <c r="L25" s="845"/>
      <c r="M25" s="845"/>
      <c r="N25" s="523"/>
      <c r="O25" s="428"/>
      <c r="P25" s="428"/>
      <c r="Q25" s="355">
        <v>27364</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16</v>
      </c>
      <c r="AO25" s="556" t="s">
        <v>1438</v>
      </c>
      <c r="AP25" s="1217"/>
      <c r="AQ25" s="1217"/>
      <c r="AR25" s="1217"/>
      <c r="AS25" s="1217"/>
      <c r="AT25" s="1217"/>
      <c r="AU25" s="1217"/>
      <c r="AV25" s="1217"/>
      <c r="AW25" s="1217"/>
      <c r="AX25" s="1217"/>
      <c r="AY25" s="1217"/>
      <c r="AZ25" s="1217"/>
      <c r="BA25" s="1217"/>
      <c r="BB25" s="1217"/>
      <c r="BC25" s="1217"/>
      <c r="BD25" s="1217"/>
      <c r="BE25" s="1217"/>
      <c r="BF25" s="1217"/>
      <c r="BG25" s="1217"/>
      <c r="BH25" s="1217"/>
      <c r="BI25" s="1217"/>
      <c r="BJ25" s="1217"/>
      <c r="BK25" s="1217"/>
      <c r="BL25" s="1217"/>
      <c r="BM25" s="1217"/>
      <c r="BN25" s="1217"/>
      <c r="BO25" s="1217"/>
      <c r="BP25" s="1217"/>
      <c r="BQ25" s="1217"/>
      <c r="BR25" s="1217"/>
      <c r="BS25" s="1217"/>
      <c r="BT25" s="1217"/>
      <c r="BU25" s="1217"/>
      <c r="BV25" s="1217"/>
      <c r="BW25" s="1217"/>
      <c r="BX25" s="1217"/>
      <c r="BY25" s="1217"/>
      <c r="BZ25" s="1217"/>
      <c r="CA25" s="1217"/>
      <c r="CB25" s="1217"/>
      <c r="CC25" s="1217"/>
      <c r="CD25" s="1217"/>
      <c r="CE25" s="1217"/>
      <c r="CF25" s="1217"/>
      <c r="CG25" s="1217"/>
      <c r="CH25" s="1217"/>
      <c r="CI25" s="1217"/>
      <c r="CJ25" s="1217"/>
      <c r="CK25" s="1217"/>
      <c r="CL25" s="1217"/>
      <c r="CM25" s="1218"/>
      <c r="CQ25" s="3" ph="1"/>
      <c r="CR25" s="3" ph="1"/>
      <c r="CS25" s="3" ph="1"/>
      <c r="CT25" s="3" ph="1"/>
      <c r="CU25" s="3" ph="1"/>
      <c r="CV25" s="3" ph="1"/>
    </row>
    <row r="26" spans="1:100" ht="17.25" customHeight="1" x14ac:dyDescent="0.15">
      <c r="A26" s="328"/>
      <c r="B26" s="328"/>
      <c r="C26" s="328"/>
      <c r="D26" s="328"/>
      <c r="E26" s="328"/>
      <c r="F26" s="398" t="s">
        <v>1611</v>
      </c>
      <c r="G26" s="369"/>
      <c r="H26" s="369"/>
      <c r="I26" s="369"/>
      <c r="J26" s="369"/>
      <c r="K26" s="369"/>
      <c r="L26" s="369"/>
      <c r="M26" s="369"/>
      <c r="N26" s="523"/>
      <c r="O26" s="428" t="s">
        <v>264</v>
      </c>
      <c r="P26" s="428"/>
      <c r="Q26" s="486" t="s">
        <v>959</v>
      </c>
      <c r="R26" s="487"/>
      <c r="S26" s="487"/>
      <c r="T26" s="487"/>
      <c r="U26" s="487"/>
      <c r="V26" s="487"/>
      <c r="W26" s="487"/>
      <c r="X26" s="487"/>
      <c r="Y26" s="487"/>
      <c r="Z26" s="487"/>
      <c r="AA26" s="487"/>
      <c r="AB26" s="487"/>
      <c r="AC26" s="487"/>
      <c r="AD26" s="487"/>
      <c r="AE26" s="487"/>
      <c r="AF26" s="487"/>
      <c r="AG26" s="487"/>
      <c r="AH26" s="487"/>
      <c r="AI26" s="487"/>
      <c r="AJ26" s="487"/>
      <c r="AK26" s="487"/>
      <c r="AL26" s="488"/>
      <c r="AM26" s="5"/>
      <c r="AN26" s="37" t="s">
        <v>16</v>
      </c>
      <c r="AO26" s="556" t="s">
        <v>1439</v>
      </c>
      <c r="AP26" s="556"/>
      <c r="AQ26" s="556"/>
      <c r="AR26" s="556"/>
      <c r="AS26" s="556"/>
      <c r="AT26" s="556"/>
      <c r="AU26" s="556"/>
      <c r="AV26" s="556"/>
      <c r="AW26" s="556"/>
      <c r="AX26" s="556"/>
      <c r="AY26" s="556"/>
      <c r="AZ26" s="556"/>
      <c r="BA26" s="556"/>
      <c r="BB26" s="556"/>
      <c r="BC26" s="556"/>
      <c r="BD26" s="556"/>
      <c r="BE26" s="556"/>
      <c r="BF26" s="556"/>
      <c r="BG26" s="556"/>
      <c r="BH26" s="556"/>
      <c r="BI26" s="556"/>
      <c r="BJ26" s="556"/>
      <c r="BK26" s="556"/>
      <c r="BL26" s="556"/>
      <c r="BM26" s="556"/>
      <c r="BN26" s="556"/>
      <c r="BO26" s="556"/>
      <c r="BP26" s="556"/>
      <c r="BQ26" s="556"/>
      <c r="BR26" s="556"/>
      <c r="BS26" s="556"/>
      <c r="BT26" s="556"/>
      <c r="BU26" s="556"/>
      <c r="BV26" s="556"/>
      <c r="BW26" s="556"/>
      <c r="BX26" s="556"/>
      <c r="BY26" s="556"/>
      <c r="BZ26" s="556"/>
      <c r="CA26" s="556"/>
      <c r="CB26" s="556"/>
      <c r="CC26" s="556"/>
      <c r="CD26" s="556"/>
      <c r="CE26" s="556"/>
      <c r="CF26" s="556"/>
      <c r="CG26" s="556"/>
      <c r="CH26" s="556"/>
      <c r="CI26" s="556"/>
      <c r="CJ26" s="556"/>
      <c r="CK26" s="556"/>
      <c r="CL26" s="556"/>
      <c r="CM26" s="557"/>
      <c r="CN26" s="33"/>
      <c r="CQ26" s="3" ph="1"/>
      <c r="CR26" s="3" ph="1"/>
      <c r="CS26" s="3" ph="1"/>
      <c r="CT26" s="3" ph="1"/>
      <c r="CU26" s="3" ph="1"/>
      <c r="CV26" s="3" ph="1"/>
    </row>
    <row r="27" spans="1:100" ht="17.25" customHeight="1" x14ac:dyDescent="0.15">
      <c r="A27" s="329"/>
      <c r="B27" s="329"/>
      <c r="C27" s="329"/>
      <c r="D27" s="329"/>
      <c r="E27" s="329"/>
      <c r="F27" s="370"/>
      <c r="G27" s="370"/>
      <c r="H27" s="370"/>
      <c r="I27" s="370"/>
      <c r="J27" s="370"/>
      <c r="K27" s="370"/>
      <c r="L27" s="370"/>
      <c r="M27" s="370"/>
      <c r="N27" s="523"/>
      <c r="O27" s="428"/>
      <c r="P27" s="428"/>
      <c r="Q27" s="342">
        <v>37444</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17" t="s">
        <v>16</v>
      </c>
      <c r="AO27" s="552" t="s">
        <v>457</v>
      </c>
      <c r="AP27" s="552"/>
      <c r="AQ27" s="552"/>
      <c r="AR27" s="552"/>
      <c r="AS27" s="552"/>
      <c r="AT27" s="552"/>
      <c r="AU27" s="552"/>
      <c r="AV27" s="552"/>
      <c r="AW27" s="552"/>
      <c r="AX27" s="552"/>
      <c r="AY27" s="552"/>
      <c r="AZ27" s="552"/>
      <c r="BA27" s="552"/>
      <c r="BB27" s="552"/>
      <c r="BC27" s="552"/>
      <c r="BD27" s="552"/>
      <c r="BE27" s="552"/>
      <c r="BF27" s="552"/>
      <c r="BG27" s="552"/>
      <c r="BH27" s="552"/>
      <c r="BI27" s="552"/>
      <c r="BJ27" s="552"/>
      <c r="BK27" s="552"/>
      <c r="BL27" s="552"/>
      <c r="BM27" s="552"/>
      <c r="BN27" s="552"/>
      <c r="BO27" s="552"/>
      <c r="BP27" s="552"/>
      <c r="BQ27" s="552"/>
      <c r="BR27" s="552"/>
      <c r="BS27" s="552"/>
      <c r="BT27" s="552"/>
      <c r="BU27" s="552"/>
      <c r="BV27" s="552"/>
      <c r="BW27" s="552"/>
      <c r="BX27" s="552"/>
      <c r="BY27" s="552"/>
      <c r="BZ27" s="552"/>
      <c r="CA27" s="552"/>
      <c r="CB27" s="552"/>
      <c r="CC27" s="552"/>
      <c r="CD27" s="552"/>
      <c r="CE27" s="552"/>
      <c r="CF27" s="552"/>
      <c r="CG27" s="552"/>
      <c r="CH27" s="552"/>
      <c r="CI27" s="552"/>
      <c r="CJ27" s="552"/>
      <c r="CK27" s="552"/>
      <c r="CL27" s="552"/>
      <c r="CM27" s="553"/>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196</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8" t="s">
        <v>16</v>
      </c>
      <c r="AO29" s="993" t="s">
        <v>1224</v>
      </c>
      <c r="AP29" s="993"/>
      <c r="AQ29" s="993"/>
      <c r="AR29" s="993"/>
      <c r="AS29" s="993"/>
      <c r="AT29" s="993"/>
      <c r="AU29" s="993"/>
      <c r="AV29" s="993"/>
      <c r="AW29" s="993"/>
      <c r="AX29" s="993"/>
      <c r="AY29" s="993"/>
      <c r="AZ29" s="993"/>
      <c r="BA29" s="993"/>
      <c r="BB29" s="993"/>
      <c r="BC29" s="993"/>
      <c r="BD29" s="993"/>
      <c r="BE29" s="993"/>
      <c r="BF29" s="993"/>
      <c r="BG29" s="993"/>
      <c r="BH29" s="993"/>
      <c r="BI29" s="993"/>
      <c r="BJ29" s="993"/>
      <c r="BK29" s="993"/>
      <c r="BL29" s="993"/>
      <c r="BM29" s="993"/>
      <c r="BN29" s="993"/>
      <c r="BO29" s="993"/>
      <c r="BP29" s="994"/>
      <c r="BQ29" s="84"/>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9" t="s">
        <v>16</v>
      </c>
      <c r="AO30" s="706" t="s">
        <v>1436</v>
      </c>
      <c r="AP30" s="706"/>
      <c r="AQ30" s="706"/>
      <c r="AR30" s="706"/>
      <c r="AS30" s="706"/>
      <c r="AT30" s="706"/>
      <c r="AU30" s="706"/>
      <c r="AV30" s="706"/>
      <c r="AW30" s="706"/>
      <c r="AX30" s="706"/>
      <c r="AY30" s="706"/>
      <c r="AZ30" s="706"/>
      <c r="BA30" s="706"/>
      <c r="BB30" s="706"/>
      <c r="BC30" s="706"/>
      <c r="BD30" s="706"/>
      <c r="BE30" s="706"/>
      <c r="BF30" s="706"/>
      <c r="BG30" s="706"/>
      <c r="BH30" s="706"/>
      <c r="BI30" s="706"/>
      <c r="BJ30" s="706"/>
      <c r="BK30" s="706"/>
      <c r="BL30" s="706"/>
      <c r="BM30" s="706"/>
      <c r="BN30" s="706"/>
      <c r="BO30" s="706"/>
      <c r="BP30" s="707"/>
      <c r="BQ30" s="118"/>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9" t="s">
        <v>16</v>
      </c>
      <c r="AO31" s="993" t="s">
        <v>401</v>
      </c>
      <c r="AP31" s="993"/>
      <c r="AQ31" s="993"/>
      <c r="AR31" s="993"/>
      <c r="AS31" s="993"/>
      <c r="AT31" s="993"/>
      <c r="AU31" s="993"/>
      <c r="AV31" s="993"/>
      <c r="AW31" s="993"/>
      <c r="AX31" s="993"/>
      <c r="AY31" s="993"/>
      <c r="AZ31" s="993"/>
      <c r="BA31" s="993"/>
      <c r="BB31" s="993"/>
      <c r="BC31" s="993"/>
      <c r="BD31" s="993"/>
      <c r="BE31" s="993"/>
      <c r="BF31" s="993"/>
      <c r="BG31" s="993"/>
      <c r="BH31" s="993"/>
      <c r="BI31" s="993"/>
      <c r="BJ31" s="993"/>
      <c r="BK31" s="993"/>
      <c r="BL31" s="993"/>
      <c r="BM31" s="993"/>
      <c r="BN31" s="993"/>
      <c r="BO31" s="993"/>
      <c r="BP31" s="994"/>
      <c r="BQ31" s="85"/>
      <c r="BR31" s="292" t="s">
        <v>265</v>
      </c>
      <c r="BS31" s="293"/>
      <c r="BT31" s="293"/>
      <c r="BU31" s="293"/>
      <c r="BV31" s="293"/>
      <c r="BW31" s="293"/>
      <c r="BX31" s="294"/>
      <c r="BY31" s="292" t="s">
        <v>266</v>
      </c>
      <c r="BZ31" s="293"/>
      <c r="CA31" s="293"/>
      <c r="CB31" s="293"/>
      <c r="CC31" s="293"/>
      <c r="CD31" s="293"/>
      <c r="CE31" s="293"/>
      <c r="CF31" s="293"/>
      <c r="CG31" s="294"/>
      <c r="CH31" s="287" t="s">
        <v>411</v>
      </c>
      <c r="CI31" s="287"/>
      <c r="CJ31" s="287"/>
      <c r="CK31" s="287"/>
      <c r="CL31" s="287"/>
      <c r="CM31" s="287"/>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9"/>
      <c r="AO32" s="1219"/>
      <c r="AP32" s="1219"/>
      <c r="AQ32" s="1219"/>
      <c r="AR32" s="1219"/>
      <c r="AS32" s="1219"/>
      <c r="AT32" s="1219"/>
      <c r="AU32" s="1219"/>
      <c r="AV32" s="1219"/>
      <c r="AW32" s="1219"/>
      <c r="AX32" s="1219"/>
      <c r="AY32" s="1219"/>
      <c r="AZ32" s="1219"/>
      <c r="BA32" s="1219"/>
      <c r="BB32" s="1219"/>
      <c r="BC32" s="1219"/>
      <c r="BD32" s="1219"/>
      <c r="BE32" s="1219"/>
      <c r="BF32" s="1219"/>
      <c r="BG32" s="1219"/>
      <c r="BH32" s="1219"/>
      <c r="BI32" s="1219"/>
      <c r="BJ32" s="1219"/>
      <c r="BK32" s="1219"/>
      <c r="BL32" s="1219"/>
      <c r="BM32" s="1219"/>
      <c r="BN32" s="1219"/>
      <c r="BO32" s="1219"/>
      <c r="BP32" s="1220"/>
      <c r="BQ32" s="118"/>
      <c r="BR32" s="295"/>
      <c r="BS32" s="296"/>
      <c r="BT32" s="296"/>
      <c r="BU32" s="296"/>
      <c r="BV32" s="296"/>
      <c r="BW32" s="296"/>
      <c r="BX32" s="297"/>
      <c r="BY32" s="295"/>
      <c r="BZ32" s="296"/>
      <c r="CA32" s="296"/>
      <c r="CB32" s="296"/>
      <c r="CC32" s="296"/>
      <c r="CD32" s="296"/>
      <c r="CE32" s="296"/>
      <c r="CF32" s="296"/>
      <c r="CG32" s="297"/>
      <c r="CH32" s="287"/>
      <c r="CI32" s="287"/>
      <c r="CJ32" s="287"/>
      <c r="CK32" s="287"/>
      <c r="CL32" s="287"/>
      <c r="CM32" s="287"/>
      <c r="CQ32" s="3" ph="1"/>
      <c r="CR32" s="3" ph="1"/>
      <c r="CS32" s="3" ph="1"/>
      <c r="CT32" s="3" ph="1"/>
      <c r="CU32" s="3" ph="1"/>
      <c r="CV32" s="3" ph="1"/>
    </row>
    <row r="33" spans="1:100" ht="17.25" customHeight="1" x14ac:dyDescent="0.15">
      <c r="A33" s="472"/>
      <c r="B33" s="473"/>
      <c r="C33" s="473"/>
      <c r="D33" s="473"/>
      <c r="E33" s="473"/>
      <c r="F33" s="473"/>
      <c r="G33" s="473"/>
      <c r="H33" s="473"/>
      <c r="I33" s="473"/>
      <c r="J33" s="473"/>
      <c r="K33" s="473"/>
      <c r="L33" s="473"/>
      <c r="M33" s="473"/>
      <c r="N33" s="473"/>
      <c r="O33" s="473"/>
      <c r="P33" s="473"/>
      <c r="Q33" s="473"/>
      <c r="R33" s="473"/>
      <c r="S33" s="473"/>
      <c r="T33" s="473"/>
      <c r="U33" s="473"/>
      <c r="V33" s="473"/>
      <c r="W33" s="473"/>
      <c r="X33" s="473"/>
      <c r="Y33" s="473"/>
      <c r="Z33" s="473"/>
      <c r="AA33" s="473"/>
      <c r="AB33" s="473"/>
      <c r="AC33" s="473"/>
      <c r="AD33" s="473"/>
      <c r="AE33" s="473"/>
      <c r="AF33" s="473"/>
      <c r="AG33" s="473"/>
      <c r="AH33" s="473"/>
      <c r="AI33" s="473"/>
      <c r="AJ33" s="473"/>
      <c r="AK33" s="473"/>
      <c r="AL33" s="474"/>
      <c r="AM33" s="5"/>
      <c r="AN33" s="22"/>
      <c r="AO33" s="1221"/>
      <c r="AP33" s="1221"/>
      <c r="AQ33" s="1221"/>
      <c r="AR33" s="1221"/>
      <c r="AS33" s="1221"/>
      <c r="AT33" s="1221"/>
      <c r="AU33" s="1221"/>
      <c r="AV33" s="1221"/>
      <c r="AW33" s="1221"/>
      <c r="AX33" s="1221"/>
      <c r="AY33" s="1221"/>
      <c r="AZ33" s="1221"/>
      <c r="BA33" s="1221"/>
      <c r="BB33" s="1221"/>
      <c r="BC33" s="1221"/>
      <c r="BD33" s="1221"/>
      <c r="BE33" s="1221"/>
      <c r="BF33" s="1221"/>
      <c r="BG33" s="1221"/>
      <c r="BH33" s="1221"/>
      <c r="BI33" s="1221"/>
      <c r="BJ33" s="1221"/>
      <c r="BK33" s="1221"/>
      <c r="BL33" s="1221"/>
      <c r="BM33" s="1221"/>
      <c r="BN33" s="1221"/>
      <c r="BO33" s="1221"/>
      <c r="BP33" s="1222"/>
      <c r="BQ33" s="118"/>
      <c r="BR33" s="292" t="s">
        <v>267</v>
      </c>
      <c r="BS33" s="293"/>
      <c r="BT33" s="293"/>
      <c r="BU33" s="293"/>
      <c r="BV33" s="293"/>
      <c r="BW33" s="293"/>
      <c r="BX33" s="294"/>
      <c r="BY33" s="284">
        <v>413</v>
      </c>
      <c r="BZ33" s="285"/>
      <c r="CA33" s="285"/>
      <c r="CB33" s="285"/>
      <c r="CC33" s="285"/>
      <c r="CD33" s="285"/>
      <c r="CE33" s="285"/>
      <c r="CF33" s="285"/>
      <c r="CG33" s="288"/>
      <c r="CH33" s="286">
        <v>1.18811</v>
      </c>
      <c r="CI33" s="286"/>
      <c r="CJ33" s="286"/>
      <c r="CK33" s="286"/>
      <c r="CL33" s="286"/>
      <c r="CM33" s="286"/>
      <c r="CQ33" s="3" ph="1"/>
      <c r="CR33" s="3" ph="1"/>
      <c r="CS33" s="3" ph="1"/>
      <c r="CT33" s="3" ph="1"/>
      <c r="CU33" s="3" ph="1"/>
      <c r="CV33" s="3" ph="1"/>
    </row>
    <row r="34" spans="1:100" ht="17.25" customHeight="1" x14ac:dyDescent="0.15">
      <c r="A34" s="255" t="s">
        <v>274</v>
      </c>
      <c r="B34" s="255"/>
      <c r="C34" s="255"/>
      <c r="D34" s="255"/>
      <c r="E34" s="255"/>
      <c r="F34" s="255"/>
      <c r="G34" s="255"/>
      <c r="H34" s="255"/>
      <c r="I34" s="255"/>
      <c r="J34" s="255"/>
      <c r="K34" s="255"/>
      <c r="L34" s="255"/>
      <c r="M34" s="255"/>
      <c r="N34" s="129"/>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11" t="s">
        <v>197</v>
      </c>
      <c r="B35" s="312"/>
      <c r="C35" s="312"/>
      <c r="D35" s="312"/>
      <c r="E35" s="312"/>
      <c r="F35" s="312"/>
      <c r="G35" s="312"/>
      <c r="H35" s="312"/>
      <c r="I35" s="312"/>
      <c r="J35" s="312"/>
      <c r="K35" s="312"/>
      <c r="L35" s="312"/>
      <c r="M35" s="313"/>
      <c r="N35" s="129"/>
      <c r="O35" s="311" t="s">
        <v>157</v>
      </c>
      <c r="P35" s="312"/>
      <c r="Q35" s="312"/>
      <c r="R35" s="312"/>
      <c r="S35" s="312"/>
      <c r="T35" s="312"/>
      <c r="U35" s="312"/>
      <c r="V35" s="312"/>
      <c r="W35" s="312"/>
      <c r="X35" s="312"/>
      <c r="Y35" s="312"/>
      <c r="Z35" s="312"/>
      <c r="AA35" s="312"/>
      <c r="AB35" s="312"/>
      <c r="AC35" s="312"/>
      <c r="AD35" s="312"/>
      <c r="AE35" s="312"/>
      <c r="AF35" s="312"/>
      <c r="AG35" s="312"/>
      <c r="AH35" s="312"/>
      <c r="AI35" s="312"/>
      <c r="AJ35" s="312"/>
      <c r="AK35" s="312"/>
      <c r="AL35" s="313"/>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0260</v>
      </c>
      <c r="BZ35" s="681"/>
      <c r="CA35" s="682"/>
      <c r="CB35" s="682"/>
      <c r="CC35" s="682"/>
      <c r="CD35" s="682"/>
      <c r="CE35" s="682"/>
      <c r="CF35" s="682"/>
      <c r="CG35" s="682"/>
      <c r="CH35" s="683">
        <v>29.515840000000001</v>
      </c>
      <c r="CI35" s="683"/>
      <c r="CJ35" s="683"/>
      <c r="CK35" s="683"/>
      <c r="CL35" s="683"/>
      <c r="CM35" s="683"/>
      <c r="CQ35" s="3" ph="1"/>
    </row>
    <row r="36" spans="1:100" ht="17.25" customHeight="1" x14ac:dyDescent="0.15">
      <c r="A36" s="251">
        <v>31035</v>
      </c>
      <c r="B36" s="690"/>
      <c r="C36" s="690"/>
      <c r="D36" s="690"/>
      <c r="E36" s="690"/>
      <c r="F36" s="690"/>
      <c r="G36" s="690"/>
      <c r="H36" s="690"/>
      <c r="I36" s="690"/>
      <c r="J36" s="690"/>
      <c r="K36" s="690"/>
      <c r="L36" s="690"/>
      <c r="M36" s="691"/>
      <c r="N36" s="129"/>
      <c r="O36" s="272" t="s">
        <v>131</v>
      </c>
      <c r="P36" s="874"/>
      <c r="Q36" s="874"/>
      <c r="R36" s="874"/>
      <c r="S36" s="874"/>
      <c r="T36" s="874"/>
      <c r="U36" s="874"/>
      <c r="V36" s="874"/>
      <c r="W36" s="874"/>
      <c r="X36" s="874"/>
      <c r="Y36" s="874"/>
      <c r="Z36" s="874"/>
      <c r="AA36" s="874"/>
      <c r="AB36" s="874"/>
      <c r="AC36" s="874"/>
      <c r="AD36" s="874"/>
      <c r="AE36" s="874"/>
      <c r="AF36" s="874"/>
      <c r="AG36" s="874"/>
      <c r="AH36" s="874"/>
      <c r="AI36" s="874"/>
      <c r="AJ36" s="874"/>
      <c r="AK36" s="874"/>
      <c r="AL36" s="875"/>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24" t="s">
        <v>198</v>
      </c>
      <c r="B37" s="692"/>
      <c r="C37" s="692"/>
      <c r="D37" s="692"/>
      <c r="E37" s="692"/>
      <c r="F37" s="692"/>
      <c r="G37" s="692"/>
      <c r="H37" s="692"/>
      <c r="I37" s="692"/>
      <c r="J37" s="692"/>
      <c r="K37" s="692"/>
      <c r="L37" s="692"/>
      <c r="M37" s="693"/>
      <c r="N37" s="129"/>
      <c r="O37" s="272" t="s">
        <v>230</v>
      </c>
      <c r="P37" s="874"/>
      <c r="Q37" s="874"/>
      <c r="R37" s="874"/>
      <c r="S37" s="874"/>
      <c r="T37" s="874"/>
      <c r="U37" s="874"/>
      <c r="V37" s="874"/>
      <c r="W37" s="874"/>
      <c r="X37" s="874"/>
      <c r="Y37" s="874"/>
      <c r="Z37" s="874"/>
      <c r="AA37" s="874"/>
      <c r="AB37" s="874"/>
      <c r="AC37" s="874"/>
      <c r="AD37" s="874"/>
      <c r="AE37" s="874"/>
      <c r="AF37" s="874"/>
      <c r="AG37" s="874"/>
      <c r="AH37" s="874"/>
      <c r="AI37" s="874"/>
      <c r="AJ37" s="874"/>
      <c r="AK37" s="874"/>
      <c r="AL37" s="875"/>
      <c r="AM37" s="5"/>
      <c r="AN37" s="287" t="s">
        <v>399</v>
      </c>
      <c r="AO37" s="287"/>
      <c r="AP37" s="287"/>
      <c r="AQ37" s="287"/>
      <c r="AR37" s="287"/>
      <c r="AS37" s="287"/>
      <c r="AT37" s="287"/>
      <c r="AU37" s="287"/>
      <c r="AV37" s="287"/>
      <c r="AW37" s="681">
        <v>84460</v>
      </c>
      <c r="AX37" s="681"/>
      <c r="AY37" s="681"/>
      <c r="AZ37" s="681"/>
      <c r="BA37" s="681"/>
      <c r="BB37" s="681"/>
      <c r="BC37" s="681"/>
      <c r="BD37" s="681"/>
      <c r="BE37" s="681"/>
      <c r="BF37" s="681"/>
      <c r="BG37" s="681">
        <v>33356</v>
      </c>
      <c r="BH37" s="681"/>
      <c r="BI37" s="681"/>
      <c r="BJ37" s="681"/>
      <c r="BK37" s="681"/>
      <c r="BL37" s="681"/>
      <c r="BM37" s="681"/>
      <c r="BN37" s="681"/>
      <c r="BO37" s="681"/>
      <c r="BP37" s="681"/>
      <c r="BQ37" s="149"/>
      <c r="BR37" s="680" t="s">
        <v>273</v>
      </c>
      <c r="BS37" s="680"/>
      <c r="BT37" s="680"/>
      <c r="BU37" s="680"/>
      <c r="BV37" s="680"/>
      <c r="BW37" s="680"/>
      <c r="BX37" s="680"/>
      <c r="BY37" s="681">
        <v>24088</v>
      </c>
      <c r="BZ37" s="681"/>
      <c r="CA37" s="682"/>
      <c r="CB37" s="682"/>
      <c r="CC37" s="682"/>
      <c r="CD37" s="682"/>
      <c r="CE37" s="682"/>
      <c r="CF37" s="682"/>
      <c r="CG37" s="682"/>
      <c r="CH37" s="683">
        <v>69.296049999999994</v>
      </c>
      <c r="CI37" s="683"/>
      <c r="CJ37" s="683"/>
      <c r="CK37" s="683"/>
      <c r="CL37" s="683"/>
      <c r="CM37" s="683"/>
      <c r="CQ37" s="3" ph="1"/>
    </row>
    <row r="38" spans="1:100" ht="17.25" customHeight="1" x14ac:dyDescent="0.15">
      <c r="A38" s="251">
        <v>34629</v>
      </c>
      <c r="B38" s="690"/>
      <c r="C38" s="690"/>
      <c r="D38" s="690"/>
      <c r="E38" s="690"/>
      <c r="F38" s="690"/>
      <c r="G38" s="690"/>
      <c r="H38" s="690"/>
      <c r="I38" s="690"/>
      <c r="J38" s="690"/>
      <c r="K38" s="690"/>
      <c r="L38" s="690"/>
      <c r="M38" s="691"/>
      <c r="N38" s="150"/>
      <c r="O38" s="216" t="s">
        <v>146</v>
      </c>
      <c r="P38" s="874"/>
      <c r="Q38" s="874"/>
      <c r="R38" s="874"/>
      <c r="S38" s="874"/>
      <c r="T38" s="874"/>
      <c r="U38" s="874"/>
      <c r="V38" s="874"/>
      <c r="W38" s="874"/>
      <c r="X38" s="874"/>
      <c r="Y38" s="874"/>
      <c r="Z38" s="874"/>
      <c r="AA38" s="874"/>
      <c r="AB38" s="874"/>
      <c r="AC38" s="874"/>
      <c r="AD38" s="874"/>
      <c r="AE38" s="874"/>
      <c r="AF38" s="874"/>
      <c r="AG38" s="874"/>
      <c r="AH38" s="874"/>
      <c r="AI38" s="874"/>
      <c r="AJ38" s="874"/>
      <c r="AK38" s="874"/>
      <c r="AL38" s="875"/>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16" t="s">
        <v>199</v>
      </c>
      <c r="B39" s="692"/>
      <c r="C39" s="692"/>
      <c r="D39" s="692"/>
      <c r="E39" s="692"/>
      <c r="F39" s="692"/>
      <c r="G39" s="692"/>
      <c r="H39" s="692"/>
      <c r="I39" s="692"/>
      <c r="J39" s="692"/>
      <c r="K39" s="692"/>
      <c r="L39" s="692"/>
      <c r="M39" s="693"/>
      <c r="N39" s="167"/>
      <c r="O39" s="272" t="s">
        <v>318</v>
      </c>
      <c r="P39" s="874"/>
      <c r="Q39" s="874"/>
      <c r="R39" s="874"/>
      <c r="S39" s="874"/>
      <c r="T39" s="874"/>
      <c r="U39" s="874"/>
      <c r="V39" s="874"/>
      <c r="W39" s="874"/>
      <c r="X39" s="874"/>
      <c r="Y39" s="874"/>
      <c r="Z39" s="874"/>
      <c r="AA39" s="874"/>
      <c r="AB39" s="874"/>
      <c r="AC39" s="874"/>
      <c r="AD39" s="874"/>
      <c r="AE39" s="874"/>
      <c r="AF39" s="874"/>
      <c r="AG39" s="874"/>
      <c r="AH39" s="874"/>
      <c r="AI39" s="874"/>
      <c r="AJ39" s="874"/>
      <c r="AK39" s="874"/>
      <c r="AL39" s="875"/>
      <c r="AM39" s="5"/>
      <c r="AN39" s="287" t="s">
        <v>1059</v>
      </c>
      <c r="AO39" s="287"/>
      <c r="AP39" s="287"/>
      <c r="AQ39" s="287"/>
      <c r="AR39" s="287"/>
      <c r="AS39" s="287"/>
      <c r="AT39" s="287"/>
      <c r="AU39" s="287"/>
      <c r="AV39" s="287"/>
      <c r="AW39" s="681">
        <v>83913</v>
      </c>
      <c r="AX39" s="681"/>
      <c r="AY39" s="681"/>
      <c r="AZ39" s="682"/>
      <c r="BA39" s="682"/>
      <c r="BB39" s="682"/>
      <c r="BC39" s="682"/>
      <c r="BD39" s="682"/>
      <c r="BE39" s="682"/>
      <c r="BF39" s="682"/>
      <c r="BG39" s="681">
        <v>34879</v>
      </c>
      <c r="BH39" s="681"/>
      <c r="BI39" s="681"/>
      <c r="BJ39" s="681"/>
      <c r="BK39" s="681"/>
      <c r="BL39" s="681"/>
      <c r="BM39" s="681"/>
      <c r="BN39" s="681"/>
      <c r="BO39" s="681"/>
      <c r="BP39" s="681"/>
      <c r="BQ39" s="149"/>
      <c r="BR39" s="301" t="s">
        <v>1119</v>
      </c>
      <c r="BS39" s="293"/>
      <c r="BT39" s="293"/>
      <c r="BU39" s="293"/>
      <c r="BV39" s="293"/>
      <c r="BW39" s="293"/>
      <c r="BX39" s="294"/>
      <c r="BY39" s="681">
        <v>36070</v>
      </c>
      <c r="BZ39" s="681"/>
      <c r="CA39" s="682"/>
      <c r="CB39" s="682"/>
      <c r="CC39" s="682"/>
      <c r="CD39" s="682"/>
      <c r="CE39" s="682"/>
      <c r="CF39" s="682"/>
      <c r="CG39" s="682"/>
      <c r="CH39" s="683">
        <v>100</v>
      </c>
      <c r="CI39" s="683"/>
      <c r="CJ39" s="683"/>
      <c r="CK39" s="683"/>
      <c r="CL39" s="683"/>
      <c r="CM39" s="683"/>
    </row>
    <row r="40" spans="1:100" ht="17.25" customHeight="1" x14ac:dyDescent="0.15">
      <c r="A40" s="251">
        <v>36475</v>
      </c>
      <c r="B40" s="690"/>
      <c r="C40" s="690"/>
      <c r="D40" s="690"/>
      <c r="E40" s="690"/>
      <c r="F40" s="690"/>
      <c r="G40" s="690"/>
      <c r="H40" s="690"/>
      <c r="I40" s="690"/>
      <c r="J40" s="690"/>
      <c r="K40" s="690"/>
      <c r="L40" s="690"/>
      <c r="M40" s="691"/>
      <c r="N40" s="106"/>
      <c r="O40" s="1175" t="s">
        <v>1713</v>
      </c>
      <c r="P40" s="371"/>
      <c r="Q40" s="371"/>
      <c r="R40" s="371"/>
      <c r="S40" s="371"/>
      <c r="T40" s="371"/>
      <c r="U40" s="371"/>
      <c r="V40" s="371"/>
      <c r="W40" s="371"/>
      <c r="X40" s="371"/>
      <c r="Y40" s="371"/>
      <c r="Z40" s="371"/>
      <c r="AA40" s="371"/>
      <c r="AB40" s="371"/>
      <c r="AC40" s="371"/>
      <c r="AD40" s="371"/>
      <c r="AE40" s="371"/>
      <c r="AF40" s="371"/>
      <c r="AG40" s="371"/>
      <c r="AH40" s="371"/>
      <c r="AI40" s="371"/>
      <c r="AJ40" s="371"/>
      <c r="AK40" s="371"/>
      <c r="AL40" s="527"/>
      <c r="AM40" s="5"/>
      <c r="AN40" s="287"/>
      <c r="AO40" s="287"/>
      <c r="AP40" s="287"/>
      <c r="AQ40" s="287"/>
      <c r="AR40" s="287"/>
      <c r="AS40" s="287"/>
      <c r="AT40" s="287"/>
      <c r="AU40" s="287"/>
      <c r="AV40" s="287"/>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16" t="s">
        <v>200</v>
      </c>
      <c r="B41" s="692"/>
      <c r="C41" s="692"/>
      <c r="D41" s="692"/>
      <c r="E41" s="692"/>
      <c r="F41" s="692"/>
      <c r="G41" s="692"/>
      <c r="H41" s="692"/>
      <c r="I41" s="692"/>
      <c r="J41" s="692"/>
      <c r="K41" s="692"/>
      <c r="L41" s="692"/>
      <c r="M41" s="693"/>
      <c r="N41" s="106"/>
      <c r="O41" s="216"/>
      <c r="P41" s="217"/>
      <c r="Q41" s="217"/>
      <c r="R41" s="217"/>
      <c r="S41" s="217"/>
      <c r="T41" s="217"/>
      <c r="U41" s="217"/>
      <c r="V41" s="217"/>
      <c r="W41" s="217"/>
      <c r="X41" s="217"/>
      <c r="Y41" s="217"/>
      <c r="Z41" s="217"/>
      <c r="AA41" s="217"/>
      <c r="AB41" s="217"/>
      <c r="AC41" s="217"/>
      <c r="AD41" s="217"/>
      <c r="AE41" s="217"/>
      <c r="AF41" s="217"/>
      <c r="AG41" s="217"/>
      <c r="AH41" s="217"/>
      <c r="AI41" s="217"/>
      <c r="AJ41" s="217"/>
      <c r="AK41" s="217"/>
      <c r="AL41" s="218"/>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v>36872</v>
      </c>
      <c r="B42" s="690"/>
      <c r="C42" s="690"/>
      <c r="D42" s="690"/>
      <c r="E42" s="690"/>
      <c r="F42" s="690"/>
      <c r="G42" s="690"/>
      <c r="H42" s="690"/>
      <c r="I42" s="690"/>
      <c r="J42" s="690"/>
      <c r="K42" s="690"/>
      <c r="L42" s="690"/>
      <c r="M42" s="691"/>
      <c r="N42" s="106"/>
      <c r="O42" s="752"/>
      <c r="P42" s="753"/>
      <c r="Q42" s="753"/>
      <c r="R42" s="753"/>
      <c r="S42" s="753"/>
      <c r="T42" s="753"/>
      <c r="U42" s="753"/>
      <c r="V42" s="753"/>
      <c r="W42" s="753"/>
      <c r="X42" s="753"/>
      <c r="Y42" s="753"/>
      <c r="Z42" s="753"/>
      <c r="AA42" s="753"/>
      <c r="AB42" s="753"/>
      <c r="AC42" s="753"/>
      <c r="AD42" s="753"/>
      <c r="AE42" s="753"/>
      <c r="AF42" s="753"/>
      <c r="AG42" s="753"/>
      <c r="AH42" s="753"/>
      <c r="AI42" s="753"/>
      <c r="AJ42" s="753"/>
      <c r="AK42" s="753"/>
      <c r="AL42" s="754"/>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t="s">
        <v>201</v>
      </c>
      <c r="B43" s="692"/>
      <c r="C43" s="692"/>
      <c r="D43" s="692"/>
      <c r="E43" s="692"/>
      <c r="F43" s="692"/>
      <c r="G43" s="692"/>
      <c r="H43" s="692"/>
      <c r="I43" s="692"/>
      <c r="J43" s="692"/>
      <c r="K43" s="692"/>
      <c r="L43" s="692"/>
      <c r="M43" s="693"/>
      <c r="N43" s="167"/>
      <c r="O43" s="752"/>
      <c r="P43" s="753"/>
      <c r="Q43" s="753"/>
      <c r="R43" s="753"/>
      <c r="S43" s="753"/>
      <c r="T43" s="753"/>
      <c r="U43" s="753"/>
      <c r="V43" s="753"/>
      <c r="W43" s="753"/>
      <c r="X43" s="753"/>
      <c r="Y43" s="753"/>
      <c r="Z43" s="753"/>
      <c r="AA43" s="753"/>
      <c r="AB43" s="753"/>
      <c r="AC43" s="753"/>
      <c r="AD43" s="753"/>
      <c r="AE43" s="753"/>
      <c r="AF43" s="753"/>
      <c r="AG43" s="753"/>
      <c r="AH43" s="753"/>
      <c r="AI43" s="753"/>
      <c r="AJ43" s="753"/>
      <c r="AK43" s="753"/>
      <c r="AL43" s="754"/>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v>37444</v>
      </c>
      <c r="B44" s="690"/>
      <c r="C44" s="690"/>
      <c r="D44" s="690"/>
      <c r="E44" s="690"/>
      <c r="F44" s="690"/>
      <c r="G44" s="690"/>
      <c r="H44" s="690"/>
      <c r="I44" s="690"/>
      <c r="J44" s="690"/>
      <c r="K44" s="690"/>
      <c r="L44" s="690"/>
      <c r="M44" s="691"/>
      <c r="N44" s="106"/>
      <c r="O44" s="752"/>
      <c r="P44" s="753"/>
      <c r="Q44" s="753"/>
      <c r="R44" s="753"/>
      <c r="S44" s="753"/>
      <c r="T44" s="753"/>
      <c r="U44" s="753"/>
      <c r="V44" s="753"/>
      <c r="W44" s="753"/>
      <c r="X44" s="753"/>
      <c r="Y44" s="753"/>
      <c r="Z44" s="753"/>
      <c r="AA44" s="753"/>
      <c r="AB44" s="753"/>
      <c r="AC44" s="753"/>
      <c r="AD44" s="753"/>
      <c r="AE44" s="753"/>
      <c r="AF44" s="753"/>
      <c r="AG44" s="753"/>
      <c r="AH44" s="753"/>
      <c r="AI44" s="753"/>
      <c r="AJ44" s="753"/>
      <c r="AK44" s="753"/>
      <c r="AL44" s="754"/>
      <c r="AM44" s="5"/>
      <c r="AN44" s="764">
        <v>3790.1</v>
      </c>
      <c r="AO44" s="765"/>
      <c r="AP44" s="765"/>
      <c r="AQ44" s="765"/>
      <c r="AR44" s="765"/>
      <c r="AS44" s="727" t="s">
        <v>383</v>
      </c>
      <c r="AT44" s="727"/>
      <c r="AU44" s="727"/>
      <c r="AV44" s="728"/>
      <c r="AW44" s="879">
        <v>28</v>
      </c>
      <c r="AX44" s="880"/>
      <c r="AY44" s="880"/>
      <c r="AZ44" s="880"/>
      <c r="BA44" s="880"/>
      <c r="BB44" s="880"/>
      <c r="BC44" s="706" t="s">
        <v>384</v>
      </c>
      <c r="BD44" s="706"/>
      <c r="BE44" s="706"/>
      <c r="BF44" s="707"/>
      <c r="BG44" s="879">
        <v>96</v>
      </c>
      <c r="BH44" s="880"/>
      <c r="BI44" s="880"/>
      <c r="BJ44" s="880"/>
      <c r="BK44" s="880"/>
      <c r="BL44" s="880"/>
      <c r="BM44" s="706" t="s">
        <v>384</v>
      </c>
      <c r="BN44" s="706"/>
      <c r="BO44" s="706"/>
      <c r="BP44" s="707"/>
      <c r="BQ44" s="130"/>
      <c r="BR44" s="714">
        <v>22.14</v>
      </c>
      <c r="BS44" s="715"/>
      <c r="BT44" s="715"/>
      <c r="BU44" s="715"/>
      <c r="BV44" s="715"/>
      <c r="BW44" s="715"/>
      <c r="BX44" s="715"/>
      <c r="BY44" s="696" t="s">
        <v>385</v>
      </c>
      <c r="BZ44" s="696"/>
      <c r="CA44" s="696"/>
      <c r="CB44" s="697"/>
      <c r="CC44" s="718">
        <v>1034</v>
      </c>
      <c r="CD44" s="719"/>
      <c r="CE44" s="719"/>
      <c r="CF44" s="719"/>
      <c r="CG44" s="719"/>
      <c r="CH44" s="719"/>
      <c r="CI44" s="719"/>
      <c r="CJ44" s="696" t="s">
        <v>386</v>
      </c>
      <c r="CK44" s="696"/>
      <c r="CL44" s="696"/>
      <c r="CM44" s="697"/>
    </row>
    <row r="45" spans="1:100" ht="17.25" customHeight="1" x14ac:dyDescent="0.15">
      <c r="A45" s="771" t="s">
        <v>1189</v>
      </c>
      <c r="B45" s="772"/>
      <c r="C45" s="772"/>
      <c r="D45" s="772"/>
      <c r="E45" s="772"/>
      <c r="F45" s="772"/>
      <c r="G45" s="772"/>
      <c r="H45" s="772"/>
      <c r="I45" s="772"/>
      <c r="J45" s="772"/>
      <c r="K45" s="772"/>
      <c r="L45" s="772"/>
      <c r="M45" s="773"/>
      <c r="N45" s="167"/>
      <c r="O45" s="752"/>
      <c r="P45" s="753"/>
      <c r="Q45" s="753"/>
      <c r="R45" s="753"/>
      <c r="S45" s="753"/>
      <c r="T45" s="753"/>
      <c r="U45" s="753"/>
      <c r="V45" s="753"/>
      <c r="W45" s="753"/>
      <c r="X45" s="753"/>
      <c r="Y45" s="753"/>
      <c r="Z45" s="753"/>
      <c r="AA45" s="753"/>
      <c r="AB45" s="753"/>
      <c r="AC45" s="753"/>
      <c r="AD45" s="753"/>
      <c r="AE45" s="753"/>
      <c r="AF45" s="753"/>
      <c r="AG45" s="753"/>
      <c r="AH45" s="753"/>
      <c r="AI45" s="753"/>
      <c r="AJ45" s="753"/>
      <c r="AK45" s="753"/>
      <c r="AL45" s="754"/>
      <c r="AM45" s="5"/>
      <c r="AN45" s="766"/>
      <c r="AO45" s="767"/>
      <c r="AP45" s="767"/>
      <c r="AQ45" s="767"/>
      <c r="AR45" s="767"/>
      <c r="AS45" s="282"/>
      <c r="AT45" s="282"/>
      <c r="AU45" s="282"/>
      <c r="AV45" s="283"/>
      <c r="AW45" s="881"/>
      <c r="AX45" s="882"/>
      <c r="AY45" s="882"/>
      <c r="AZ45" s="882"/>
      <c r="BA45" s="882"/>
      <c r="BB45" s="882"/>
      <c r="BC45" s="708"/>
      <c r="BD45" s="708"/>
      <c r="BE45" s="708"/>
      <c r="BF45" s="709"/>
      <c r="BG45" s="881"/>
      <c r="BH45" s="882"/>
      <c r="BI45" s="882"/>
      <c r="BJ45" s="882"/>
      <c r="BK45" s="882"/>
      <c r="BL45" s="882"/>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1223" t="s">
        <v>1190</v>
      </c>
      <c r="B46" s="1224"/>
      <c r="C46" s="1224"/>
      <c r="D46" s="1224"/>
      <c r="E46" s="1224"/>
      <c r="F46" s="1224"/>
      <c r="G46" s="1224"/>
      <c r="H46" s="1224"/>
      <c r="I46" s="1224"/>
      <c r="J46" s="1224"/>
      <c r="K46" s="1224"/>
      <c r="L46" s="1224"/>
      <c r="M46" s="1225"/>
      <c r="N46" s="106"/>
      <c r="O46" s="216"/>
      <c r="P46" s="874"/>
      <c r="Q46" s="874"/>
      <c r="R46" s="874"/>
      <c r="S46" s="874"/>
      <c r="T46" s="874"/>
      <c r="U46" s="874"/>
      <c r="V46" s="874"/>
      <c r="W46" s="874"/>
      <c r="X46" s="874"/>
      <c r="Y46" s="874"/>
      <c r="Z46" s="874"/>
      <c r="AA46" s="874"/>
      <c r="AB46" s="874"/>
      <c r="AC46" s="874"/>
      <c r="AD46" s="874"/>
      <c r="AE46" s="874"/>
      <c r="AF46" s="874"/>
      <c r="AG46" s="874"/>
      <c r="AH46" s="874"/>
      <c r="AI46" s="874"/>
      <c r="AJ46" s="874"/>
      <c r="AK46" s="874"/>
      <c r="AL46" s="875"/>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752"/>
      <c r="B47" s="753"/>
      <c r="C47" s="753"/>
      <c r="D47" s="753"/>
      <c r="E47" s="753"/>
      <c r="F47" s="753"/>
      <c r="G47" s="753"/>
      <c r="H47" s="753"/>
      <c r="I47" s="753"/>
      <c r="J47" s="753"/>
      <c r="K47" s="753"/>
      <c r="L47" s="753"/>
      <c r="M47" s="754"/>
      <c r="N47" s="167"/>
      <c r="O47" s="216"/>
      <c r="P47" s="874"/>
      <c r="Q47" s="874"/>
      <c r="R47" s="874"/>
      <c r="S47" s="874"/>
      <c r="T47" s="874"/>
      <c r="U47" s="874"/>
      <c r="V47" s="874"/>
      <c r="W47" s="874"/>
      <c r="X47" s="874"/>
      <c r="Y47" s="874"/>
      <c r="Z47" s="874"/>
      <c r="AA47" s="874"/>
      <c r="AB47" s="874"/>
      <c r="AC47" s="874"/>
      <c r="AD47" s="874"/>
      <c r="AE47" s="874"/>
      <c r="AF47" s="874"/>
      <c r="AG47" s="874"/>
      <c r="AH47" s="874"/>
      <c r="AI47" s="874"/>
      <c r="AJ47" s="874"/>
      <c r="AK47" s="874"/>
      <c r="AL47" s="875"/>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752"/>
      <c r="B48" s="753"/>
      <c r="C48" s="753"/>
      <c r="D48" s="753"/>
      <c r="E48" s="753"/>
      <c r="F48" s="753"/>
      <c r="G48" s="753"/>
      <c r="H48" s="753"/>
      <c r="I48" s="753"/>
      <c r="J48" s="753"/>
      <c r="K48" s="753"/>
      <c r="L48" s="753"/>
      <c r="M48" s="754"/>
      <c r="N48" s="106"/>
      <c r="O48" s="216"/>
      <c r="P48" s="874"/>
      <c r="Q48" s="874"/>
      <c r="R48" s="874"/>
      <c r="S48" s="874"/>
      <c r="T48" s="874"/>
      <c r="U48" s="874"/>
      <c r="V48" s="874"/>
      <c r="W48" s="874"/>
      <c r="X48" s="874"/>
      <c r="Y48" s="874"/>
      <c r="Z48" s="874"/>
      <c r="AA48" s="874"/>
      <c r="AB48" s="874"/>
      <c r="AC48" s="874"/>
      <c r="AD48" s="874"/>
      <c r="AE48" s="874"/>
      <c r="AF48" s="874"/>
      <c r="AG48" s="874"/>
      <c r="AH48" s="874"/>
      <c r="AI48" s="874"/>
      <c r="AJ48" s="874"/>
      <c r="AK48" s="874"/>
      <c r="AL48" s="875"/>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167"/>
      <c r="O49" s="216"/>
      <c r="P49" s="874"/>
      <c r="Q49" s="874"/>
      <c r="R49" s="874"/>
      <c r="S49" s="874"/>
      <c r="T49" s="874"/>
      <c r="U49" s="874"/>
      <c r="V49" s="874"/>
      <c r="W49" s="874"/>
      <c r="X49" s="874"/>
      <c r="Y49" s="874"/>
      <c r="Z49" s="874"/>
      <c r="AA49" s="874"/>
      <c r="AB49" s="874"/>
      <c r="AC49" s="874"/>
      <c r="AD49" s="874"/>
      <c r="AE49" s="874"/>
      <c r="AF49" s="874"/>
      <c r="AG49" s="874"/>
      <c r="AH49" s="874"/>
      <c r="AI49" s="874"/>
      <c r="AJ49" s="874"/>
      <c r="AK49" s="874"/>
      <c r="AL49" s="875"/>
      <c r="AM49" s="5"/>
      <c r="AN49" s="223">
        <v>17576.761999999999</v>
      </c>
      <c r="AO49" s="224"/>
      <c r="AP49" s="224"/>
      <c r="AQ49" s="224"/>
      <c r="AR49" s="224"/>
      <c r="AS49" s="224"/>
      <c r="AT49" s="225"/>
      <c r="AU49" s="229">
        <v>0.85799999999999998</v>
      </c>
      <c r="AV49" s="230"/>
      <c r="AW49" s="230"/>
      <c r="AX49" s="230"/>
      <c r="AY49" s="231"/>
      <c r="AZ49" s="210">
        <v>7.4</v>
      </c>
      <c r="BA49" s="211"/>
      <c r="BB49" s="211"/>
      <c r="BC49" s="211"/>
      <c r="BD49" s="212"/>
      <c r="BE49" s="210">
        <v>2.4</v>
      </c>
      <c r="BF49" s="211"/>
      <c r="BG49" s="211"/>
      <c r="BH49" s="211"/>
      <c r="BI49" s="212"/>
      <c r="BJ49" s="210" t="s">
        <v>628</v>
      </c>
      <c r="BK49" s="211"/>
      <c r="BL49" s="211"/>
      <c r="BM49" s="211"/>
      <c r="BN49" s="212"/>
      <c r="BO49" s="210">
        <v>6</v>
      </c>
      <c r="BP49" s="211"/>
      <c r="BQ49" s="211"/>
      <c r="BR49" s="211"/>
      <c r="BS49" s="212"/>
      <c r="BT49" s="210">
        <v>92.4</v>
      </c>
      <c r="BU49" s="211"/>
      <c r="BV49" s="211"/>
      <c r="BW49" s="211"/>
      <c r="BX49" s="212"/>
      <c r="BY49" s="210">
        <v>17.899999999999999</v>
      </c>
      <c r="BZ49" s="211"/>
      <c r="CA49" s="211"/>
      <c r="CB49" s="211"/>
      <c r="CC49" s="212"/>
      <c r="CD49" s="210">
        <v>52.1</v>
      </c>
      <c r="CE49" s="211"/>
      <c r="CF49" s="211"/>
      <c r="CG49" s="211"/>
      <c r="CH49" s="212"/>
      <c r="CI49" s="210">
        <v>50.5</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106"/>
      <c r="O50" s="235"/>
      <c r="P50" s="1184"/>
      <c r="Q50" s="1184"/>
      <c r="R50" s="1184"/>
      <c r="S50" s="1184"/>
      <c r="T50" s="1184"/>
      <c r="U50" s="1184"/>
      <c r="V50" s="1184"/>
      <c r="W50" s="1184"/>
      <c r="X50" s="1184"/>
      <c r="Y50" s="1184"/>
      <c r="Z50" s="1184"/>
      <c r="AA50" s="1184"/>
      <c r="AB50" s="1184"/>
      <c r="AC50" s="1184"/>
      <c r="AD50" s="1184"/>
      <c r="AE50" s="1184"/>
      <c r="AF50" s="1184"/>
      <c r="AG50" s="1184"/>
      <c r="AH50" s="1184"/>
      <c r="AI50" s="1184"/>
      <c r="AJ50" s="1184"/>
      <c r="AK50" s="1184"/>
      <c r="AL50" s="1185"/>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200">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2:M42"/>
    <mergeCell ref="O42:AL42"/>
    <mergeCell ref="AN42:AV43"/>
    <mergeCell ref="AW42:BF43"/>
    <mergeCell ref="A41:M41"/>
    <mergeCell ref="O41:AL41"/>
    <mergeCell ref="AU41:BE41"/>
    <mergeCell ref="BR41:CM41"/>
    <mergeCell ref="A43:M43"/>
    <mergeCell ref="O43:AL43"/>
    <mergeCell ref="BG42:BP43"/>
    <mergeCell ref="BR42:CB43"/>
    <mergeCell ref="CC42:CM43"/>
    <mergeCell ref="A39:M39"/>
    <mergeCell ref="O39:AL39"/>
    <mergeCell ref="AN39:AV40"/>
    <mergeCell ref="AW39:BF40"/>
    <mergeCell ref="BG39:BP40"/>
    <mergeCell ref="BR39:BX40"/>
    <mergeCell ref="BY39:CG40"/>
    <mergeCell ref="CH39:CM40"/>
    <mergeCell ref="A40:M40"/>
    <mergeCell ref="O40:AL40"/>
    <mergeCell ref="A37:M37"/>
    <mergeCell ref="O37:AL37"/>
    <mergeCell ref="AN37:AV38"/>
    <mergeCell ref="AW37:BF38"/>
    <mergeCell ref="BG37:BP38"/>
    <mergeCell ref="BR37:BX38"/>
    <mergeCell ref="BY37:CG38"/>
    <mergeCell ref="CH37:CM38"/>
    <mergeCell ref="A38:M38"/>
    <mergeCell ref="O38:AL38"/>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28:AL28"/>
    <mergeCell ref="AN28:BP28"/>
    <mergeCell ref="A29:AL33"/>
    <mergeCell ref="AO29:BP29"/>
    <mergeCell ref="AO30:BP30"/>
    <mergeCell ref="BY30:CI30"/>
    <mergeCell ref="AO31:BP31"/>
    <mergeCell ref="BR31:BX32"/>
    <mergeCell ref="BY31:CG32"/>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O27:CM27"/>
    <mergeCell ref="CN16:CN19"/>
    <mergeCell ref="F17:M18"/>
    <mergeCell ref="Q17:T17"/>
    <mergeCell ref="U17:X17"/>
    <mergeCell ref="Y17:AL17"/>
    <mergeCell ref="Q18:T18"/>
    <mergeCell ref="U18:X18"/>
    <mergeCell ref="Y18:AL18"/>
    <mergeCell ref="F19:M19"/>
    <mergeCell ref="AT19:CM21"/>
    <mergeCell ref="F20:M21"/>
    <mergeCell ref="Q20:T20"/>
    <mergeCell ref="U20:X20"/>
    <mergeCell ref="Y20:AL20"/>
    <mergeCell ref="Q21:T21"/>
    <mergeCell ref="U21:X21"/>
    <mergeCell ref="Y21:AL21"/>
    <mergeCell ref="AT16:CM18"/>
    <mergeCell ref="F13:M14"/>
    <mergeCell ref="Q13:T13"/>
    <mergeCell ref="Y15:AL15"/>
    <mergeCell ref="A16:E21"/>
    <mergeCell ref="F16:M16"/>
    <mergeCell ref="Q16:T16"/>
    <mergeCell ref="U16:X16"/>
    <mergeCell ref="Y16:AL16"/>
    <mergeCell ref="AN16:AS18"/>
    <mergeCell ref="Q19:T19"/>
    <mergeCell ref="U19:X19"/>
    <mergeCell ref="Y19:AL19"/>
    <mergeCell ref="AN19:AS21"/>
    <mergeCell ref="A9:D10"/>
    <mergeCell ref="E9:AL10"/>
    <mergeCell ref="AN9:CM9"/>
    <mergeCell ref="AN10:AS12"/>
    <mergeCell ref="AT10:CM12"/>
    <mergeCell ref="A11:D11"/>
    <mergeCell ref="E11:AL11"/>
    <mergeCell ref="A12:E13"/>
    <mergeCell ref="F12:M12"/>
    <mergeCell ref="N12:N27"/>
    <mergeCell ref="AN13:AS15"/>
    <mergeCell ref="AT13:CM15"/>
    <mergeCell ref="A14:E14"/>
    <mergeCell ref="Q14:T14"/>
    <mergeCell ref="U14:X14"/>
    <mergeCell ref="Y14:AL14"/>
    <mergeCell ref="A15:E15"/>
    <mergeCell ref="F15:M15"/>
    <mergeCell ref="Q15:T15"/>
    <mergeCell ref="U15:X15"/>
    <mergeCell ref="O12:P21"/>
    <mergeCell ref="Q12:T12"/>
    <mergeCell ref="U12:X12"/>
    <mergeCell ref="Y12:AL12"/>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city.ayase.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19―</oddFooter>
  </headerFooter>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27"/>
  <sheetViews>
    <sheetView showZeros="0" tabSelected="1" view="pageBreakPreview" zoomScale="70" zoomScaleNormal="100" zoomScaleSheetLayoutView="70" workbookViewId="0">
      <selection activeCell="F16" sqref="F16:M16"/>
    </sheetView>
  </sheetViews>
  <sheetFormatPr defaultColWidth="9" defaultRowHeight="12" x14ac:dyDescent="0.15"/>
  <cols>
    <col min="1" max="38" width="2.5" style="1" customWidth="1"/>
    <col min="39" max="39" width="3.375" style="1" customWidth="1"/>
    <col min="40" max="91" width="2.25" style="1" customWidth="1"/>
    <col min="92" max="94" width="2.5" style="1" customWidth="1"/>
    <col min="95" max="16384" width="9" style="1"/>
  </cols>
  <sheetData>
    <row r="1" spans="1:100" ht="17.25" customHeight="1" x14ac:dyDescent="0.15">
      <c r="A1" s="501" t="s" ph="1">
        <v>301</v>
      </c>
      <c r="B1" s="502" ph="1"/>
      <c r="C1" s="502" ph="1"/>
      <c r="D1" s="502" ph="1"/>
      <c r="E1" s="502" ph="1"/>
      <c r="F1" s="502" ph="1"/>
      <c r="G1" s="502" ph="1"/>
      <c r="H1" s="503" ph="1"/>
      <c r="I1" s="450"/>
      <c r="J1" s="510"/>
      <c r="K1" s="510"/>
      <c r="L1" s="510"/>
      <c r="M1" s="511"/>
      <c r="N1" s="466" t="s">
        <v>290</v>
      </c>
      <c r="O1" s="467"/>
      <c r="P1" s="467"/>
      <c r="Q1" s="467"/>
      <c r="R1" s="467"/>
      <c r="S1" s="467"/>
      <c r="T1" s="467"/>
      <c r="U1" s="467"/>
      <c r="V1" s="467"/>
      <c r="W1" s="467"/>
      <c r="X1" s="467"/>
      <c r="Y1" s="467"/>
      <c r="Z1" s="467"/>
      <c r="AA1" s="467"/>
      <c r="AB1" s="467"/>
      <c r="AC1" s="467"/>
      <c r="AD1" s="467"/>
      <c r="AE1" s="467"/>
      <c r="AF1" s="467"/>
      <c r="AG1" s="467"/>
      <c r="AH1" s="467"/>
      <c r="AI1" s="467"/>
      <c r="AJ1" s="467"/>
      <c r="AK1" s="467"/>
      <c r="AL1" s="468"/>
      <c r="AM1" s="15"/>
      <c r="AN1" s="457" t="s">
        <v>235</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1" ph="1"/>
    </row>
    <row r="2" spans="1:100" ht="17.25" customHeight="1" x14ac:dyDescent="0.15">
      <c r="A2" s="504" ph="1"/>
      <c r="B2" s="505" ph="1"/>
      <c r="C2" s="505" ph="1"/>
      <c r="D2" s="505" ph="1"/>
      <c r="E2" s="505" ph="1"/>
      <c r="F2" s="505" ph="1"/>
      <c r="G2" s="505" ph="1"/>
      <c r="H2" s="506" ph="1"/>
      <c r="I2" s="512"/>
      <c r="J2" s="513"/>
      <c r="K2" s="513"/>
      <c r="L2" s="513"/>
      <c r="M2" s="514"/>
      <c r="N2" s="469"/>
      <c r="O2" s="470"/>
      <c r="P2" s="470"/>
      <c r="Q2" s="470"/>
      <c r="R2" s="470"/>
      <c r="S2" s="470"/>
      <c r="T2" s="470"/>
      <c r="U2" s="470"/>
      <c r="V2" s="470"/>
      <c r="W2" s="470"/>
      <c r="X2" s="470"/>
      <c r="Y2" s="470"/>
      <c r="Z2" s="470"/>
      <c r="AA2" s="470"/>
      <c r="AB2" s="470"/>
      <c r="AC2" s="470"/>
      <c r="AD2" s="470"/>
      <c r="AE2" s="470"/>
      <c r="AF2" s="470"/>
      <c r="AG2" s="470"/>
      <c r="AH2" s="470"/>
      <c r="AI2" s="470"/>
      <c r="AJ2" s="470"/>
      <c r="AK2" s="470"/>
      <c r="AL2" s="471"/>
      <c r="AM2" s="15"/>
      <c r="AN2" s="466" t="s">
        <v>459</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1" ph="1"/>
    </row>
    <row r="3" spans="1:100" ht="17.25" customHeight="1" x14ac:dyDescent="0.15">
      <c r="A3" s="507" ph="1"/>
      <c r="B3" s="508" ph="1"/>
      <c r="C3" s="508" ph="1"/>
      <c r="D3" s="508" ph="1"/>
      <c r="E3" s="508" ph="1"/>
      <c r="F3" s="508" ph="1"/>
      <c r="G3" s="508" ph="1"/>
      <c r="H3" s="509" ph="1"/>
      <c r="I3" s="512"/>
      <c r="J3" s="513"/>
      <c r="K3" s="513"/>
      <c r="L3" s="513"/>
      <c r="M3" s="514"/>
      <c r="N3" s="469"/>
      <c r="O3" s="470"/>
      <c r="P3" s="470"/>
      <c r="Q3" s="470"/>
      <c r="R3" s="470"/>
      <c r="S3" s="470"/>
      <c r="T3" s="470"/>
      <c r="U3" s="470"/>
      <c r="V3" s="470"/>
      <c r="W3" s="470"/>
      <c r="X3" s="470"/>
      <c r="Y3" s="470"/>
      <c r="Z3" s="470"/>
      <c r="AA3" s="470"/>
      <c r="AB3" s="470"/>
      <c r="AC3" s="470"/>
      <c r="AD3" s="470"/>
      <c r="AE3" s="470"/>
      <c r="AF3" s="470"/>
      <c r="AG3" s="470"/>
      <c r="AH3" s="470"/>
      <c r="AI3" s="470"/>
      <c r="AJ3" s="470"/>
      <c r="AK3" s="470"/>
      <c r="AL3" s="471"/>
      <c r="AM3" s="1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1" ph="1"/>
    </row>
    <row r="4" spans="1:100" ht="17.25" customHeight="1" x14ac:dyDescent="0.15">
      <c r="A4" s="475" t="s">
        <v>236</v>
      </c>
      <c r="B4" s="476"/>
      <c r="C4" s="476"/>
      <c r="D4" s="477"/>
      <c r="E4" s="478">
        <v>141305</v>
      </c>
      <c r="F4" s="479"/>
      <c r="G4" s="479"/>
      <c r="H4" s="480"/>
      <c r="I4" s="515"/>
      <c r="J4" s="516"/>
      <c r="K4" s="516"/>
      <c r="L4" s="516"/>
      <c r="M4" s="517"/>
      <c r="N4" s="481" t="s">
        <v>291</v>
      </c>
      <c r="O4" s="482"/>
      <c r="P4" s="482"/>
      <c r="Q4" s="482"/>
      <c r="R4" s="482"/>
      <c r="S4" s="482"/>
      <c r="T4" s="482"/>
      <c r="U4" s="482"/>
      <c r="V4" s="482"/>
      <c r="W4" s="482"/>
      <c r="X4" s="482"/>
      <c r="Y4" s="482"/>
      <c r="Z4" s="482"/>
      <c r="AA4" s="482"/>
      <c r="AB4" s="482"/>
      <c r="AC4" s="482"/>
      <c r="AD4" s="482"/>
      <c r="AE4" s="482"/>
      <c r="AF4" s="482"/>
      <c r="AG4" s="482"/>
      <c r="AH4" s="482"/>
      <c r="AI4" s="482"/>
      <c r="AJ4" s="482"/>
      <c r="AK4" s="482"/>
      <c r="AL4" s="483"/>
      <c r="AM4" s="1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382" t="s">
        <v>237</v>
      </c>
      <c r="B5" s="484"/>
      <c r="C5" s="484"/>
      <c r="D5" s="484"/>
      <c r="E5" s="484"/>
      <c r="F5" s="484"/>
      <c r="G5" s="484"/>
      <c r="H5" s="485"/>
      <c r="I5" s="486" t="s">
        <v>1113</v>
      </c>
      <c r="J5" s="487"/>
      <c r="K5" s="487"/>
      <c r="L5" s="487"/>
      <c r="M5" s="487"/>
      <c r="N5" s="487"/>
      <c r="O5" s="487"/>
      <c r="P5" s="487"/>
      <c r="Q5" s="487"/>
      <c r="R5" s="487"/>
      <c r="S5" s="487"/>
      <c r="T5" s="487"/>
      <c r="U5" s="487"/>
      <c r="V5" s="487"/>
      <c r="W5" s="487"/>
      <c r="X5" s="487"/>
      <c r="Y5" s="487"/>
      <c r="Z5" s="487"/>
      <c r="AA5" s="487"/>
      <c r="AB5" s="487"/>
      <c r="AC5" s="487"/>
      <c r="AD5" s="487"/>
      <c r="AE5" s="487"/>
      <c r="AF5" s="487"/>
      <c r="AG5" s="487"/>
      <c r="AH5" s="487"/>
      <c r="AI5" s="487"/>
      <c r="AJ5" s="487"/>
      <c r="AK5" s="487"/>
      <c r="AL5" s="488"/>
      <c r="AM5" s="1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364"/>
      <c r="B6" s="365"/>
      <c r="C6" s="365"/>
      <c r="D6" s="365"/>
      <c r="E6" s="365"/>
      <c r="F6" s="365"/>
      <c r="G6" s="365"/>
      <c r="H6" s="366"/>
      <c r="I6" s="489"/>
      <c r="J6" s="490"/>
      <c r="K6" s="490"/>
      <c r="L6" s="490"/>
      <c r="M6" s="490"/>
      <c r="N6" s="490"/>
      <c r="O6" s="490"/>
      <c r="P6" s="490"/>
      <c r="Q6" s="490"/>
      <c r="R6" s="490"/>
      <c r="S6" s="490"/>
      <c r="T6" s="490"/>
      <c r="U6" s="490"/>
      <c r="V6" s="490"/>
      <c r="W6" s="490"/>
      <c r="X6" s="490"/>
      <c r="Y6" s="490"/>
      <c r="Z6" s="490"/>
      <c r="AA6" s="490"/>
      <c r="AB6" s="490"/>
      <c r="AC6" s="490"/>
      <c r="AD6" s="490"/>
      <c r="AE6" s="490"/>
      <c r="AF6" s="490"/>
      <c r="AG6" s="490"/>
      <c r="AH6" s="490"/>
      <c r="AI6" s="490"/>
      <c r="AJ6" s="490"/>
      <c r="AK6" s="490"/>
      <c r="AL6" s="491"/>
      <c r="AM6" s="1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292" t="s">
        <v>238</v>
      </c>
      <c r="B7" s="293"/>
      <c r="C7" s="293"/>
      <c r="D7" s="294"/>
      <c r="E7" s="65" t="s">
        <v>0</v>
      </c>
      <c r="F7" s="492" t="s">
        <v>292</v>
      </c>
      <c r="G7" s="492"/>
      <c r="H7" s="492"/>
      <c r="I7" s="492"/>
      <c r="J7" s="492"/>
      <c r="K7" s="492"/>
      <c r="L7" s="493"/>
      <c r="M7" s="493"/>
      <c r="N7" s="493"/>
      <c r="O7" s="493"/>
      <c r="P7" s="493"/>
      <c r="Q7" s="493"/>
      <c r="R7" s="493"/>
      <c r="S7" s="493"/>
      <c r="T7" s="493"/>
      <c r="U7" s="493"/>
      <c r="V7" s="493"/>
      <c r="W7" s="493"/>
      <c r="X7" s="493"/>
      <c r="Y7" s="494"/>
      <c r="Z7" s="382" t="s">
        <v>239</v>
      </c>
      <c r="AA7" s="484"/>
      <c r="AB7" s="485"/>
      <c r="AC7" s="495" t="s">
        <v>293</v>
      </c>
      <c r="AD7" s="496"/>
      <c r="AE7" s="496"/>
      <c r="AF7" s="496"/>
      <c r="AG7" s="496"/>
      <c r="AH7" s="496"/>
      <c r="AI7" s="496"/>
      <c r="AJ7" s="496"/>
      <c r="AK7" s="496"/>
      <c r="AL7" s="497"/>
      <c r="AM7" s="1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295"/>
      <c r="B8" s="296"/>
      <c r="C8" s="296"/>
      <c r="D8" s="297"/>
      <c r="E8" s="433" t="s">
        <v>294</v>
      </c>
      <c r="F8" s="434"/>
      <c r="G8" s="434"/>
      <c r="H8" s="434"/>
      <c r="I8" s="434"/>
      <c r="J8" s="434"/>
      <c r="K8" s="434"/>
      <c r="L8" s="434"/>
      <c r="M8" s="434"/>
      <c r="N8" s="434"/>
      <c r="O8" s="434"/>
      <c r="P8" s="434"/>
      <c r="Q8" s="434"/>
      <c r="R8" s="434"/>
      <c r="S8" s="434"/>
      <c r="T8" s="434"/>
      <c r="U8" s="434"/>
      <c r="V8" s="434"/>
      <c r="W8" s="434"/>
      <c r="X8" s="434"/>
      <c r="Y8" s="435"/>
      <c r="Z8" s="364"/>
      <c r="AA8" s="365"/>
      <c r="AB8" s="366"/>
      <c r="AC8" s="498"/>
      <c r="AD8" s="499"/>
      <c r="AE8" s="499"/>
      <c r="AF8" s="499"/>
      <c r="AG8" s="499"/>
      <c r="AH8" s="499"/>
      <c r="AI8" s="499"/>
      <c r="AJ8" s="499"/>
      <c r="AK8" s="499"/>
      <c r="AL8" s="500"/>
      <c r="AM8" s="1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292" t="s">
        <v>240</v>
      </c>
      <c r="B9" s="293"/>
      <c r="C9" s="293"/>
      <c r="D9" s="294"/>
      <c r="E9" s="392" t="s">
        <v>797</v>
      </c>
      <c r="F9" s="393"/>
      <c r="G9" s="393"/>
      <c r="H9" s="393"/>
      <c r="I9" s="393"/>
      <c r="J9" s="393"/>
      <c r="K9" s="393"/>
      <c r="L9" s="393"/>
      <c r="M9" s="393"/>
      <c r="N9" s="393"/>
      <c r="O9" s="393"/>
      <c r="P9" s="393"/>
      <c r="Q9" s="393"/>
      <c r="R9" s="393"/>
      <c r="S9" s="393"/>
      <c r="T9" s="393"/>
      <c r="U9" s="393"/>
      <c r="V9" s="393"/>
      <c r="W9" s="393"/>
      <c r="X9" s="393"/>
      <c r="Y9" s="393"/>
      <c r="Z9" s="393"/>
      <c r="AA9" s="393"/>
      <c r="AB9" s="393"/>
      <c r="AC9" s="393"/>
      <c r="AD9" s="393"/>
      <c r="AE9" s="393"/>
      <c r="AF9" s="393"/>
      <c r="AG9" s="393"/>
      <c r="AH9" s="393"/>
      <c r="AI9" s="393"/>
      <c r="AJ9" s="393"/>
      <c r="AK9" s="393"/>
      <c r="AL9" s="394"/>
      <c r="AM9" s="28"/>
      <c r="AN9" s="472"/>
      <c r="AO9" s="473"/>
      <c r="AP9" s="473"/>
      <c r="AQ9" s="473"/>
      <c r="AR9" s="473"/>
      <c r="AS9" s="473"/>
      <c r="AT9" s="473"/>
      <c r="AU9" s="473"/>
      <c r="AV9" s="473"/>
      <c r="AW9" s="473"/>
      <c r="AX9" s="473"/>
      <c r="AY9" s="473"/>
      <c r="AZ9" s="473"/>
      <c r="BA9" s="473"/>
      <c r="BB9" s="473"/>
      <c r="BC9" s="473"/>
      <c r="BD9" s="473"/>
      <c r="BE9" s="473"/>
      <c r="BF9" s="473"/>
      <c r="BG9" s="473"/>
      <c r="BH9" s="473"/>
      <c r="BI9" s="473"/>
      <c r="BJ9" s="473"/>
      <c r="BK9" s="473"/>
      <c r="BL9" s="473"/>
      <c r="BM9" s="473"/>
      <c r="BN9" s="473"/>
      <c r="BO9" s="473"/>
      <c r="BP9" s="473"/>
      <c r="BQ9" s="473"/>
      <c r="BR9" s="473"/>
      <c r="BS9" s="473"/>
      <c r="BT9" s="473"/>
      <c r="BU9" s="473"/>
      <c r="BV9" s="473"/>
      <c r="BW9" s="473"/>
      <c r="BX9" s="473"/>
      <c r="BY9" s="473"/>
      <c r="BZ9" s="473"/>
      <c r="CA9" s="473"/>
      <c r="CB9" s="473"/>
      <c r="CC9" s="473"/>
      <c r="CD9" s="473"/>
      <c r="CE9" s="473"/>
      <c r="CF9" s="473"/>
      <c r="CG9" s="473"/>
      <c r="CH9" s="473"/>
      <c r="CI9" s="473"/>
      <c r="CJ9" s="473"/>
      <c r="CK9" s="473"/>
      <c r="CL9" s="473"/>
      <c r="CM9" s="474"/>
    </row>
    <row r="10" spans="1:100" ht="17.25" customHeight="1" x14ac:dyDescent="0.15">
      <c r="A10" s="295"/>
      <c r="B10" s="296"/>
      <c r="C10" s="296"/>
      <c r="D10" s="297"/>
      <c r="E10" s="395"/>
      <c r="F10" s="396"/>
      <c r="G10" s="396"/>
      <c r="H10" s="396"/>
      <c r="I10" s="396"/>
      <c r="J10" s="396"/>
      <c r="K10" s="396"/>
      <c r="L10" s="396"/>
      <c r="M10" s="396"/>
      <c r="N10" s="396"/>
      <c r="O10" s="396"/>
      <c r="P10" s="396"/>
      <c r="Q10" s="396"/>
      <c r="R10" s="396"/>
      <c r="S10" s="396"/>
      <c r="T10" s="396"/>
      <c r="U10" s="396"/>
      <c r="V10" s="396"/>
      <c r="W10" s="396"/>
      <c r="X10" s="396"/>
      <c r="Y10" s="396"/>
      <c r="Z10" s="396"/>
      <c r="AA10" s="396"/>
      <c r="AB10" s="396"/>
      <c r="AC10" s="396"/>
      <c r="AD10" s="396"/>
      <c r="AE10" s="396"/>
      <c r="AF10" s="396"/>
      <c r="AG10" s="396"/>
      <c r="AH10" s="396"/>
      <c r="AI10" s="396"/>
      <c r="AJ10" s="396"/>
      <c r="AK10" s="396"/>
      <c r="AL10" s="397"/>
      <c r="AM10" s="28"/>
      <c r="AN10" s="518" t="s">
        <v>245</v>
      </c>
      <c r="AO10" s="518"/>
      <c r="AP10" s="518"/>
      <c r="AQ10" s="518"/>
      <c r="AR10" s="518"/>
      <c r="AS10" s="518"/>
      <c r="AT10" s="518"/>
      <c r="AU10" s="518"/>
      <c r="AV10" s="518"/>
      <c r="AW10" s="518"/>
      <c r="AX10" s="518"/>
      <c r="AY10" s="518"/>
      <c r="AZ10" s="518"/>
      <c r="BA10" s="518"/>
      <c r="BB10" s="518"/>
      <c r="BC10" s="518"/>
      <c r="BD10" s="518"/>
      <c r="BE10" s="518"/>
      <c r="BF10" s="518"/>
      <c r="BG10" s="518"/>
      <c r="BH10" s="518"/>
      <c r="BI10" s="518"/>
      <c r="BJ10" s="518"/>
      <c r="BK10" s="518"/>
      <c r="BL10" s="518"/>
      <c r="BM10" s="518"/>
      <c r="BN10" s="518"/>
      <c r="BO10" s="518"/>
      <c r="BP10" s="518"/>
      <c r="BQ10" s="518"/>
      <c r="BR10" s="518"/>
      <c r="BS10" s="518"/>
      <c r="BT10" s="518"/>
      <c r="BU10" s="518"/>
      <c r="BV10" s="518"/>
      <c r="BW10" s="518"/>
      <c r="BX10" s="518"/>
      <c r="BY10" s="518"/>
      <c r="BZ10" s="518"/>
      <c r="CA10" s="518"/>
      <c r="CB10" s="518"/>
      <c r="CC10" s="518"/>
      <c r="CD10" s="518"/>
      <c r="CE10" s="518"/>
      <c r="CF10" s="518"/>
      <c r="CG10" s="518"/>
      <c r="CH10" s="518"/>
      <c r="CI10" s="518"/>
      <c r="CJ10" s="518"/>
      <c r="CK10" s="518"/>
      <c r="CL10" s="518"/>
      <c r="CM10" s="518"/>
    </row>
    <row r="11" spans="1:100" ht="17.25" customHeight="1" x14ac:dyDescent="0.15">
      <c r="A11" s="405" t="s">
        <v>37</v>
      </c>
      <c r="B11" s="406"/>
      <c r="C11" s="406"/>
      <c r="D11" s="407"/>
      <c r="E11" s="408" t="s">
        <v>1105</v>
      </c>
      <c r="F11" s="409"/>
      <c r="G11" s="409"/>
      <c r="H11" s="409"/>
      <c r="I11" s="409"/>
      <c r="J11" s="409"/>
      <c r="K11" s="409"/>
      <c r="L11" s="409"/>
      <c r="M11" s="409"/>
      <c r="N11" s="409"/>
      <c r="O11" s="409"/>
      <c r="P11" s="409"/>
      <c r="Q11" s="409"/>
      <c r="R11" s="409"/>
      <c r="S11" s="409"/>
      <c r="T11" s="409"/>
      <c r="U11" s="409"/>
      <c r="V11" s="409"/>
      <c r="W11" s="409"/>
      <c r="X11" s="409"/>
      <c r="Y11" s="409"/>
      <c r="Z11" s="409"/>
      <c r="AA11" s="409"/>
      <c r="AB11" s="409"/>
      <c r="AC11" s="409"/>
      <c r="AD11" s="409"/>
      <c r="AE11" s="409"/>
      <c r="AF11" s="409"/>
      <c r="AG11" s="409"/>
      <c r="AH11" s="409"/>
      <c r="AI11" s="409"/>
      <c r="AJ11" s="409"/>
      <c r="AK11" s="409"/>
      <c r="AL11" s="410"/>
      <c r="AM11" s="28"/>
      <c r="AN11" s="292" t="s">
        <v>219</v>
      </c>
      <c r="AO11" s="293"/>
      <c r="AP11" s="293"/>
      <c r="AQ11" s="293"/>
      <c r="AR11" s="293"/>
      <c r="AS11" s="294"/>
      <c r="AT11" s="392" t="s">
        <v>1159</v>
      </c>
      <c r="AU11" s="393"/>
      <c r="AV11" s="393"/>
      <c r="AW11" s="393"/>
      <c r="AX11" s="393"/>
      <c r="AY11" s="393"/>
      <c r="AZ11" s="393"/>
      <c r="BA11" s="393"/>
      <c r="BB11" s="393"/>
      <c r="BC11" s="393"/>
      <c r="BD11" s="393"/>
      <c r="BE11" s="393"/>
      <c r="BF11" s="393"/>
      <c r="BG11" s="393"/>
      <c r="BH11" s="393"/>
      <c r="BI11" s="393"/>
      <c r="BJ11" s="393"/>
      <c r="BK11" s="393"/>
      <c r="BL11" s="393"/>
      <c r="BM11" s="393"/>
      <c r="BN11" s="393"/>
      <c r="BO11" s="393"/>
      <c r="BP11" s="393"/>
      <c r="BQ11" s="393"/>
      <c r="BR11" s="393"/>
      <c r="BS11" s="393"/>
      <c r="BT11" s="393"/>
      <c r="BU11" s="393"/>
      <c r="BV11" s="393"/>
      <c r="BW11" s="393"/>
      <c r="BX11" s="393"/>
      <c r="BY11" s="393"/>
      <c r="BZ11" s="393"/>
      <c r="CA11" s="393"/>
      <c r="CB11" s="393"/>
      <c r="CC11" s="393"/>
      <c r="CD11" s="393"/>
      <c r="CE11" s="393"/>
      <c r="CF11" s="393"/>
      <c r="CG11" s="393"/>
      <c r="CH11" s="393"/>
      <c r="CI11" s="393"/>
      <c r="CJ11" s="393"/>
      <c r="CK11" s="393"/>
      <c r="CL11" s="393"/>
      <c r="CM11" s="394"/>
    </row>
    <row r="12" spans="1:100" ht="17.25" customHeight="1" x14ac:dyDescent="0.15">
      <c r="A12" s="382" t="s">
        <v>241</v>
      </c>
      <c r="B12" s="484"/>
      <c r="C12" s="484"/>
      <c r="D12" s="484"/>
      <c r="E12" s="485"/>
      <c r="F12" s="519" t="s">
        <v>799</v>
      </c>
      <c r="G12" s="520"/>
      <c r="H12" s="520"/>
      <c r="I12" s="520"/>
      <c r="J12" s="520"/>
      <c r="K12" s="520"/>
      <c r="L12" s="520"/>
      <c r="M12" s="521"/>
      <c r="N12" s="522"/>
      <c r="O12" s="416" t="s">
        <v>242</v>
      </c>
      <c r="P12" s="417"/>
      <c r="Q12" s="534">
        <v>8949</v>
      </c>
      <c r="R12" s="422"/>
      <c r="S12" s="422"/>
      <c r="T12" s="422"/>
      <c r="U12" s="424" t="s">
        <v>243</v>
      </c>
      <c r="V12" s="424"/>
      <c r="W12" s="424"/>
      <c r="X12" s="424"/>
      <c r="Y12" s="424"/>
      <c r="Z12" s="424"/>
      <c r="AA12" s="424"/>
      <c r="AB12" s="424"/>
      <c r="AC12" s="424"/>
      <c r="AD12" s="424"/>
      <c r="AE12" s="424"/>
      <c r="AF12" s="424"/>
      <c r="AG12" s="424"/>
      <c r="AH12" s="424"/>
      <c r="AI12" s="424"/>
      <c r="AJ12" s="424"/>
      <c r="AK12" s="424"/>
      <c r="AL12" s="535"/>
      <c r="AM12" s="28"/>
      <c r="AN12" s="436"/>
      <c r="AO12" s="437"/>
      <c r="AP12" s="437"/>
      <c r="AQ12" s="437"/>
      <c r="AR12" s="437"/>
      <c r="AS12" s="438"/>
      <c r="AT12" s="402"/>
      <c r="AU12" s="403"/>
      <c r="AV12" s="403"/>
      <c r="AW12" s="403"/>
      <c r="AX12" s="403"/>
      <c r="AY12" s="403"/>
      <c r="AZ12" s="403"/>
      <c r="BA12" s="403"/>
      <c r="BB12" s="403"/>
      <c r="BC12" s="403"/>
      <c r="BD12" s="403"/>
      <c r="BE12" s="403"/>
      <c r="BF12" s="403"/>
      <c r="BG12" s="403"/>
      <c r="BH12" s="403"/>
      <c r="BI12" s="403"/>
      <c r="BJ12" s="403"/>
      <c r="BK12" s="403"/>
      <c r="BL12" s="403"/>
      <c r="BM12" s="403"/>
      <c r="BN12" s="403"/>
      <c r="BO12" s="403"/>
      <c r="BP12" s="403"/>
      <c r="BQ12" s="403"/>
      <c r="BR12" s="403"/>
      <c r="BS12" s="403"/>
      <c r="BT12" s="403"/>
      <c r="BU12" s="403"/>
      <c r="BV12" s="403"/>
      <c r="BW12" s="403"/>
      <c r="BX12" s="403"/>
      <c r="BY12" s="403"/>
      <c r="BZ12" s="403"/>
      <c r="CA12" s="403"/>
      <c r="CB12" s="403"/>
      <c r="CC12" s="403"/>
      <c r="CD12" s="403"/>
      <c r="CE12" s="403"/>
      <c r="CF12" s="403"/>
      <c r="CG12" s="403"/>
      <c r="CH12" s="403"/>
      <c r="CI12" s="403"/>
      <c r="CJ12" s="403"/>
      <c r="CK12" s="403"/>
      <c r="CL12" s="403"/>
      <c r="CM12" s="404"/>
      <c r="CN12" s="15"/>
      <c r="CQ12" s="1" ph="1"/>
      <c r="CR12" s="1" ph="1"/>
      <c r="CS12" s="1" ph="1"/>
      <c r="CT12" s="1" ph="1"/>
      <c r="CU12" s="1" ph="1"/>
      <c r="CV12" s="1" ph="1"/>
    </row>
    <row r="13" spans="1:100" ht="17.25" customHeight="1" x14ac:dyDescent="0.15">
      <c r="A13" s="361"/>
      <c r="B13" s="362"/>
      <c r="C13" s="362"/>
      <c r="D13" s="362"/>
      <c r="E13" s="363"/>
      <c r="F13" s="336" t="s">
        <v>800</v>
      </c>
      <c r="G13" s="337"/>
      <c r="H13" s="337"/>
      <c r="I13" s="337"/>
      <c r="J13" s="337"/>
      <c r="K13" s="337"/>
      <c r="L13" s="337"/>
      <c r="M13" s="338"/>
      <c r="N13" s="523"/>
      <c r="O13" s="418"/>
      <c r="P13" s="419"/>
      <c r="Q13" s="376">
        <v>26390</v>
      </c>
      <c r="R13" s="377"/>
      <c r="S13" s="377"/>
      <c r="T13" s="377"/>
      <c r="U13" s="123" t="s">
        <v>253</v>
      </c>
      <c r="V13" s="123"/>
      <c r="W13" s="123"/>
      <c r="X13" s="123"/>
      <c r="Y13" s="123"/>
      <c r="Z13" s="123"/>
      <c r="AA13" s="123"/>
      <c r="AB13" s="123"/>
      <c r="AC13" s="123"/>
      <c r="AD13" s="123"/>
      <c r="AE13" s="123"/>
      <c r="AF13" s="123"/>
      <c r="AG13" s="123"/>
      <c r="AH13" s="123"/>
      <c r="AI13" s="123"/>
      <c r="AJ13" s="123"/>
      <c r="AK13" s="123"/>
      <c r="AL13" s="124"/>
      <c r="AM13" s="15"/>
      <c r="AN13" s="295"/>
      <c r="AO13" s="296"/>
      <c r="AP13" s="296"/>
      <c r="AQ13" s="296"/>
      <c r="AR13" s="296"/>
      <c r="AS13" s="297"/>
      <c r="AT13" s="395"/>
      <c r="AU13" s="396"/>
      <c r="AV13" s="396"/>
      <c r="AW13" s="396"/>
      <c r="AX13" s="396"/>
      <c r="AY13" s="396"/>
      <c r="AZ13" s="396"/>
      <c r="BA13" s="396"/>
      <c r="BB13" s="396"/>
      <c r="BC13" s="396"/>
      <c r="BD13" s="396"/>
      <c r="BE13" s="396"/>
      <c r="BF13" s="396"/>
      <c r="BG13" s="396"/>
      <c r="BH13" s="396"/>
      <c r="BI13" s="396"/>
      <c r="BJ13" s="396"/>
      <c r="BK13" s="396"/>
      <c r="BL13" s="396"/>
      <c r="BM13" s="396"/>
      <c r="BN13" s="396"/>
      <c r="BO13" s="396"/>
      <c r="BP13" s="396"/>
      <c r="BQ13" s="396"/>
      <c r="BR13" s="396"/>
      <c r="BS13" s="396"/>
      <c r="BT13" s="396"/>
      <c r="BU13" s="396"/>
      <c r="BV13" s="396"/>
      <c r="BW13" s="396"/>
      <c r="BX13" s="396"/>
      <c r="BY13" s="396"/>
      <c r="BZ13" s="396"/>
      <c r="CA13" s="396"/>
      <c r="CB13" s="396"/>
      <c r="CC13" s="396"/>
      <c r="CD13" s="396"/>
      <c r="CE13" s="396"/>
      <c r="CF13" s="396"/>
      <c r="CG13" s="396"/>
      <c r="CH13" s="396"/>
      <c r="CI13" s="396"/>
      <c r="CJ13" s="396"/>
      <c r="CK13" s="396"/>
      <c r="CL13" s="396"/>
      <c r="CM13" s="397"/>
      <c r="CQ13" s="1" ph="1"/>
      <c r="CR13" s="1" ph="1"/>
      <c r="CS13" s="1" ph="1"/>
      <c r="CT13" s="1" ph="1"/>
      <c r="CU13" s="1" ph="1"/>
      <c r="CV13" s="1" ph="1"/>
    </row>
    <row r="14" spans="1:100" ht="17.25" customHeight="1" x14ac:dyDescent="0.15">
      <c r="A14" s="524">
        <v>3</v>
      </c>
      <c r="B14" s="525"/>
      <c r="C14" s="525"/>
      <c r="D14" s="525"/>
      <c r="E14" s="526"/>
      <c r="F14" s="339"/>
      <c r="G14" s="340"/>
      <c r="H14" s="340"/>
      <c r="I14" s="340"/>
      <c r="J14" s="340"/>
      <c r="K14" s="340"/>
      <c r="L14" s="340"/>
      <c r="M14" s="341"/>
      <c r="N14" s="523"/>
      <c r="O14" s="418"/>
      <c r="P14" s="419"/>
      <c r="Q14" s="376">
        <v>26390</v>
      </c>
      <c r="R14" s="377"/>
      <c r="S14" s="377"/>
      <c r="T14" s="377"/>
      <c r="U14" s="371" t="s">
        <v>244</v>
      </c>
      <c r="V14" s="371"/>
      <c r="W14" s="371"/>
      <c r="X14" s="371"/>
      <c r="Y14" s="371" t="s">
        <v>302</v>
      </c>
      <c r="Z14" s="371"/>
      <c r="AA14" s="371"/>
      <c r="AB14" s="371"/>
      <c r="AC14" s="371"/>
      <c r="AD14" s="371"/>
      <c r="AE14" s="371"/>
      <c r="AF14" s="371"/>
      <c r="AG14" s="371"/>
      <c r="AH14" s="371"/>
      <c r="AI14" s="371"/>
      <c r="AJ14" s="371"/>
      <c r="AK14" s="371"/>
      <c r="AL14" s="527"/>
      <c r="AM14" s="15"/>
      <c r="AN14" s="292" t="s">
        <v>220</v>
      </c>
      <c r="AO14" s="293"/>
      <c r="AP14" s="293"/>
      <c r="AQ14" s="293"/>
      <c r="AR14" s="293"/>
      <c r="AS14" s="294"/>
      <c r="AT14" s="392" t="s">
        <v>416</v>
      </c>
      <c r="AU14" s="393"/>
      <c r="AV14" s="393"/>
      <c r="AW14" s="393"/>
      <c r="AX14" s="393"/>
      <c r="AY14" s="393"/>
      <c r="AZ14" s="393"/>
      <c r="BA14" s="393"/>
      <c r="BB14" s="393"/>
      <c r="BC14" s="393"/>
      <c r="BD14" s="393"/>
      <c r="BE14" s="393"/>
      <c r="BF14" s="393"/>
      <c r="BG14" s="393"/>
      <c r="BH14" s="393"/>
      <c r="BI14" s="393"/>
      <c r="BJ14" s="393"/>
      <c r="BK14" s="393"/>
      <c r="BL14" s="393"/>
      <c r="BM14" s="393"/>
      <c r="BN14" s="393"/>
      <c r="BO14" s="393"/>
      <c r="BP14" s="393"/>
      <c r="BQ14" s="393"/>
      <c r="BR14" s="393"/>
      <c r="BS14" s="393"/>
      <c r="BT14" s="393"/>
      <c r="BU14" s="393"/>
      <c r="BV14" s="393"/>
      <c r="BW14" s="393"/>
      <c r="BX14" s="393"/>
      <c r="BY14" s="393"/>
      <c r="BZ14" s="393"/>
      <c r="CA14" s="393"/>
      <c r="CB14" s="393"/>
      <c r="CC14" s="393"/>
      <c r="CD14" s="393"/>
      <c r="CE14" s="393"/>
      <c r="CF14" s="393"/>
      <c r="CG14" s="393"/>
      <c r="CH14" s="393"/>
      <c r="CI14" s="393"/>
      <c r="CJ14" s="393"/>
      <c r="CK14" s="393"/>
      <c r="CL14" s="393"/>
      <c r="CM14" s="394"/>
      <c r="CQ14" s="1" ph="1"/>
      <c r="CR14" s="1" ph="1"/>
      <c r="CS14" s="1" ph="1"/>
      <c r="CT14" s="1" ph="1"/>
      <c r="CU14" s="1" ph="1"/>
      <c r="CV14" s="1" ph="1"/>
    </row>
    <row r="15" spans="1:100" ht="17.25" customHeight="1" x14ac:dyDescent="0.15">
      <c r="A15" s="528" t="s">
        <v>246</v>
      </c>
      <c r="B15" s="529"/>
      <c r="C15" s="529"/>
      <c r="D15" s="529"/>
      <c r="E15" s="530"/>
      <c r="F15" s="531">
        <v>45979</v>
      </c>
      <c r="G15" s="532"/>
      <c r="H15" s="532"/>
      <c r="I15" s="532"/>
      <c r="J15" s="532"/>
      <c r="K15" s="532"/>
      <c r="L15" s="532"/>
      <c r="M15" s="533"/>
      <c r="N15" s="523"/>
      <c r="O15" s="418"/>
      <c r="P15" s="419"/>
      <c r="Q15" s="376">
        <v>27440</v>
      </c>
      <c r="R15" s="377"/>
      <c r="S15" s="377"/>
      <c r="T15" s="377"/>
      <c r="U15" s="371" t="s">
        <v>801</v>
      </c>
      <c r="V15" s="371"/>
      <c r="W15" s="371"/>
      <c r="X15" s="371"/>
      <c r="Y15" s="371" t="s">
        <v>303</v>
      </c>
      <c r="Z15" s="371"/>
      <c r="AA15" s="371"/>
      <c r="AB15" s="371"/>
      <c r="AC15" s="371"/>
      <c r="AD15" s="371"/>
      <c r="AE15" s="371"/>
      <c r="AF15" s="371"/>
      <c r="AG15" s="371"/>
      <c r="AH15" s="371"/>
      <c r="AI15" s="371"/>
      <c r="AJ15" s="371"/>
      <c r="AK15" s="371"/>
      <c r="AL15" s="527"/>
      <c r="AM15" s="15"/>
      <c r="AN15" s="436"/>
      <c r="AO15" s="437"/>
      <c r="AP15" s="437"/>
      <c r="AQ15" s="437"/>
      <c r="AR15" s="437"/>
      <c r="AS15" s="438"/>
      <c r="AT15" s="402"/>
      <c r="AU15" s="403"/>
      <c r="AV15" s="403"/>
      <c r="AW15" s="403"/>
      <c r="AX15" s="403"/>
      <c r="AY15" s="403"/>
      <c r="AZ15" s="403"/>
      <c r="BA15" s="403"/>
      <c r="BB15" s="403"/>
      <c r="BC15" s="403"/>
      <c r="BD15" s="403"/>
      <c r="BE15" s="403"/>
      <c r="BF15" s="403"/>
      <c r="BG15" s="403"/>
      <c r="BH15" s="403"/>
      <c r="BI15" s="403"/>
      <c r="BJ15" s="403"/>
      <c r="BK15" s="403"/>
      <c r="BL15" s="403"/>
      <c r="BM15" s="403"/>
      <c r="BN15" s="403"/>
      <c r="BO15" s="403"/>
      <c r="BP15" s="403"/>
      <c r="BQ15" s="403"/>
      <c r="BR15" s="403"/>
      <c r="BS15" s="403"/>
      <c r="BT15" s="403"/>
      <c r="BU15" s="403"/>
      <c r="BV15" s="403"/>
      <c r="BW15" s="403"/>
      <c r="BX15" s="403"/>
      <c r="BY15" s="403"/>
      <c r="BZ15" s="403"/>
      <c r="CA15" s="403"/>
      <c r="CB15" s="403"/>
      <c r="CC15" s="403"/>
      <c r="CD15" s="403"/>
      <c r="CE15" s="403"/>
      <c r="CF15" s="403"/>
      <c r="CG15" s="403"/>
      <c r="CH15" s="403"/>
      <c r="CI15" s="403"/>
      <c r="CJ15" s="403"/>
      <c r="CK15" s="403"/>
      <c r="CL15" s="403"/>
      <c r="CM15" s="404"/>
    </row>
    <row r="16" spans="1:100" ht="17.25" customHeight="1" x14ac:dyDescent="0.15">
      <c r="A16" s="382" t="s">
        <v>249</v>
      </c>
      <c r="B16" s="484"/>
      <c r="C16" s="484"/>
      <c r="D16" s="484"/>
      <c r="E16" s="485"/>
      <c r="F16" s="536" t="s">
        <v>802</v>
      </c>
      <c r="G16" s="537"/>
      <c r="H16" s="537"/>
      <c r="I16" s="537"/>
      <c r="J16" s="537"/>
      <c r="K16" s="537"/>
      <c r="L16" s="537"/>
      <c r="M16" s="538"/>
      <c r="N16" s="523"/>
      <c r="O16" s="418"/>
      <c r="P16" s="419"/>
      <c r="Q16" s="376">
        <v>30133</v>
      </c>
      <c r="R16" s="377"/>
      <c r="S16" s="377"/>
      <c r="T16" s="377"/>
      <c r="U16" s="371" t="s">
        <v>304</v>
      </c>
      <c r="V16" s="371"/>
      <c r="W16" s="371"/>
      <c r="X16" s="371"/>
      <c r="Y16" s="371" t="s">
        <v>305</v>
      </c>
      <c r="Z16" s="371"/>
      <c r="AA16" s="371"/>
      <c r="AB16" s="371"/>
      <c r="AC16" s="371"/>
      <c r="AD16" s="371"/>
      <c r="AE16" s="371"/>
      <c r="AF16" s="371"/>
      <c r="AG16" s="371"/>
      <c r="AH16" s="371"/>
      <c r="AI16" s="371"/>
      <c r="AJ16" s="371"/>
      <c r="AK16" s="371"/>
      <c r="AL16" s="527"/>
      <c r="AM16" s="15"/>
      <c r="AN16" s="295"/>
      <c r="AO16" s="296"/>
      <c r="AP16" s="296"/>
      <c r="AQ16" s="296"/>
      <c r="AR16" s="296"/>
      <c r="AS16" s="297"/>
      <c r="AT16" s="395"/>
      <c r="AU16" s="396"/>
      <c r="AV16" s="396"/>
      <c r="AW16" s="396"/>
      <c r="AX16" s="396"/>
      <c r="AY16" s="396"/>
      <c r="AZ16" s="396"/>
      <c r="BA16" s="396"/>
      <c r="BB16" s="396"/>
      <c r="BC16" s="396"/>
      <c r="BD16" s="396"/>
      <c r="BE16" s="396"/>
      <c r="BF16" s="396"/>
      <c r="BG16" s="396"/>
      <c r="BH16" s="396"/>
      <c r="BI16" s="396"/>
      <c r="BJ16" s="396"/>
      <c r="BK16" s="396"/>
      <c r="BL16" s="396"/>
      <c r="BM16" s="396"/>
      <c r="BN16" s="396"/>
      <c r="BO16" s="396"/>
      <c r="BP16" s="396"/>
      <c r="BQ16" s="396"/>
      <c r="BR16" s="396"/>
      <c r="BS16" s="396"/>
      <c r="BT16" s="396"/>
      <c r="BU16" s="396"/>
      <c r="BV16" s="396"/>
      <c r="BW16" s="396"/>
      <c r="BX16" s="396"/>
      <c r="BY16" s="396"/>
      <c r="BZ16" s="396"/>
      <c r="CA16" s="396"/>
      <c r="CB16" s="396"/>
      <c r="CC16" s="396"/>
      <c r="CD16" s="396"/>
      <c r="CE16" s="396"/>
      <c r="CF16" s="396"/>
      <c r="CG16" s="396"/>
      <c r="CH16" s="396"/>
      <c r="CI16" s="396"/>
      <c r="CJ16" s="396"/>
      <c r="CK16" s="396"/>
      <c r="CL16" s="396"/>
      <c r="CM16" s="397"/>
      <c r="CQ16" s="1" ph="1"/>
      <c r="CR16" s="1" ph="1"/>
      <c r="CS16" s="1" ph="1"/>
      <c r="CT16" s="1" ph="1"/>
      <c r="CU16" s="1" ph="1"/>
      <c r="CV16" s="1" ph="1"/>
    </row>
    <row r="17" spans="1:100" ht="17.25" customHeight="1" x14ac:dyDescent="0.15">
      <c r="A17" s="361"/>
      <c r="B17" s="362"/>
      <c r="C17" s="362"/>
      <c r="D17" s="362"/>
      <c r="E17" s="363"/>
      <c r="F17" s="336" t="s">
        <v>1278</v>
      </c>
      <c r="G17" s="337"/>
      <c r="H17" s="337"/>
      <c r="I17" s="337"/>
      <c r="J17" s="337"/>
      <c r="K17" s="337"/>
      <c r="L17" s="337"/>
      <c r="M17" s="338"/>
      <c r="N17" s="523"/>
      <c r="O17" s="418"/>
      <c r="P17" s="419"/>
      <c r="Q17" s="376"/>
      <c r="R17" s="377"/>
      <c r="S17" s="377"/>
      <c r="T17" s="377"/>
      <c r="U17" s="371"/>
      <c r="V17" s="371"/>
      <c r="W17" s="371"/>
      <c r="X17" s="371"/>
      <c r="Y17" s="371"/>
      <c r="Z17" s="371"/>
      <c r="AA17" s="371"/>
      <c r="AB17" s="371"/>
      <c r="AC17" s="371"/>
      <c r="AD17" s="371"/>
      <c r="AE17" s="371"/>
      <c r="AF17" s="371"/>
      <c r="AG17" s="371"/>
      <c r="AH17" s="371"/>
      <c r="AI17" s="371"/>
      <c r="AJ17" s="371"/>
      <c r="AK17" s="371"/>
      <c r="AL17" s="527"/>
      <c r="AM17" s="15"/>
      <c r="AN17" s="292" t="s">
        <v>221</v>
      </c>
      <c r="AO17" s="293"/>
      <c r="AP17" s="293"/>
      <c r="AQ17" s="293"/>
      <c r="AR17" s="293"/>
      <c r="AS17" s="294"/>
      <c r="AT17" s="392" t="s">
        <v>1391</v>
      </c>
      <c r="AU17" s="393"/>
      <c r="AV17" s="393"/>
      <c r="AW17" s="393"/>
      <c r="AX17" s="393"/>
      <c r="AY17" s="393"/>
      <c r="AZ17" s="393"/>
      <c r="BA17" s="393"/>
      <c r="BB17" s="393"/>
      <c r="BC17" s="393"/>
      <c r="BD17" s="393"/>
      <c r="BE17" s="393"/>
      <c r="BF17" s="393"/>
      <c r="BG17" s="393"/>
      <c r="BH17" s="393"/>
      <c r="BI17" s="393"/>
      <c r="BJ17" s="393"/>
      <c r="BK17" s="393"/>
      <c r="BL17" s="393"/>
      <c r="BM17" s="393"/>
      <c r="BN17" s="393"/>
      <c r="BO17" s="393"/>
      <c r="BP17" s="393"/>
      <c r="BQ17" s="393"/>
      <c r="BR17" s="393"/>
      <c r="BS17" s="393"/>
      <c r="BT17" s="393"/>
      <c r="BU17" s="393"/>
      <c r="BV17" s="393"/>
      <c r="BW17" s="393"/>
      <c r="BX17" s="393"/>
      <c r="BY17" s="393"/>
      <c r="BZ17" s="393"/>
      <c r="CA17" s="393"/>
      <c r="CB17" s="393"/>
      <c r="CC17" s="393"/>
      <c r="CD17" s="393"/>
      <c r="CE17" s="393"/>
      <c r="CF17" s="393"/>
      <c r="CG17" s="393"/>
      <c r="CH17" s="393"/>
      <c r="CI17" s="393"/>
      <c r="CJ17" s="393"/>
      <c r="CK17" s="393"/>
      <c r="CL17" s="393"/>
      <c r="CM17" s="394"/>
      <c r="CQ17" s="1" ph="1"/>
      <c r="CR17" s="1" ph="1"/>
      <c r="CS17" s="1" ph="1"/>
      <c r="CT17" s="1" ph="1"/>
      <c r="CU17" s="1" ph="1"/>
      <c r="CV17" s="1" ph="1"/>
    </row>
    <row r="18" spans="1:100" ht="17.25" customHeight="1" x14ac:dyDescent="0.15">
      <c r="A18" s="361"/>
      <c r="B18" s="362"/>
      <c r="C18" s="362"/>
      <c r="D18" s="362"/>
      <c r="E18" s="363"/>
      <c r="F18" s="339"/>
      <c r="G18" s="340"/>
      <c r="H18" s="340"/>
      <c r="I18" s="340"/>
      <c r="J18" s="340"/>
      <c r="K18" s="340"/>
      <c r="L18" s="340"/>
      <c r="M18" s="341"/>
      <c r="N18" s="523"/>
      <c r="O18" s="418"/>
      <c r="P18" s="419"/>
      <c r="Q18" s="376"/>
      <c r="R18" s="377"/>
      <c r="S18" s="377"/>
      <c r="T18" s="377"/>
      <c r="U18" s="371"/>
      <c r="V18" s="371"/>
      <c r="W18" s="371"/>
      <c r="X18" s="371"/>
      <c r="Y18" s="371"/>
      <c r="Z18" s="371"/>
      <c r="AA18" s="371"/>
      <c r="AB18" s="371"/>
      <c r="AC18" s="371"/>
      <c r="AD18" s="371"/>
      <c r="AE18" s="371"/>
      <c r="AF18" s="371"/>
      <c r="AG18" s="371"/>
      <c r="AH18" s="371"/>
      <c r="AI18" s="371"/>
      <c r="AJ18" s="371"/>
      <c r="AK18" s="371"/>
      <c r="AL18" s="527"/>
      <c r="AM18" s="15"/>
      <c r="AN18" s="295"/>
      <c r="AO18" s="296"/>
      <c r="AP18" s="296"/>
      <c r="AQ18" s="296"/>
      <c r="AR18" s="296"/>
      <c r="AS18" s="297"/>
      <c r="AT18" s="395"/>
      <c r="AU18" s="396"/>
      <c r="AV18" s="396"/>
      <c r="AW18" s="396"/>
      <c r="AX18" s="396"/>
      <c r="AY18" s="396"/>
      <c r="AZ18" s="396"/>
      <c r="BA18" s="396"/>
      <c r="BB18" s="396"/>
      <c r="BC18" s="396"/>
      <c r="BD18" s="396"/>
      <c r="BE18" s="396"/>
      <c r="BF18" s="396"/>
      <c r="BG18" s="396"/>
      <c r="BH18" s="396"/>
      <c r="BI18" s="396"/>
      <c r="BJ18" s="396"/>
      <c r="BK18" s="396"/>
      <c r="BL18" s="396"/>
      <c r="BM18" s="396"/>
      <c r="BN18" s="396"/>
      <c r="BO18" s="396"/>
      <c r="BP18" s="396"/>
      <c r="BQ18" s="396"/>
      <c r="BR18" s="396"/>
      <c r="BS18" s="396"/>
      <c r="BT18" s="396"/>
      <c r="BU18" s="396"/>
      <c r="BV18" s="396"/>
      <c r="BW18" s="396"/>
      <c r="BX18" s="396"/>
      <c r="BY18" s="396"/>
      <c r="BZ18" s="396"/>
      <c r="CA18" s="396"/>
      <c r="CB18" s="396"/>
      <c r="CC18" s="396"/>
      <c r="CD18" s="396"/>
      <c r="CE18" s="396"/>
      <c r="CF18" s="396"/>
      <c r="CG18" s="396"/>
      <c r="CH18" s="396"/>
      <c r="CI18" s="396"/>
      <c r="CJ18" s="396"/>
      <c r="CK18" s="396"/>
      <c r="CL18" s="396"/>
      <c r="CM18" s="397"/>
      <c r="CQ18" s="1" ph="1"/>
      <c r="CR18" s="1" ph="1"/>
      <c r="CS18" s="1" ph="1"/>
      <c r="CT18" s="1" ph="1"/>
      <c r="CU18" s="1" ph="1"/>
      <c r="CV18" s="1" ph="1"/>
    </row>
    <row r="19" spans="1:100" ht="17.25" customHeight="1" x14ac:dyDescent="0.15">
      <c r="A19" s="361"/>
      <c r="B19" s="362"/>
      <c r="C19" s="362"/>
      <c r="D19" s="362"/>
      <c r="E19" s="363"/>
      <c r="F19" s="536" t="s">
        <v>803</v>
      </c>
      <c r="G19" s="537"/>
      <c r="H19" s="537"/>
      <c r="I19" s="537"/>
      <c r="J19" s="537"/>
      <c r="K19" s="537"/>
      <c r="L19" s="537"/>
      <c r="M19" s="538"/>
      <c r="N19" s="523"/>
      <c r="O19" s="418"/>
      <c r="P19" s="419"/>
      <c r="Q19" s="376"/>
      <c r="R19" s="377"/>
      <c r="S19" s="377"/>
      <c r="T19" s="377"/>
      <c r="U19" s="371"/>
      <c r="V19" s="371"/>
      <c r="W19" s="371"/>
      <c r="X19" s="371"/>
      <c r="Y19" s="371"/>
      <c r="Z19" s="371"/>
      <c r="AA19" s="371"/>
      <c r="AB19" s="371"/>
      <c r="AC19" s="371"/>
      <c r="AD19" s="371"/>
      <c r="AE19" s="371"/>
      <c r="AF19" s="371"/>
      <c r="AG19" s="371"/>
      <c r="AH19" s="371"/>
      <c r="AI19" s="371"/>
      <c r="AJ19" s="371"/>
      <c r="AK19" s="371"/>
      <c r="AL19" s="527"/>
      <c r="AM19" s="15"/>
      <c r="AN19" s="292" t="s">
        <v>222</v>
      </c>
      <c r="AO19" s="293"/>
      <c r="AP19" s="293"/>
      <c r="AQ19" s="293"/>
      <c r="AR19" s="293"/>
      <c r="AS19" s="294"/>
      <c r="AT19" s="539" t="s">
        <v>1392</v>
      </c>
      <c r="AU19" s="540"/>
      <c r="AV19" s="540"/>
      <c r="AW19" s="540"/>
      <c r="AX19" s="540"/>
      <c r="AY19" s="540"/>
      <c r="AZ19" s="540"/>
      <c r="BA19" s="540"/>
      <c r="BB19" s="540"/>
      <c r="BC19" s="540"/>
      <c r="BD19" s="540"/>
      <c r="BE19" s="540"/>
      <c r="BF19" s="540"/>
      <c r="BG19" s="540"/>
      <c r="BH19" s="540"/>
      <c r="BI19" s="540"/>
      <c r="BJ19" s="540"/>
      <c r="BK19" s="540"/>
      <c r="BL19" s="540"/>
      <c r="BM19" s="540"/>
      <c r="BN19" s="540"/>
      <c r="BO19" s="540"/>
      <c r="BP19" s="540"/>
      <c r="BQ19" s="540"/>
      <c r="BR19" s="540"/>
      <c r="BS19" s="540"/>
      <c r="BT19" s="540"/>
      <c r="BU19" s="540"/>
      <c r="BV19" s="540"/>
      <c r="BW19" s="540"/>
      <c r="BX19" s="540"/>
      <c r="BY19" s="540"/>
      <c r="BZ19" s="540"/>
      <c r="CA19" s="540"/>
      <c r="CB19" s="540"/>
      <c r="CC19" s="540"/>
      <c r="CD19" s="540"/>
      <c r="CE19" s="540"/>
      <c r="CF19" s="540"/>
      <c r="CG19" s="540"/>
      <c r="CH19" s="540"/>
      <c r="CI19" s="540"/>
      <c r="CJ19" s="540"/>
      <c r="CK19" s="540"/>
      <c r="CL19" s="540"/>
      <c r="CM19" s="541"/>
      <c r="CQ19" s="1" ph="1"/>
      <c r="CR19" s="1" ph="1"/>
      <c r="CS19" s="1" ph="1"/>
      <c r="CT19" s="1" ph="1"/>
      <c r="CU19" s="1" ph="1"/>
      <c r="CV19" s="1" ph="1"/>
    </row>
    <row r="20" spans="1:100" ht="17.25" customHeight="1" x14ac:dyDescent="0.15">
      <c r="A20" s="361"/>
      <c r="B20" s="362"/>
      <c r="C20" s="362"/>
      <c r="D20" s="362"/>
      <c r="E20" s="363"/>
      <c r="F20" s="336" t="s">
        <v>1279</v>
      </c>
      <c r="G20" s="337"/>
      <c r="H20" s="337"/>
      <c r="I20" s="337"/>
      <c r="J20" s="337"/>
      <c r="K20" s="337"/>
      <c r="L20" s="337"/>
      <c r="M20" s="338"/>
      <c r="N20" s="523"/>
      <c r="O20" s="418"/>
      <c r="P20" s="419"/>
      <c r="Q20" s="376"/>
      <c r="R20" s="377"/>
      <c r="S20" s="377"/>
      <c r="T20" s="377"/>
      <c r="U20" s="371"/>
      <c r="V20" s="371"/>
      <c r="W20" s="371"/>
      <c r="X20" s="371"/>
      <c r="Y20" s="371"/>
      <c r="Z20" s="371"/>
      <c r="AA20" s="371"/>
      <c r="AB20" s="371"/>
      <c r="AC20" s="371"/>
      <c r="AD20" s="371"/>
      <c r="AE20" s="371"/>
      <c r="AF20" s="371"/>
      <c r="AG20" s="371"/>
      <c r="AH20" s="371"/>
      <c r="AI20" s="371"/>
      <c r="AJ20" s="371"/>
      <c r="AK20" s="371"/>
      <c r="AL20" s="527"/>
      <c r="AM20" s="15"/>
      <c r="AN20" s="436"/>
      <c r="AO20" s="437"/>
      <c r="AP20" s="437"/>
      <c r="AQ20" s="437"/>
      <c r="AR20" s="437"/>
      <c r="AS20" s="438"/>
      <c r="AT20" s="542"/>
      <c r="AU20" s="543"/>
      <c r="AV20" s="543"/>
      <c r="AW20" s="543"/>
      <c r="AX20" s="543"/>
      <c r="AY20" s="543"/>
      <c r="AZ20" s="543"/>
      <c r="BA20" s="543"/>
      <c r="BB20" s="543"/>
      <c r="BC20" s="543"/>
      <c r="BD20" s="543"/>
      <c r="BE20" s="543"/>
      <c r="BF20" s="543"/>
      <c r="BG20" s="543"/>
      <c r="BH20" s="543"/>
      <c r="BI20" s="543"/>
      <c r="BJ20" s="543"/>
      <c r="BK20" s="543"/>
      <c r="BL20" s="543"/>
      <c r="BM20" s="543"/>
      <c r="BN20" s="543"/>
      <c r="BO20" s="543"/>
      <c r="BP20" s="543"/>
      <c r="BQ20" s="543"/>
      <c r="BR20" s="543"/>
      <c r="BS20" s="543"/>
      <c r="BT20" s="543"/>
      <c r="BU20" s="543"/>
      <c r="BV20" s="543"/>
      <c r="BW20" s="543"/>
      <c r="BX20" s="543"/>
      <c r="BY20" s="543"/>
      <c r="BZ20" s="543"/>
      <c r="CA20" s="543"/>
      <c r="CB20" s="543"/>
      <c r="CC20" s="543"/>
      <c r="CD20" s="543"/>
      <c r="CE20" s="543"/>
      <c r="CF20" s="543"/>
      <c r="CG20" s="543"/>
      <c r="CH20" s="543"/>
      <c r="CI20" s="543"/>
      <c r="CJ20" s="543"/>
      <c r="CK20" s="543"/>
      <c r="CL20" s="543"/>
      <c r="CM20" s="544"/>
      <c r="CQ20" s="1" ph="1"/>
      <c r="CR20" s="1" ph="1"/>
      <c r="CS20" s="1" ph="1"/>
      <c r="CT20" s="1" ph="1"/>
      <c r="CU20" s="1" ph="1"/>
      <c r="CV20" s="1" ph="1"/>
    </row>
    <row r="21" spans="1:100" ht="17.25" customHeight="1" x14ac:dyDescent="0.15">
      <c r="A21" s="361"/>
      <c r="B21" s="362"/>
      <c r="C21" s="362"/>
      <c r="D21" s="362"/>
      <c r="E21" s="363"/>
      <c r="F21" s="339"/>
      <c r="G21" s="340"/>
      <c r="H21" s="340"/>
      <c r="I21" s="340"/>
      <c r="J21" s="340"/>
      <c r="K21" s="340"/>
      <c r="L21" s="340"/>
      <c r="M21" s="341"/>
      <c r="N21" s="523"/>
      <c r="O21" s="418"/>
      <c r="P21" s="419"/>
      <c r="Q21" s="376"/>
      <c r="R21" s="377"/>
      <c r="S21" s="377"/>
      <c r="T21" s="377"/>
      <c r="U21" s="50"/>
      <c r="V21" s="49"/>
      <c r="W21" s="49"/>
      <c r="X21" s="49"/>
      <c r="Y21" s="50"/>
      <c r="Z21" s="49"/>
      <c r="AA21" s="49"/>
      <c r="AB21" s="49"/>
      <c r="AC21" s="49"/>
      <c r="AD21" s="49"/>
      <c r="AE21" s="49"/>
      <c r="AF21" s="49"/>
      <c r="AG21" s="49"/>
      <c r="AH21" s="49"/>
      <c r="AI21" s="49"/>
      <c r="AJ21" s="49"/>
      <c r="AK21" s="49"/>
      <c r="AL21" s="51"/>
      <c r="AM21" s="15"/>
      <c r="AN21" s="295"/>
      <c r="AO21" s="296"/>
      <c r="AP21" s="296"/>
      <c r="AQ21" s="296"/>
      <c r="AR21" s="296"/>
      <c r="AS21" s="297"/>
      <c r="AT21" s="545"/>
      <c r="AU21" s="546"/>
      <c r="AV21" s="546"/>
      <c r="AW21" s="546"/>
      <c r="AX21" s="546"/>
      <c r="AY21" s="546"/>
      <c r="AZ21" s="546"/>
      <c r="BA21" s="546"/>
      <c r="BB21" s="546"/>
      <c r="BC21" s="546"/>
      <c r="BD21" s="546"/>
      <c r="BE21" s="546"/>
      <c r="BF21" s="546"/>
      <c r="BG21" s="546"/>
      <c r="BH21" s="546"/>
      <c r="BI21" s="546"/>
      <c r="BJ21" s="546"/>
      <c r="BK21" s="546"/>
      <c r="BL21" s="546"/>
      <c r="BM21" s="546"/>
      <c r="BN21" s="546"/>
      <c r="BO21" s="546"/>
      <c r="BP21" s="546"/>
      <c r="BQ21" s="546"/>
      <c r="BR21" s="546"/>
      <c r="BS21" s="546"/>
      <c r="BT21" s="546"/>
      <c r="BU21" s="546"/>
      <c r="BV21" s="546"/>
      <c r="BW21" s="546"/>
      <c r="BX21" s="546"/>
      <c r="BY21" s="546"/>
      <c r="BZ21" s="546"/>
      <c r="CA21" s="546"/>
      <c r="CB21" s="546"/>
      <c r="CC21" s="546"/>
      <c r="CD21" s="546"/>
      <c r="CE21" s="546"/>
      <c r="CF21" s="546"/>
      <c r="CG21" s="546"/>
      <c r="CH21" s="546"/>
      <c r="CI21" s="546"/>
      <c r="CJ21" s="546"/>
      <c r="CK21" s="546"/>
      <c r="CL21" s="546"/>
      <c r="CM21" s="547"/>
      <c r="CQ21" s="1" ph="1"/>
      <c r="CR21" s="1" ph="1"/>
      <c r="CS21" s="1" ph="1"/>
      <c r="CT21" s="1" ph="1"/>
      <c r="CU21" s="1" ph="1"/>
      <c r="CV21" s="1" ph="1"/>
    </row>
    <row r="22" spans="1:100" ht="17.25" customHeight="1" x14ac:dyDescent="0.15">
      <c r="A22" s="361"/>
      <c r="B22" s="362"/>
      <c r="C22" s="362"/>
      <c r="D22" s="362"/>
      <c r="E22" s="363"/>
      <c r="F22" s="411" t="s">
        <v>1281</v>
      </c>
      <c r="G22" s="554"/>
      <c r="H22" s="554"/>
      <c r="I22" s="554"/>
      <c r="J22" s="554"/>
      <c r="K22" s="554"/>
      <c r="L22" s="554"/>
      <c r="M22" s="555"/>
      <c r="N22" s="523"/>
      <c r="O22" s="418"/>
      <c r="P22" s="419"/>
      <c r="Q22" s="376"/>
      <c r="R22" s="377"/>
      <c r="S22" s="377"/>
      <c r="T22" s="377"/>
      <c r="U22" s="50"/>
      <c r="V22" s="49"/>
      <c r="W22" s="49"/>
      <c r="X22" s="49"/>
      <c r="Y22" s="50"/>
      <c r="Z22" s="49"/>
      <c r="AA22" s="49"/>
      <c r="AB22" s="49"/>
      <c r="AC22" s="49"/>
      <c r="AD22" s="49"/>
      <c r="AE22" s="49"/>
      <c r="AF22" s="49"/>
      <c r="AG22" s="49"/>
      <c r="AH22" s="49"/>
      <c r="AI22" s="49"/>
      <c r="AJ22" s="49"/>
      <c r="AK22" s="49"/>
      <c r="AL22" s="51"/>
      <c r="AM22" s="1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1" ph="1"/>
      <c r="CR22" s="1" ph="1"/>
      <c r="CS22" s="1" ph="1"/>
      <c r="CT22" s="1" ph="1"/>
      <c r="CU22" s="1" ph="1"/>
      <c r="CV22" s="1" ph="1"/>
    </row>
    <row r="23" spans="1:100" ht="17.25" customHeight="1" x14ac:dyDescent="0.15">
      <c r="A23" s="361"/>
      <c r="B23" s="362"/>
      <c r="C23" s="362"/>
      <c r="D23" s="362"/>
      <c r="E23" s="363"/>
      <c r="F23" s="564" t="s">
        <v>1280</v>
      </c>
      <c r="G23" s="565"/>
      <c r="H23" s="565"/>
      <c r="I23" s="565"/>
      <c r="J23" s="565"/>
      <c r="K23" s="565"/>
      <c r="L23" s="565"/>
      <c r="M23" s="566"/>
      <c r="N23" s="523"/>
      <c r="O23" s="418"/>
      <c r="P23" s="419"/>
      <c r="Q23" s="376" t="s">
        <v>435</v>
      </c>
      <c r="R23" s="377"/>
      <c r="S23" s="377"/>
      <c r="T23" s="377"/>
      <c r="U23" s="50"/>
      <c r="V23" s="49"/>
      <c r="W23" s="49"/>
      <c r="X23" s="49"/>
      <c r="Y23" s="50"/>
      <c r="Z23" s="49"/>
      <c r="AA23" s="49"/>
      <c r="AB23" s="49"/>
      <c r="AC23" s="49"/>
      <c r="AD23" s="49"/>
      <c r="AE23" s="49"/>
      <c r="AF23" s="49"/>
      <c r="AG23" s="49"/>
      <c r="AH23" s="49"/>
      <c r="AI23" s="49"/>
      <c r="AJ23" s="49"/>
      <c r="AK23" s="49"/>
      <c r="AL23" s="51"/>
      <c r="AM23" s="15"/>
      <c r="AN23" s="2" t="s">
        <v>16</v>
      </c>
      <c r="AO23" s="487" t="s">
        <v>804</v>
      </c>
      <c r="AP23" s="487"/>
      <c r="AQ23" s="487"/>
      <c r="AR23" s="487"/>
      <c r="AS23" s="487"/>
      <c r="AT23" s="487"/>
      <c r="AU23" s="487"/>
      <c r="AV23" s="487"/>
      <c r="AW23" s="487"/>
      <c r="AX23" s="487"/>
      <c r="AY23" s="487"/>
      <c r="AZ23" s="487"/>
      <c r="BA23" s="487"/>
      <c r="BB23" s="487"/>
      <c r="BC23" s="487"/>
      <c r="BD23" s="487"/>
      <c r="BE23" s="487"/>
      <c r="BF23" s="487"/>
      <c r="BG23" s="487"/>
      <c r="BH23" s="487"/>
      <c r="BI23" s="487"/>
      <c r="BJ23" s="487"/>
      <c r="BK23" s="487"/>
      <c r="BL23" s="487"/>
      <c r="BM23" s="487"/>
      <c r="BN23" s="487"/>
      <c r="BO23" s="487"/>
      <c r="BP23" s="487"/>
      <c r="BQ23" s="487"/>
      <c r="BR23" s="487"/>
      <c r="BS23" s="487"/>
      <c r="BT23" s="487"/>
      <c r="BU23" s="487"/>
      <c r="BV23" s="487"/>
      <c r="BW23" s="487"/>
      <c r="BX23" s="487"/>
      <c r="BY23" s="487"/>
      <c r="BZ23" s="487"/>
      <c r="CA23" s="487"/>
      <c r="CB23" s="487"/>
      <c r="CC23" s="487"/>
      <c r="CD23" s="487"/>
      <c r="CE23" s="487"/>
      <c r="CF23" s="487"/>
      <c r="CG23" s="487"/>
      <c r="CH23" s="487"/>
      <c r="CI23" s="487"/>
      <c r="CJ23" s="487"/>
      <c r="CK23" s="487"/>
      <c r="CL23" s="487"/>
      <c r="CM23" s="488"/>
      <c r="CQ23" s="1" ph="1"/>
      <c r="CR23" s="1" ph="1"/>
      <c r="CS23" s="1" ph="1"/>
      <c r="CT23" s="1" ph="1"/>
      <c r="CU23" s="1" ph="1"/>
      <c r="CV23" s="1" ph="1"/>
    </row>
    <row r="24" spans="1:100" ht="17.25" customHeight="1" x14ac:dyDescent="0.15">
      <c r="A24" s="364"/>
      <c r="B24" s="365"/>
      <c r="C24" s="365"/>
      <c r="D24" s="365"/>
      <c r="E24" s="366"/>
      <c r="F24" s="567"/>
      <c r="G24" s="568"/>
      <c r="H24" s="568"/>
      <c r="I24" s="568"/>
      <c r="J24" s="568"/>
      <c r="K24" s="568"/>
      <c r="L24" s="568"/>
      <c r="M24" s="569"/>
      <c r="N24" s="523"/>
      <c r="O24" s="420"/>
      <c r="P24" s="421"/>
      <c r="Q24" s="570" t="s">
        <v>295</v>
      </c>
      <c r="R24" s="378"/>
      <c r="S24" s="378"/>
      <c r="T24" s="378"/>
      <c r="U24" s="378"/>
      <c r="V24" s="378"/>
      <c r="W24" s="378"/>
      <c r="X24" s="378"/>
      <c r="Y24" s="378"/>
      <c r="Z24" s="378"/>
      <c r="AA24" s="378"/>
      <c r="AB24" s="378"/>
      <c r="AC24" s="378"/>
      <c r="AD24" s="378"/>
      <c r="AE24" s="378"/>
      <c r="AF24" s="378"/>
      <c r="AG24" s="378"/>
      <c r="AH24" s="378"/>
      <c r="AI24" s="378"/>
      <c r="AJ24" s="378"/>
      <c r="AK24" s="378"/>
      <c r="AL24" s="379"/>
      <c r="AM24" s="15"/>
      <c r="AN24" s="37" t="s">
        <v>16</v>
      </c>
      <c r="AO24" s="556" t="s">
        <v>417</v>
      </c>
      <c r="AP24" s="556"/>
      <c r="AQ24" s="556"/>
      <c r="AR24" s="556"/>
      <c r="AS24" s="556"/>
      <c r="AT24" s="556"/>
      <c r="AU24" s="556"/>
      <c r="AV24" s="556"/>
      <c r="AW24" s="556"/>
      <c r="AX24" s="556"/>
      <c r="AY24" s="556"/>
      <c r="AZ24" s="556"/>
      <c r="BA24" s="556"/>
      <c r="BB24" s="556"/>
      <c r="BC24" s="556"/>
      <c r="BD24" s="556"/>
      <c r="BE24" s="556"/>
      <c r="BF24" s="556"/>
      <c r="BG24" s="556"/>
      <c r="BH24" s="556"/>
      <c r="BI24" s="556"/>
      <c r="BJ24" s="556"/>
      <c r="BK24" s="556"/>
      <c r="BL24" s="556"/>
      <c r="BM24" s="556"/>
      <c r="BN24" s="556"/>
      <c r="BO24" s="556"/>
      <c r="BP24" s="556"/>
      <c r="BQ24" s="556"/>
      <c r="BR24" s="556"/>
      <c r="BS24" s="556"/>
      <c r="BT24" s="556"/>
      <c r="BU24" s="556"/>
      <c r="BV24" s="556"/>
      <c r="BW24" s="556"/>
      <c r="BX24" s="556"/>
      <c r="BY24" s="556"/>
      <c r="BZ24" s="556"/>
      <c r="CA24" s="556"/>
      <c r="CB24" s="556"/>
      <c r="CC24" s="556"/>
      <c r="CD24" s="556"/>
      <c r="CE24" s="556"/>
      <c r="CF24" s="556"/>
      <c r="CG24" s="556"/>
      <c r="CH24" s="556"/>
      <c r="CI24" s="556"/>
      <c r="CJ24" s="556"/>
      <c r="CK24" s="556"/>
      <c r="CL24" s="556"/>
      <c r="CM24" s="557"/>
      <c r="CQ24" s="1" ph="1"/>
      <c r="CR24" s="1" ph="1"/>
      <c r="CS24" s="1" ph="1"/>
      <c r="CT24" s="1" ph="1"/>
      <c r="CU24" s="1" ph="1"/>
      <c r="CV24" s="1" ph="1"/>
    </row>
    <row r="25" spans="1:100" ht="17.25" customHeight="1" x14ac:dyDescent="0.15">
      <c r="A25" s="382" t="s">
        <v>259</v>
      </c>
      <c r="B25" s="484"/>
      <c r="C25" s="484"/>
      <c r="D25" s="484"/>
      <c r="E25" s="485"/>
      <c r="F25" s="411" t="s">
        <v>1651</v>
      </c>
      <c r="G25" s="554"/>
      <c r="H25" s="554"/>
      <c r="I25" s="554"/>
      <c r="J25" s="554"/>
      <c r="K25" s="554"/>
      <c r="L25" s="554"/>
      <c r="M25" s="555"/>
      <c r="N25" s="523"/>
      <c r="O25" s="382" t="s">
        <v>258</v>
      </c>
      <c r="P25" s="485"/>
      <c r="Q25" s="486" t="s">
        <v>296</v>
      </c>
      <c r="R25" s="487"/>
      <c r="S25" s="487"/>
      <c r="T25" s="487"/>
      <c r="U25" s="487"/>
      <c r="V25" s="487"/>
      <c r="W25" s="487"/>
      <c r="X25" s="487"/>
      <c r="Y25" s="487"/>
      <c r="Z25" s="487"/>
      <c r="AA25" s="487"/>
      <c r="AB25" s="487"/>
      <c r="AC25" s="487"/>
      <c r="AD25" s="487"/>
      <c r="AE25" s="487"/>
      <c r="AF25" s="487"/>
      <c r="AG25" s="487"/>
      <c r="AH25" s="487"/>
      <c r="AI25" s="487"/>
      <c r="AJ25" s="487"/>
      <c r="AK25" s="487"/>
      <c r="AL25" s="488"/>
      <c r="AM25" s="15"/>
      <c r="AN25" s="37" t="s">
        <v>16</v>
      </c>
      <c r="AO25" s="556" t="s">
        <v>418</v>
      </c>
      <c r="AP25" s="556"/>
      <c r="AQ25" s="556"/>
      <c r="AR25" s="556"/>
      <c r="AS25" s="556"/>
      <c r="AT25" s="556"/>
      <c r="AU25" s="556"/>
      <c r="AV25" s="556"/>
      <c r="AW25" s="556"/>
      <c r="AX25" s="556"/>
      <c r="AY25" s="556"/>
      <c r="AZ25" s="556"/>
      <c r="BA25" s="556"/>
      <c r="BB25" s="556"/>
      <c r="BC25" s="556"/>
      <c r="BD25" s="556"/>
      <c r="BE25" s="556"/>
      <c r="BF25" s="556"/>
      <c r="BG25" s="556"/>
      <c r="BH25" s="556"/>
      <c r="BI25" s="556"/>
      <c r="BJ25" s="556"/>
      <c r="BK25" s="556"/>
      <c r="BL25" s="556"/>
      <c r="BM25" s="556"/>
      <c r="BN25" s="556"/>
      <c r="BO25" s="556"/>
      <c r="BP25" s="556"/>
      <c r="BQ25" s="556"/>
      <c r="BR25" s="556"/>
      <c r="BS25" s="556"/>
      <c r="BT25" s="556"/>
      <c r="BU25" s="556"/>
      <c r="BV25" s="556"/>
      <c r="BW25" s="556"/>
      <c r="BX25" s="556"/>
      <c r="BY25" s="556"/>
      <c r="BZ25" s="556"/>
      <c r="CA25" s="556"/>
      <c r="CB25" s="556"/>
      <c r="CC25" s="556"/>
      <c r="CD25" s="556"/>
      <c r="CE25" s="556"/>
      <c r="CF25" s="556"/>
      <c r="CG25" s="556"/>
      <c r="CH25" s="556"/>
      <c r="CI25" s="556"/>
      <c r="CJ25" s="556"/>
      <c r="CK25" s="556"/>
      <c r="CL25" s="556"/>
      <c r="CM25" s="557"/>
      <c r="CQ25" s="1" ph="1"/>
      <c r="CR25" s="1" ph="1"/>
      <c r="CS25" s="1" ph="1"/>
      <c r="CT25" s="1" ph="1"/>
      <c r="CU25" s="1" ph="1"/>
      <c r="CV25" s="1" ph="1"/>
    </row>
    <row r="26" spans="1:100" ht="17.25" customHeight="1" x14ac:dyDescent="0.15">
      <c r="A26" s="361"/>
      <c r="B26" s="362"/>
      <c r="C26" s="362"/>
      <c r="D26" s="362"/>
      <c r="E26" s="363"/>
      <c r="F26" s="336" t="s">
        <v>1650</v>
      </c>
      <c r="G26" s="337"/>
      <c r="H26" s="337"/>
      <c r="I26" s="337"/>
      <c r="J26" s="337"/>
      <c r="K26" s="337"/>
      <c r="L26" s="337"/>
      <c r="M26" s="338"/>
      <c r="N26" s="523"/>
      <c r="O26" s="364"/>
      <c r="P26" s="366"/>
      <c r="Q26" s="342">
        <v>27364</v>
      </c>
      <c r="R26" s="343"/>
      <c r="S26" s="343"/>
      <c r="T26" s="343"/>
      <c r="U26" s="343"/>
      <c r="V26" s="343"/>
      <c r="W26" s="343"/>
      <c r="X26" s="343"/>
      <c r="Y26" s="343"/>
      <c r="Z26" s="343"/>
      <c r="AA26" s="343"/>
      <c r="AB26" s="343"/>
      <c r="AC26" s="343"/>
      <c r="AD26" s="343"/>
      <c r="AE26" s="343"/>
      <c r="AF26" s="343"/>
      <c r="AG26" s="343"/>
      <c r="AH26" s="343"/>
      <c r="AI26" s="343"/>
      <c r="AJ26" s="343"/>
      <c r="AK26" s="343"/>
      <c r="AL26" s="344"/>
      <c r="AM26" s="15"/>
      <c r="AN26" s="37" t="s">
        <v>16</v>
      </c>
      <c r="AO26" s="556" t="s">
        <v>419</v>
      </c>
      <c r="AP26" s="556"/>
      <c r="AQ26" s="556"/>
      <c r="AR26" s="556"/>
      <c r="AS26" s="556"/>
      <c r="AT26" s="556"/>
      <c r="AU26" s="556"/>
      <c r="AV26" s="556"/>
      <c r="AW26" s="556"/>
      <c r="AX26" s="556"/>
      <c r="AY26" s="556"/>
      <c r="AZ26" s="556"/>
      <c r="BA26" s="556"/>
      <c r="BB26" s="556"/>
      <c r="BC26" s="556"/>
      <c r="BD26" s="556"/>
      <c r="BE26" s="556"/>
      <c r="BF26" s="556"/>
      <c r="BG26" s="556"/>
      <c r="BH26" s="556"/>
      <c r="BI26" s="556"/>
      <c r="BJ26" s="556"/>
      <c r="BK26" s="556"/>
      <c r="BL26" s="556"/>
      <c r="BM26" s="556"/>
      <c r="BN26" s="556"/>
      <c r="BO26" s="556"/>
      <c r="BP26" s="556"/>
      <c r="BQ26" s="556"/>
      <c r="BR26" s="556"/>
      <c r="BS26" s="556"/>
      <c r="BT26" s="556"/>
      <c r="BU26" s="556"/>
      <c r="BV26" s="556"/>
      <c r="BW26" s="556"/>
      <c r="BX26" s="556"/>
      <c r="BY26" s="556"/>
      <c r="BZ26" s="556"/>
      <c r="CA26" s="556"/>
      <c r="CB26" s="556"/>
      <c r="CC26" s="556"/>
      <c r="CD26" s="556"/>
      <c r="CE26" s="556"/>
      <c r="CF26" s="556"/>
      <c r="CG26" s="556"/>
      <c r="CH26" s="556"/>
      <c r="CI26" s="556"/>
      <c r="CJ26" s="556"/>
      <c r="CK26" s="556"/>
      <c r="CL26" s="556"/>
      <c r="CM26" s="557"/>
      <c r="CN26" s="15"/>
      <c r="CQ26" s="1" ph="1"/>
      <c r="CR26" s="1" ph="1"/>
      <c r="CS26" s="1" ph="1"/>
      <c r="CT26" s="1" ph="1"/>
      <c r="CU26" s="1" ph="1"/>
      <c r="CV26" s="1" ph="1"/>
    </row>
    <row r="27" spans="1:100" ht="17.25" customHeight="1" x14ac:dyDescent="0.15">
      <c r="A27" s="364"/>
      <c r="B27" s="365"/>
      <c r="C27" s="365"/>
      <c r="D27" s="365"/>
      <c r="E27" s="366"/>
      <c r="F27" s="339"/>
      <c r="G27" s="340"/>
      <c r="H27" s="340"/>
      <c r="I27" s="340"/>
      <c r="J27" s="340"/>
      <c r="K27" s="340"/>
      <c r="L27" s="340"/>
      <c r="M27" s="341"/>
      <c r="N27" s="523"/>
      <c r="O27" s="382" t="s">
        <v>260</v>
      </c>
      <c r="P27" s="485"/>
      <c r="Q27" s="486" t="s">
        <v>297</v>
      </c>
      <c r="R27" s="487"/>
      <c r="S27" s="487"/>
      <c r="T27" s="487"/>
      <c r="U27" s="487"/>
      <c r="V27" s="487"/>
      <c r="W27" s="487"/>
      <c r="X27" s="487"/>
      <c r="Y27" s="487"/>
      <c r="Z27" s="487"/>
      <c r="AA27" s="487"/>
      <c r="AB27" s="487"/>
      <c r="AC27" s="487"/>
      <c r="AD27" s="487"/>
      <c r="AE27" s="487"/>
      <c r="AF27" s="487"/>
      <c r="AG27" s="487"/>
      <c r="AH27" s="487"/>
      <c r="AI27" s="487"/>
      <c r="AJ27" s="487"/>
      <c r="AK27" s="487"/>
      <c r="AL27" s="488"/>
      <c r="AM27" s="15"/>
      <c r="AN27" s="17" t="s">
        <v>16</v>
      </c>
      <c r="AO27" s="490" t="s">
        <v>807</v>
      </c>
      <c r="AP27" s="490"/>
      <c r="AQ27" s="490"/>
      <c r="AR27" s="490"/>
      <c r="AS27" s="490"/>
      <c r="AT27" s="490"/>
      <c r="AU27" s="490"/>
      <c r="AV27" s="490"/>
      <c r="AW27" s="490"/>
      <c r="AX27" s="490"/>
      <c r="AY27" s="490"/>
      <c r="AZ27" s="490"/>
      <c r="BA27" s="490"/>
      <c r="BB27" s="490"/>
      <c r="BC27" s="490"/>
      <c r="BD27" s="490"/>
      <c r="BE27" s="490"/>
      <c r="BF27" s="490"/>
      <c r="BG27" s="490"/>
      <c r="BH27" s="490"/>
      <c r="BI27" s="490"/>
      <c r="BJ27" s="490"/>
      <c r="BK27" s="490"/>
      <c r="BL27" s="490"/>
      <c r="BM27" s="490"/>
      <c r="BN27" s="490"/>
      <c r="BO27" s="490"/>
      <c r="BP27" s="490"/>
      <c r="BQ27" s="490"/>
      <c r="BR27" s="490"/>
      <c r="BS27" s="490"/>
      <c r="BT27" s="490"/>
      <c r="BU27" s="490"/>
      <c r="BV27" s="490"/>
      <c r="BW27" s="490"/>
      <c r="BX27" s="490"/>
      <c r="BY27" s="490"/>
      <c r="BZ27" s="490"/>
      <c r="CA27" s="490"/>
      <c r="CB27" s="490"/>
      <c r="CC27" s="490"/>
      <c r="CD27" s="490"/>
      <c r="CE27" s="490"/>
      <c r="CF27" s="490"/>
      <c r="CG27" s="490"/>
      <c r="CH27" s="490"/>
      <c r="CI27" s="490"/>
      <c r="CJ27" s="490"/>
      <c r="CK27" s="490"/>
      <c r="CL27" s="490"/>
      <c r="CM27" s="491"/>
      <c r="CN27" s="15"/>
      <c r="CQ27" s="1" ph="1"/>
      <c r="CR27" s="1" ph="1"/>
      <c r="CS27" s="1" ph="1"/>
      <c r="CT27" s="1" ph="1"/>
      <c r="CU27" s="1" ph="1"/>
      <c r="CV27" s="1" ph="1"/>
    </row>
    <row r="28" spans="1:100" ht="17.25" customHeight="1" x14ac:dyDescent="0.15">
      <c r="A28" s="382" t="s">
        <v>263</v>
      </c>
      <c r="B28" s="484"/>
      <c r="C28" s="484"/>
      <c r="D28" s="484"/>
      <c r="E28" s="485"/>
      <c r="F28" s="519" t="s">
        <v>1652</v>
      </c>
      <c r="G28" s="520"/>
      <c r="H28" s="520"/>
      <c r="I28" s="520"/>
      <c r="J28" s="520"/>
      <c r="K28" s="520"/>
      <c r="L28" s="520"/>
      <c r="M28" s="521"/>
      <c r="N28" s="523"/>
      <c r="O28" s="364"/>
      <c r="P28" s="366"/>
      <c r="Q28" s="342">
        <v>27364</v>
      </c>
      <c r="R28" s="343"/>
      <c r="S28" s="343"/>
      <c r="T28" s="343"/>
      <c r="U28" s="343"/>
      <c r="V28" s="343"/>
      <c r="W28" s="343"/>
      <c r="X28" s="343"/>
      <c r="Y28" s="343"/>
      <c r="Z28" s="343"/>
      <c r="AA28" s="343"/>
      <c r="AB28" s="343"/>
      <c r="AC28" s="343"/>
      <c r="AD28" s="343"/>
      <c r="AE28" s="343"/>
      <c r="AF28" s="343"/>
      <c r="AG28" s="343"/>
      <c r="AH28" s="343"/>
      <c r="AI28" s="343"/>
      <c r="AJ28" s="343"/>
      <c r="AK28" s="343"/>
      <c r="AL28" s="344"/>
      <c r="AM28" s="1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CN28" s="15"/>
      <c r="CQ28" s="1" ph="1"/>
      <c r="CR28" s="1" ph="1"/>
      <c r="CS28" s="1" ph="1"/>
      <c r="CT28" s="1" ph="1"/>
      <c r="CU28" s="1" ph="1"/>
      <c r="CV28" s="1" ph="1"/>
    </row>
    <row r="29" spans="1:100" ht="17.25" customHeight="1" x14ac:dyDescent="0.15">
      <c r="A29" s="361"/>
      <c r="B29" s="362"/>
      <c r="C29" s="362"/>
      <c r="D29" s="362"/>
      <c r="E29" s="363"/>
      <c r="F29" s="336" t="s">
        <v>1653</v>
      </c>
      <c r="G29" s="337"/>
      <c r="H29" s="337"/>
      <c r="I29" s="337"/>
      <c r="J29" s="337"/>
      <c r="K29" s="337"/>
      <c r="L29" s="337"/>
      <c r="M29" s="338"/>
      <c r="N29" s="523"/>
      <c r="O29" s="382" t="s">
        <v>264</v>
      </c>
      <c r="P29" s="485"/>
      <c r="Q29" s="548" t="s">
        <v>227</v>
      </c>
      <c r="R29" s="549"/>
      <c r="S29" s="549"/>
      <c r="T29" s="549"/>
      <c r="U29" s="549"/>
      <c r="V29" s="549"/>
      <c r="W29" s="549"/>
      <c r="X29" s="549"/>
      <c r="Y29" s="549"/>
      <c r="Z29" s="549"/>
      <c r="AA29" s="549"/>
      <c r="AB29" s="549"/>
      <c r="AC29" s="549"/>
      <c r="AD29" s="549"/>
      <c r="AE29" s="549"/>
      <c r="AF29" s="549"/>
      <c r="AG29" s="549"/>
      <c r="AH29" s="549"/>
      <c r="AI29" s="549"/>
      <c r="AJ29" s="549"/>
      <c r="AK29" s="549"/>
      <c r="AL29" s="550"/>
      <c r="AM29" s="15"/>
      <c r="AN29" s="466" t="s">
        <v>1558</v>
      </c>
      <c r="AO29" s="467"/>
      <c r="AP29" s="467"/>
      <c r="AQ29" s="467"/>
      <c r="AR29" s="467"/>
      <c r="AS29" s="467"/>
      <c r="AT29" s="467"/>
      <c r="AU29" s="467"/>
      <c r="AV29" s="467"/>
      <c r="AW29" s="467"/>
      <c r="AX29" s="467"/>
      <c r="AY29" s="467"/>
      <c r="AZ29" s="467"/>
      <c r="BA29" s="467"/>
      <c r="BB29" s="467"/>
      <c r="BC29" s="467"/>
      <c r="BD29" s="467"/>
      <c r="BE29" s="467"/>
      <c r="BF29" s="467"/>
      <c r="BG29" s="467"/>
      <c r="BH29" s="467"/>
      <c r="BI29" s="467"/>
      <c r="BJ29" s="467"/>
      <c r="BK29" s="467"/>
      <c r="BL29" s="467"/>
      <c r="BM29" s="467"/>
      <c r="BN29" s="467"/>
      <c r="BO29" s="467"/>
      <c r="BP29" s="468"/>
      <c r="BQ29" s="53"/>
      <c r="BR29" s="101"/>
      <c r="BS29" s="15"/>
      <c r="BZ29" s="15"/>
      <c r="CA29" s="15"/>
      <c r="CN29" s="15"/>
      <c r="CQ29" s="1" ph="1"/>
      <c r="CR29" s="1" ph="1"/>
      <c r="CS29" s="1" ph="1"/>
      <c r="CT29" s="1" ph="1"/>
      <c r="CU29" s="1" ph="1"/>
      <c r="CV29" s="1" ph="1"/>
    </row>
    <row r="30" spans="1:100" ht="17.25" customHeight="1" x14ac:dyDescent="0.15">
      <c r="A30" s="364"/>
      <c r="B30" s="365"/>
      <c r="C30" s="365"/>
      <c r="D30" s="365"/>
      <c r="E30" s="366"/>
      <c r="F30" s="339"/>
      <c r="G30" s="340"/>
      <c r="H30" s="340"/>
      <c r="I30" s="340"/>
      <c r="J30" s="340"/>
      <c r="K30" s="340"/>
      <c r="L30" s="340"/>
      <c r="M30" s="341"/>
      <c r="N30" s="523"/>
      <c r="O30" s="364"/>
      <c r="P30" s="366"/>
      <c r="Q30" s="551"/>
      <c r="R30" s="552"/>
      <c r="S30" s="552"/>
      <c r="T30" s="552"/>
      <c r="U30" s="552"/>
      <c r="V30" s="552"/>
      <c r="W30" s="552"/>
      <c r="X30" s="552"/>
      <c r="Y30" s="552"/>
      <c r="Z30" s="552"/>
      <c r="AA30" s="552"/>
      <c r="AB30" s="552"/>
      <c r="AC30" s="552"/>
      <c r="AD30" s="552"/>
      <c r="AE30" s="552"/>
      <c r="AF30" s="552"/>
      <c r="AG30" s="552"/>
      <c r="AH30" s="552"/>
      <c r="AI30" s="552"/>
      <c r="AJ30" s="552"/>
      <c r="AK30" s="552"/>
      <c r="AL30" s="553"/>
      <c r="AM30" s="15"/>
      <c r="AN30" s="469"/>
      <c r="AO30" s="470"/>
      <c r="AP30" s="470"/>
      <c r="AQ30" s="470"/>
      <c r="AR30" s="470"/>
      <c r="AS30" s="470"/>
      <c r="AT30" s="470"/>
      <c r="AU30" s="470"/>
      <c r="AV30" s="470"/>
      <c r="AW30" s="470"/>
      <c r="AX30" s="470"/>
      <c r="AY30" s="470"/>
      <c r="AZ30" s="470"/>
      <c r="BA30" s="470"/>
      <c r="BB30" s="470"/>
      <c r="BC30" s="470"/>
      <c r="BD30" s="470"/>
      <c r="BE30" s="470"/>
      <c r="BF30" s="470"/>
      <c r="BG30" s="470"/>
      <c r="BH30" s="470"/>
      <c r="BI30" s="470"/>
      <c r="BJ30" s="470"/>
      <c r="BK30" s="470"/>
      <c r="BL30" s="470"/>
      <c r="BM30" s="470"/>
      <c r="BN30" s="470"/>
      <c r="BO30" s="470"/>
      <c r="BP30" s="471"/>
      <c r="BQ30" s="53"/>
      <c r="BR30" s="136" t="s">
        <v>262</v>
      </c>
      <c r="BS30" s="108"/>
      <c r="BT30" s="108"/>
      <c r="BU30" s="108"/>
      <c r="BV30" s="108"/>
      <c r="BW30" s="108"/>
      <c r="BX30" s="108"/>
      <c r="BY30" s="327">
        <v>2</v>
      </c>
      <c r="BZ30" s="327"/>
      <c r="CA30" s="327"/>
      <c r="CB30" s="327"/>
      <c r="CC30" s="327"/>
      <c r="CD30" s="327"/>
      <c r="CE30" s="327"/>
      <c r="CF30" s="327"/>
      <c r="CG30" s="327"/>
      <c r="CH30" s="327"/>
      <c r="CI30" s="327"/>
      <c r="CM30" s="108"/>
      <c r="CN30" s="15"/>
      <c r="CQ30" s="1" ph="1"/>
      <c r="CR30" s="1" ph="1"/>
      <c r="CS30" s="1" ph="1"/>
      <c r="CT30" s="1" ph="1"/>
      <c r="CU30" s="1" ph="1"/>
      <c r="CV30" s="1" ph="1"/>
    </row>
    <row r="31" spans="1:100" ht="17.25" customHeight="1" x14ac:dyDescent="0.15">
      <c r="A31" s="574" t="s">
        <v>268</v>
      </c>
      <c r="B31" s="574"/>
      <c r="C31" s="574"/>
      <c r="D31" s="574"/>
      <c r="E31" s="574"/>
      <c r="F31" s="574"/>
      <c r="G31" s="574"/>
      <c r="H31" s="574"/>
      <c r="I31" s="574"/>
      <c r="J31" s="574"/>
      <c r="K31" s="574"/>
      <c r="L31" s="574"/>
      <c r="M31" s="574"/>
      <c r="N31" s="574"/>
      <c r="O31" s="574"/>
      <c r="P31" s="574"/>
      <c r="Q31" s="574"/>
      <c r="R31" s="574"/>
      <c r="S31" s="574"/>
      <c r="T31" s="574"/>
      <c r="U31" s="574"/>
      <c r="V31" s="574"/>
      <c r="W31" s="574"/>
      <c r="X31" s="574"/>
      <c r="Y31" s="574"/>
      <c r="Z31" s="574"/>
      <c r="AA31" s="574"/>
      <c r="AB31" s="574"/>
      <c r="AC31" s="574"/>
      <c r="AD31" s="574"/>
      <c r="AE31" s="574"/>
      <c r="AF31" s="574"/>
      <c r="AG31" s="574"/>
      <c r="AH31" s="574"/>
      <c r="AI31" s="574"/>
      <c r="AJ31" s="574"/>
      <c r="AK31" s="574"/>
      <c r="AL31" s="574"/>
      <c r="AM31" s="15"/>
      <c r="AN31" s="469"/>
      <c r="AO31" s="470"/>
      <c r="AP31" s="470"/>
      <c r="AQ31" s="470"/>
      <c r="AR31" s="470"/>
      <c r="AS31" s="470"/>
      <c r="AT31" s="470"/>
      <c r="AU31" s="470"/>
      <c r="AV31" s="470"/>
      <c r="AW31" s="470"/>
      <c r="AX31" s="470"/>
      <c r="AY31" s="470"/>
      <c r="AZ31" s="470"/>
      <c r="BA31" s="470"/>
      <c r="BB31" s="470"/>
      <c r="BC31" s="470"/>
      <c r="BD31" s="470"/>
      <c r="BE31" s="470"/>
      <c r="BF31" s="470"/>
      <c r="BG31" s="470"/>
      <c r="BH31" s="470"/>
      <c r="BI31" s="470"/>
      <c r="BJ31" s="470"/>
      <c r="BK31" s="470"/>
      <c r="BL31" s="470"/>
      <c r="BM31" s="470"/>
      <c r="BN31" s="470"/>
      <c r="BO31" s="470"/>
      <c r="BP31" s="471"/>
      <c r="BQ31" s="54"/>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15"/>
      <c r="CQ31" s="1" ph="1"/>
      <c r="CR31" s="1" ph="1"/>
      <c r="CS31" s="1" ph="1"/>
      <c r="CT31" s="1" ph="1"/>
      <c r="CU31" s="1" ph="1"/>
      <c r="CV31" s="1" ph="1"/>
    </row>
    <row r="32" spans="1:100" ht="17.25" customHeight="1" x14ac:dyDescent="0.15">
      <c r="A32" s="466" t="s">
        <v>810</v>
      </c>
      <c r="B32" s="467"/>
      <c r="C32" s="467"/>
      <c r="D32" s="467"/>
      <c r="E32" s="467"/>
      <c r="F32" s="467"/>
      <c r="G32" s="467"/>
      <c r="H32" s="467"/>
      <c r="I32" s="467"/>
      <c r="J32" s="467"/>
      <c r="K32" s="467"/>
      <c r="L32" s="467"/>
      <c r="M32" s="467"/>
      <c r="N32" s="467"/>
      <c r="O32" s="467"/>
      <c r="P32" s="467"/>
      <c r="Q32" s="467"/>
      <c r="R32" s="467"/>
      <c r="S32" s="467"/>
      <c r="T32" s="467"/>
      <c r="U32" s="467"/>
      <c r="V32" s="467"/>
      <c r="W32" s="467"/>
      <c r="X32" s="467"/>
      <c r="Y32" s="467"/>
      <c r="Z32" s="467"/>
      <c r="AA32" s="467"/>
      <c r="AB32" s="467"/>
      <c r="AC32" s="467"/>
      <c r="AD32" s="467"/>
      <c r="AE32" s="467"/>
      <c r="AF32" s="467"/>
      <c r="AG32" s="467"/>
      <c r="AH32" s="467"/>
      <c r="AI32" s="467"/>
      <c r="AJ32" s="467"/>
      <c r="AK32" s="467"/>
      <c r="AL32" s="468"/>
      <c r="AM32" s="15"/>
      <c r="AN32" s="469"/>
      <c r="AO32" s="470"/>
      <c r="AP32" s="470"/>
      <c r="AQ32" s="470"/>
      <c r="AR32" s="470"/>
      <c r="AS32" s="470"/>
      <c r="AT32" s="470"/>
      <c r="AU32" s="470"/>
      <c r="AV32" s="470"/>
      <c r="AW32" s="470"/>
      <c r="AX32" s="470"/>
      <c r="AY32" s="470"/>
      <c r="AZ32" s="470"/>
      <c r="BA32" s="470"/>
      <c r="BB32" s="470"/>
      <c r="BC32" s="470"/>
      <c r="BD32" s="470"/>
      <c r="BE32" s="470"/>
      <c r="BF32" s="470"/>
      <c r="BG32" s="470"/>
      <c r="BH32" s="470"/>
      <c r="BI32" s="470"/>
      <c r="BJ32" s="470"/>
      <c r="BK32" s="470"/>
      <c r="BL32" s="470"/>
      <c r="BM32" s="470"/>
      <c r="BN32" s="470"/>
      <c r="BO32" s="470"/>
      <c r="BP32" s="471"/>
      <c r="BQ32" s="53"/>
      <c r="BR32" s="295"/>
      <c r="BS32" s="296"/>
      <c r="BT32" s="296"/>
      <c r="BU32" s="296"/>
      <c r="BV32" s="296"/>
      <c r="BW32" s="296"/>
      <c r="BX32" s="297"/>
      <c r="BY32" s="295"/>
      <c r="BZ32" s="296"/>
      <c r="CA32" s="296"/>
      <c r="CB32" s="296"/>
      <c r="CC32" s="296"/>
      <c r="CD32" s="296"/>
      <c r="CE32" s="296"/>
      <c r="CF32" s="296"/>
      <c r="CG32" s="297"/>
      <c r="CH32" s="295"/>
      <c r="CI32" s="296"/>
      <c r="CJ32" s="296"/>
      <c r="CK32" s="296"/>
      <c r="CL32" s="296"/>
      <c r="CM32" s="297"/>
      <c r="CQ32" s="1" ph="1"/>
      <c r="CR32" s="1" ph="1"/>
      <c r="CS32" s="1" ph="1"/>
      <c r="CT32" s="1" ph="1"/>
      <c r="CU32" s="1" ph="1"/>
      <c r="CV32" s="1" ph="1"/>
    </row>
    <row r="33" spans="1:100" ht="17.25" customHeight="1" x14ac:dyDescent="0.15">
      <c r="A33" s="469"/>
      <c r="B33" s="470"/>
      <c r="C33" s="470"/>
      <c r="D33" s="470"/>
      <c r="E33" s="470"/>
      <c r="F33" s="470"/>
      <c r="G33" s="470"/>
      <c r="H33" s="470"/>
      <c r="I33" s="470"/>
      <c r="J33" s="470"/>
      <c r="K33" s="470"/>
      <c r="L33" s="470"/>
      <c r="M33" s="470"/>
      <c r="N33" s="470"/>
      <c r="O33" s="470"/>
      <c r="P33" s="470"/>
      <c r="Q33" s="470"/>
      <c r="R33" s="470"/>
      <c r="S33" s="470"/>
      <c r="T33" s="470"/>
      <c r="U33" s="470"/>
      <c r="V33" s="470"/>
      <c r="W33" s="470"/>
      <c r="X33" s="470"/>
      <c r="Y33" s="470"/>
      <c r="Z33" s="470"/>
      <c r="AA33" s="470"/>
      <c r="AB33" s="470"/>
      <c r="AC33" s="470"/>
      <c r="AD33" s="470"/>
      <c r="AE33" s="470"/>
      <c r="AF33" s="470"/>
      <c r="AG33" s="470"/>
      <c r="AH33" s="470"/>
      <c r="AI33" s="470"/>
      <c r="AJ33" s="470"/>
      <c r="AK33" s="470"/>
      <c r="AL33" s="471"/>
      <c r="AM33" s="15"/>
      <c r="AN33" s="472"/>
      <c r="AO33" s="473"/>
      <c r="AP33" s="473"/>
      <c r="AQ33" s="473"/>
      <c r="AR33" s="473"/>
      <c r="AS33" s="473"/>
      <c r="AT33" s="473"/>
      <c r="AU33" s="473"/>
      <c r="AV33" s="473"/>
      <c r="AW33" s="473"/>
      <c r="AX33" s="473"/>
      <c r="AY33" s="473"/>
      <c r="AZ33" s="473"/>
      <c r="BA33" s="473"/>
      <c r="BB33" s="473"/>
      <c r="BC33" s="473"/>
      <c r="BD33" s="473"/>
      <c r="BE33" s="473"/>
      <c r="BF33" s="473"/>
      <c r="BG33" s="473"/>
      <c r="BH33" s="473"/>
      <c r="BI33" s="473"/>
      <c r="BJ33" s="473"/>
      <c r="BK33" s="473"/>
      <c r="BL33" s="473"/>
      <c r="BM33" s="473"/>
      <c r="BN33" s="473"/>
      <c r="BO33" s="473"/>
      <c r="BP33" s="474"/>
      <c r="BQ33" s="53"/>
      <c r="BR33" s="292" t="s">
        <v>267</v>
      </c>
      <c r="BS33" s="293"/>
      <c r="BT33" s="293"/>
      <c r="BU33" s="293"/>
      <c r="BV33" s="293"/>
      <c r="BW33" s="293"/>
      <c r="BX33" s="294"/>
      <c r="BY33" s="284">
        <v>2625</v>
      </c>
      <c r="BZ33" s="285"/>
      <c r="CA33" s="285"/>
      <c r="CB33" s="285"/>
      <c r="CC33" s="285"/>
      <c r="CD33" s="285"/>
      <c r="CE33" s="285"/>
      <c r="CF33" s="285"/>
      <c r="CG33" s="288"/>
      <c r="CH33" s="558">
        <v>0.37898999999999999</v>
      </c>
      <c r="CI33" s="559"/>
      <c r="CJ33" s="559"/>
      <c r="CK33" s="559"/>
      <c r="CL33" s="559"/>
      <c r="CM33" s="560"/>
      <c r="CQ33" s="1" ph="1"/>
      <c r="CR33" s="1" ph="1"/>
      <c r="CS33" s="1" ph="1"/>
      <c r="CT33" s="1" ph="1"/>
      <c r="CU33" s="1" ph="1"/>
      <c r="CV33" s="1" ph="1"/>
    </row>
    <row r="34" spans="1:100" ht="17.25" customHeight="1" x14ac:dyDescent="0.15">
      <c r="A34" s="469"/>
      <c r="B34" s="470"/>
      <c r="C34" s="470"/>
      <c r="D34" s="470"/>
      <c r="E34" s="470"/>
      <c r="F34" s="470"/>
      <c r="G34" s="470"/>
      <c r="H34" s="470"/>
      <c r="I34" s="470"/>
      <c r="J34" s="470"/>
      <c r="K34" s="470"/>
      <c r="L34" s="470"/>
      <c r="M34" s="470"/>
      <c r="N34" s="470"/>
      <c r="O34" s="470"/>
      <c r="P34" s="470"/>
      <c r="Q34" s="470"/>
      <c r="R34" s="470"/>
      <c r="S34" s="470"/>
      <c r="T34" s="470"/>
      <c r="U34" s="470"/>
      <c r="V34" s="470"/>
      <c r="W34" s="470"/>
      <c r="X34" s="470"/>
      <c r="Y34" s="470"/>
      <c r="Z34" s="470"/>
      <c r="AA34" s="470"/>
      <c r="AB34" s="470"/>
      <c r="AC34" s="470"/>
      <c r="AD34" s="470"/>
      <c r="AE34" s="470"/>
      <c r="AF34" s="470"/>
      <c r="AG34" s="470"/>
      <c r="AH34" s="470"/>
      <c r="AI34" s="470"/>
      <c r="AJ34" s="470"/>
      <c r="AK34" s="470"/>
      <c r="AL34" s="471"/>
      <c r="AM34" s="15"/>
      <c r="AN34" s="518" t="s">
        <v>269</v>
      </c>
      <c r="AO34" s="518"/>
      <c r="AP34" s="518"/>
      <c r="AQ34" s="518"/>
      <c r="AR34" s="518"/>
      <c r="AS34" s="518"/>
      <c r="AT34" s="518"/>
      <c r="AU34" s="518"/>
      <c r="AV34" s="518"/>
      <c r="AW34" s="518"/>
      <c r="AX34" s="518"/>
      <c r="AY34" s="518"/>
      <c r="AZ34" s="518"/>
      <c r="BA34" s="518"/>
      <c r="BB34" s="518"/>
      <c r="BC34" s="518"/>
      <c r="BD34" s="518"/>
      <c r="BE34" s="518"/>
      <c r="BF34" s="518"/>
      <c r="BG34" s="518"/>
      <c r="BH34" s="518"/>
      <c r="BI34" s="518"/>
      <c r="BJ34" s="518"/>
      <c r="BK34" s="518"/>
      <c r="BL34" s="518"/>
      <c r="BM34" s="518"/>
      <c r="BN34" s="518"/>
      <c r="BO34" s="518"/>
      <c r="BP34" s="137"/>
      <c r="BQ34" s="137"/>
      <c r="BR34" s="295"/>
      <c r="BS34" s="296"/>
      <c r="BT34" s="296"/>
      <c r="BU34" s="296"/>
      <c r="BV34" s="296"/>
      <c r="BW34" s="296"/>
      <c r="BX34" s="297"/>
      <c r="BY34" s="289"/>
      <c r="BZ34" s="290"/>
      <c r="CA34" s="290"/>
      <c r="CB34" s="290"/>
      <c r="CC34" s="290"/>
      <c r="CD34" s="290"/>
      <c r="CE34" s="290"/>
      <c r="CF34" s="290"/>
      <c r="CG34" s="291"/>
      <c r="CH34" s="561"/>
      <c r="CI34" s="562"/>
      <c r="CJ34" s="562"/>
      <c r="CK34" s="562"/>
      <c r="CL34" s="562"/>
      <c r="CM34" s="563"/>
      <c r="CQ34" s="1" ph="1"/>
    </row>
    <row r="35" spans="1:100" ht="17.25" customHeight="1" x14ac:dyDescent="0.15">
      <c r="A35" s="469"/>
      <c r="B35" s="470"/>
      <c r="C35" s="470"/>
      <c r="D35" s="470"/>
      <c r="E35" s="470"/>
      <c r="F35" s="470"/>
      <c r="G35" s="470"/>
      <c r="H35" s="470"/>
      <c r="I35" s="470"/>
      <c r="J35" s="470"/>
      <c r="K35" s="470"/>
      <c r="L35" s="470"/>
      <c r="M35" s="470"/>
      <c r="N35" s="470"/>
      <c r="O35" s="470"/>
      <c r="P35" s="470"/>
      <c r="Q35" s="470"/>
      <c r="R35" s="470"/>
      <c r="S35" s="470"/>
      <c r="T35" s="470"/>
      <c r="U35" s="470"/>
      <c r="V35" s="470"/>
      <c r="W35" s="470"/>
      <c r="X35" s="470"/>
      <c r="Y35" s="470"/>
      <c r="Z35" s="470"/>
      <c r="AA35" s="470"/>
      <c r="AB35" s="470"/>
      <c r="AC35" s="470"/>
      <c r="AD35" s="470"/>
      <c r="AE35" s="470"/>
      <c r="AF35" s="470"/>
      <c r="AG35" s="470"/>
      <c r="AH35" s="470"/>
      <c r="AI35" s="470"/>
      <c r="AJ35" s="470"/>
      <c r="AK35" s="470"/>
      <c r="AL35" s="471"/>
      <c r="AM35" s="15"/>
      <c r="AN35" s="292" t="s">
        <v>265</v>
      </c>
      <c r="AO35" s="293"/>
      <c r="AP35" s="293"/>
      <c r="AQ35" s="293"/>
      <c r="AR35" s="293"/>
      <c r="AS35" s="293"/>
      <c r="AT35" s="293"/>
      <c r="AU35" s="293"/>
      <c r="AV35" s="294"/>
      <c r="AW35" s="292" t="s">
        <v>270</v>
      </c>
      <c r="AX35" s="293"/>
      <c r="AY35" s="293"/>
      <c r="AZ35" s="293"/>
      <c r="BA35" s="293"/>
      <c r="BB35" s="293"/>
      <c r="BC35" s="293"/>
      <c r="BD35" s="293"/>
      <c r="BE35" s="293"/>
      <c r="BF35" s="294"/>
      <c r="BG35" s="292" t="s">
        <v>271</v>
      </c>
      <c r="BH35" s="293"/>
      <c r="BI35" s="293"/>
      <c r="BJ35" s="293"/>
      <c r="BK35" s="293"/>
      <c r="BL35" s="293"/>
      <c r="BM35" s="293"/>
      <c r="BN35" s="293"/>
      <c r="BO35" s="293"/>
      <c r="BP35" s="294"/>
      <c r="BQ35" s="78"/>
      <c r="BR35" s="292" t="s">
        <v>272</v>
      </c>
      <c r="BS35" s="293"/>
      <c r="BT35" s="293"/>
      <c r="BU35" s="293"/>
      <c r="BV35" s="293"/>
      <c r="BW35" s="293"/>
      <c r="BX35" s="294"/>
      <c r="BY35" s="284">
        <v>126522</v>
      </c>
      <c r="BZ35" s="285"/>
      <c r="CA35" s="285"/>
      <c r="CB35" s="285"/>
      <c r="CC35" s="285"/>
      <c r="CD35" s="285"/>
      <c r="CE35" s="285"/>
      <c r="CF35" s="285"/>
      <c r="CG35" s="288"/>
      <c r="CH35" s="558">
        <v>18.26708</v>
      </c>
      <c r="CI35" s="559"/>
      <c r="CJ35" s="559"/>
      <c r="CK35" s="559"/>
      <c r="CL35" s="559"/>
      <c r="CM35" s="560"/>
      <c r="CQ35" s="1" ph="1"/>
    </row>
    <row r="36" spans="1:100" ht="17.25" customHeight="1" x14ac:dyDescent="0.15">
      <c r="A36" s="469"/>
      <c r="B36" s="470"/>
      <c r="C36" s="470"/>
      <c r="D36" s="470"/>
      <c r="E36" s="470"/>
      <c r="F36" s="470"/>
      <c r="G36" s="470"/>
      <c r="H36" s="470"/>
      <c r="I36" s="470"/>
      <c r="J36" s="470"/>
      <c r="K36" s="470"/>
      <c r="L36" s="470"/>
      <c r="M36" s="470"/>
      <c r="N36" s="470"/>
      <c r="O36" s="470"/>
      <c r="P36" s="470"/>
      <c r="Q36" s="470"/>
      <c r="R36" s="470"/>
      <c r="S36" s="470"/>
      <c r="T36" s="470"/>
      <c r="U36" s="470"/>
      <c r="V36" s="470"/>
      <c r="W36" s="470"/>
      <c r="X36" s="470"/>
      <c r="Y36" s="470"/>
      <c r="Z36" s="470"/>
      <c r="AA36" s="470"/>
      <c r="AB36" s="470"/>
      <c r="AC36" s="470"/>
      <c r="AD36" s="470"/>
      <c r="AE36" s="470"/>
      <c r="AF36" s="470"/>
      <c r="AG36" s="470"/>
      <c r="AH36" s="470"/>
      <c r="AI36" s="470"/>
      <c r="AJ36" s="470"/>
      <c r="AK36" s="470"/>
      <c r="AL36" s="471"/>
      <c r="AM36" s="15"/>
      <c r="AN36" s="295"/>
      <c r="AO36" s="296"/>
      <c r="AP36" s="296"/>
      <c r="AQ36" s="296"/>
      <c r="AR36" s="296"/>
      <c r="AS36" s="296"/>
      <c r="AT36" s="296"/>
      <c r="AU36" s="296"/>
      <c r="AV36" s="297"/>
      <c r="AW36" s="295"/>
      <c r="AX36" s="296"/>
      <c r="AY36" s="296"/>
      <c r="AZ36" s="296"/>
      <c r="BA36" s="296"/>
      <c r="BB36" s="296"/>
      <c r="BC36" s="296"/>
      <c r="BD36" s="296"/>
      <c r="BE36" s="296"/>
      <c r="BF36" s="297"/>
      <c r="BG36" s="295"/>
      <c r="BH36" s="296"/>
      <c r="BI36" s="296"/>
      <c r="BJ36" s="296"/>
      <c r="BK36" s="296"/>
      <c r="BL36" s="296"/>
      <c r="BM36" s="296"/>
      <c r="BN36" s="296"/>
      <c r="BO36" s="296"/>
      <c r="BP36" s="297"/>
      <c r="BQ36" s="78"/>
      <c r="BR36" s="295"/>
      <c r="BS36" s="296"/>
      <c r="BT36" s="296"/>
      <c r="BU36" s="296"/>
      <c r="BV36" s="296"/>
      <c r="BW36" s="296"/>
      <c r="BX36" s="297"/>
      <c r="BY36" s="289"/>
      <c r="BZ36" s="290"/>
      <c r="CA36" s="290"/>
      <c r="CB36" s="290"/>
      <c r="CC36" s="290"/>
      <c r="CD36" s="290"/>
      <c r="CE36" s="290"/>
      <c r="CF36" s="290"/>
      <c r="CG36" s="291"/>
      <c r="CH36" s="561"/>
      <c r="CI36" s="562"/>
      <c r="CJ36" s="562"/>
      <c r="CK36" s="562"/>
      <c r="CL36" s="562"/>
      <c r="CM36" s="563"/>
      <c r="CQ36" s="1" ph="1"/>
    </row>
    <row r="37" spans="1:100" ht="17.25" customHeight="1" x14ac:dyDescent="0.15">
      <c r="A37" s="469"/>
      <c r="B37" s="470"/>
      <c r="C37" s="470"/>
      <c r="D37" s="470"/>
      <c r="E37" s="470"/>
      <c r="F37" s="470"/>
      <c r="G37" s="470"/>
      <c r="H37" s="470"/>
      <c r="I37" s="470"/>
      <c r="J37" s="470"/>
      <c r="K37" s="470"/>
      <c r="L37" s="470"/>
      <c r="M37" s="470"/>
      <c r="N37" s="470"/>
      <c r="O37" s="470"/>
      <c r="P37" s="470"/>
      <c r="Q37" s="470"/>
      <c r="R37" s="470"/>
      <c r="S37" s="470"/>
      <c r="T37" s="470"/>
      <c r="U37" s="470"/>
      <c r="V37" s="470"/>
      <c r="W37" s="470"/>
      <c r="X37" s="470"/>
      <c r="Y37" s="470"/>
      <c r="Z37" s="470"/>
      <c r="AA37" s="470"/>
      <c r="AB37" s="470"/>
      <c r="AC37" s="470"/>
      <c r="AD37" s="470"/>
      <c r="AE37" s="470"/>
      <c r="AF37" s="470"/>
      <c r="AG37" s="470"/>
      <c r="AH37" s="470"/>
      <c r="AI37" s="470"/>
      <c r="AJ37" s="470"/>
      <c r="AK37" s="470"/>
      <c r="AL37" s="471"/>
      <c r="AM37" s="15"/>
      <c r="AN37" s="292" t="s">
        <v>399</v>
      </c>
      <c r="AO37" s="293"/>
      <c r="AP37" s="293"/>
      <c r="AQ37" s="293"/>
      <c r="AR37" s="293"/>
      <c r="AS37" s="293"/>
      <c r="AT37" s="293"/>
      <c r="AU37" s="293"/>
      <c r="AV37" s="294"/>
      <c r="AW37" s="284">
        <v>1475213</v>
      </c>
      <c r="AX37" s="285"/>
      <c r="AY37" s="285"/>
      <c r="AZ37" s="285"/>
      <c r="BA37" s="285"/>
      <c r="BB37" s="285"/>
      <c r="BC37" s="285"/>
      <c r="BD37" s="285"/>
      <c r="BE37" s="285"/>
      <c r="BF37" s="288"/>
      <c r="BG37" s="284">
        <v>691837</v>
      </c>
      <c r="BH37" s="285"/>
      <c r="BI37" s="285"/>
      <c r="BJ37" s="285"/>
      <c r="BK37" s="285"/>
      <c r="BL37" s="285"/>
      <c r="BM37" s="285"/>
      <c r="BN37" s="285"/>
      <c r="BO37" s="285"/>
      <c r="BP37" s="288"/>
      <c r="BQ37" s="138"/>
      <c r="BR37" s="292" t="s">
        <v>273</v>
      </c>
      <c r="BS37" s="293"/>
      <c r="BT37" s="293"/>
      <c r="BU37" s="293"/>
      <c r="BV37" s="293"/>
      <c r="BW37" s="293"/>
      <c r="BX37" s="294"/>
      <c r="BY37" s="284">
        <v>563476</v>
      </c>
      <c r="BZ37" s="285"/>
      <c r="CA37" s="285"/>
      <c r="CB37" s="285"/>
      <c r="CC37" s="285"/>
      <c r="CD37" s="285"/>
      <c r="CE37" s="285"/>
      <c r="CF37" s="285"/>
      <c r="CG37" s="288"/>
      <c r="CH37" s="558">
        <v>81.353930000000005</v>
      </c>
      <c r="CI37" s="559"/>
      <c r="CJ37" s="559"/>
      <c r="CK37" s="559"/>
      <c r="CL37" s="559"/>
      <c r="CM37" s="560"/>
      <c r="CQ37" s="1" ph="1"/>
    </row>
    <row r="38" spans="1:100" ht="17.25" customHeight="1" x14ac:dyDescent="0.15">
      <c r="A38" s="472"/>
      <c r="B38" s="473"/>
      <c r="C38" s="473"/>
      <c r="D38" s="473"/>
      <c r="E38" s="473"/>
      <c r="F38" s="473"/>
      <c r="G38" s="473"/>
      <c r="H38" s="473"/>
      <c r="I38" s="473"/>
      <c r="J38" s="473"/>
      <c r="K38" s="473"/>
      <c r="L38" s="473"/>
      <c r="M38" s="473"/>
      <c r="N38" s="473"/>
      <c r="O38" s="473"/>
      <c r="P38" s="473"/>
      <c r="Q38" s="473"/>
      <c r="R38" s="473"/>
      <c r="S38" s="473"/>
      <c r="T38" s="473"/>
      <c r="U38" s="473"/>
      <c r="V38" s="473"/>
      <c r="W38" s="473"/>
      <c r="X38" s="473"/>
      <c r="Y38" s="473"/>
      <c r="Z38" s="473"/>
      <c r="AA38" s="473"/>
      <c r="AB38" s="473"/>
      <c r="AC38" s="473"/>
      <c r="AD38" s="473"/>
      <c r="AE38" s="473"/>
      <c r="AF38" s="473"/>
      <c r="AG38" s="473"/>
      <c r="AH38" s="473"/>
      <c r="AI38" s="473"/>
      <c r="AJ38" s="473"/>
      <c r="AK38" s="473"/>
      <c r="AL38" s="474"/>
      <c r="AM38" s="15"/>
      <c r="AN38" s="295"/>
      <c r="AO38" s="296"/>
      <c r="AP38" s="296"/>
      <c r="AQ38" s="296"/>
      <c r="AR38" s="296"/>
      <c r="AS38" s="296"/>
      <c r="AT38" s="296"/>
      <c r="AU38" s="296"/>
      <c r="AV38" s="297"/>
      <c r="AW38" s="289"/>
      <c r="AX38" s="290"/>
      <c r="AY38" s="290"/>
      <c r="AZ38" s="290"/>
      <c r="BA38" s="290"/>
      <c r="BB38" s="290"/>
      <c r="BC38" s="290"/>
      <c r="BD38" s="290"/>
      <c r="BE38" s="290"/>
      <c r="BF38" s="291"/>
      <c r="BG38" s="289"/>
      <c r="BH38" s="290"/>
      <c r="BI38" s="290"/>
      <c r="BJ38" s="290"/>
      <c r="BK38" s="290"/>
      <c r="BL38" s="290"/>
      <c r="BM38" s="290"/>
      <c r="BN38" s="290"/>
      <c r="BO38" s="290"/>
      <c r="BP38" s="291"/>
      <c r="BQ38" s="138"/>
      <c r="BR38" s="295"/>
      <c r="BS38" s="296"/>
      <c r="BT38" s="296"/>
      <c r="BU38" s="296"/>
      <c r="BV38" s="296"/>
      <c r="BW38" s="296"/>
      <c r="BX38" s="297"/>
      <c r="BY38" s="289"/>
      <c r="BZ38" s="290"/>
      <c r="CA38" s="290"/>
      <c r="CB38" s="290"/>
      <c r="CC38" s="290"/>
      <c r="CD38" s="290"/>
      <c r="CE38" s="290"/>
      <c r="CF38" s="290"/>
      <c r="CG38" s="291"/>
      <c r="CH38" s="561"/>
      <c r="CI38" s="562"/>
      <c r="CJ38" s="562"/>
      <c r="CK38" s="562"/>
      <c r="CL38" s="562"/>
      <c r="CM38" s="563"/>
      <c r="CQ38" s="1" ph="1"/>
    </row>
    <row r="39" spans="1:100" ht="17.25" customHeight="1" x14ac:dyDescent="0.15">
      <c r="A39" s="581" t="s">
        <v>274</v>
      </c>
      <c r="B39" s="581"/>
      <c r="C39" s="581"/>
      <c r="D39" s="581"/>
      <c r="E39" s="581"/>
      <c r="F39" s="581"/>
      <c r="G39" s="581"/>
      <c r="H39" s="581"/>
      <c r="I39" s="581"/>
      <c r="J39" s="581"/>
      <c r="K39" s="581"/>
      <c r="L39" s="581"/>
      <c r="M39" s="581"/>
      <c r="N39" s="198"/>
      <c r="O39" s="582" t="s">
        <v>275</v>
      </c>
      <c r="P39" s="582"/>
      <c r="Q39" s="582"/>
      <c r="R39" s="582"/>
      <c r="S39" s="582"/>
      <c r="T39" s="582"/>
      <c r="U39" s="582"/>
      <c r="V39" s="582"/>
      <c r="W39" s="582"/>
      <c r="X39" s="582"/>
      <c r="Y39" s="582"/>
      <c r="Z39" s="582"/>
      <c r="AA39" s="582"/>
      <c r="AB39" s="582"/>
      <c r="AC39" s="582"/>
      <c r="AD39" s="582"/>
      <c r="AE39" s="582"/>
      <c r="AF39" s="582"/>
      <c r="AG39" s="582"/>
      <c r="AH39" s="582"/>
      <c r="AI39" s="582"/>
      <c r="AJ39" s="582"/>
      <c r="AK39" s="582"/>
      <c r="AL39" s="582"/>
      <c r="AM39" s="15"/>
      <c r="AN39" s="301" t="s">
        <v>1059</v>
      </c>
      <c r="AO39" s="323"/>
      <c r="AP39" s="323"/>
      <c r="AQ39" s="323"/>
      <c r="AR39" s="323"/>
      <c r="AS39" s="323"/>
      <c r="AT39" s="323"/>
      <c r="AU39" s="323"/>
      <c r="AV39" s="583"/>
      <c r="AW39" s="284">
        <v>1538262</v>
      </c>
      <c r="AX39" s="285"/>
      <c r="AY39" s="285"/>
      <c r="AZ39" s="285"/>
      <c r="BA39" s="285"/>
      <c r="BB39" s="285"/>
      <c r="BC39" s="285"/>
      <c r="BD39" s="285"/>
      <c r="BE39" s="285"/>
      <c r="BF39" s="288"/>
      <c r="BG39" s="284">
        <v>747452</v>
      </c>
      <c r="BH39" s="285"/>
      <c r="BI39" s="285"/>
      <c r="BJ39" s="285"/>
      <c r="BK39" s="285"/>
      <c r="BL39" s="285"/>
      <c r="BM39" s="285"/>
      <c r="BN39" s="285"/>
      <c r="BO39" s="285"/>
      <c r="BP39" s="288"/>
      <c r="BQ39" s="138"/>
      <c r="BR39" s="301" t="s">
        <v>1119</v>
      </c>
      <c r="BS39" s="293"/>
      <c r="BT39" s="293"/>
      <c r="BU39" s="293"/>
      <c r="BV39" s="293"/>
      <c r="BW39" s="293"/>
      <c r="BX39" s="294"/>
      <c r="BY39" s="284">
        <v>717354</v>
      </c>
      <c r="BZ39" s="285"/>
      <c r="CA39" s="285"/>
      <c r="CB39" s="285"/>
      <c r="CC39" s="285"/>
      <c r="CD39" s="285"/>
      <c r="CE39" s="285"/>
      <c r="CF39" s="285"/>
      <c r="CG39" s="288"/>
      <c r="CH39" s="558">
        <v>100</v>
      </c>
      <c r="CI39" s="559"/>
      <c r="CJ39" s="559"/>
      <c r="CK39" s="559"/>
      <c r="CL39" s="559"/>
      <c r="CM39" s="560"/>
    </row>
    <row r="40" spans="1:100" ht="17.25" customHeight="1" x14ac:dyDescent="0.15">
      <c r="A40" s="311" t="s">
        <v>298</v>
      </c>
      <c r="B40" s="312"/>
      <c r="C40" s="312"/>
      <c r="D40" s="312"/>
      <c r="E40" s="312"/>
      <c r="F40" s="312"/>
      <c r="G40" s="312"/>
      <c r="H40" s="312"/>
      <c r="I40" s="312"/>
      <c r="J40" s="312"/>
      <c r="K40" s="312"/>
      <c r="L40" s="312"/>
      <c r="M40" s="313"/>
      <c r="N40" s="198"/>
      <c r="O40" s="578" t="s">
        <v>228</v>
      </c>
      <c r="P40" s="579"/>
      <c r="Q40" s="579"/>
      <c r="R40" s="579"/>
      <c r="S40" s="579"/>
      <c r="T40" s="579"/>
      <c r="U40" s="579"/>
      <c r="V40" s="579"/>
      <c r="W40" s="579"/>
      <c r="X40" s="579"/>
      <c r="Y40" s="579"/>
      <c r="Z40" s="579"/>
      <c r="AA40" s="579"/>
      <c r="AB40" s="579"/>
      <c r="AC40" s="579"/>
      <c r="AD40" s="579"/>
      <c r="AE40" s="579"/>
      <c r="AF40" s="579"/>
      <c r="AG40" s="579"/>
      <c r="AH40" s="579"/>
      <c r="AI40" s="579"/>
      <c r="AJ40" s="579"/>
      <c r="AK40" s="579"/>
      <c r="AL40" s="580"/>
      <c r="AM40" s="15"/>
      <c r="AN40" s="584"/>
      <c r="AO40" s="585"/>
      <c r="AP40" s="585"/>
      <c r="AQ40" s="585"/>
      <c r="AR40" s="585"/>
      <c r="AS40" s="585"/>
      <c r="AT40" s="585"/>
      <c r="AU40" s="585"/>
      <c r="AV40" s="586"/>
      <c r="AW40" s="289"/>
      <c r="AX40" s="290"/>
      <c r="AY40" s="290"/>
      <c r="AZ40" s="290"/>
      <c r="BA40" s="290"/>
      <c r="BB40" s="290"/>
      <c r="BC40" s="290"/>
      <c r="BD40" s="290"/>
      <c r="BE40" s="290"/>
      <c r="BF40" s="291"/>
      <c r="BG40" s="289"/>
      <c r="BH40" s="290"/>
      <c r="BI40" s="290"/>
      <c r="BJ40" s="290"/>
      <c r="BK40" s="290"/>
      <c r="BL40" s="290"/>
      <c r="BM40" s="290"/>
      <c r="BN40" s="290"/>
      <c r="BO40" s="290"/>
      <c r="BP40" s="291"/>
      <c r="BQ40" s="138"/>
      <c r="BR40" s="295"/>
      <c r="BS40" s="296"/>
      <c r="BT40" s="296"/>
      <c r="BU40" s="296"/>
      <c r="BV40" s="296"/>
      <c r="BW40" s="296"/>
      <c r="BX40" s="297"/>
      <c r="BY40" s="289"/>
      <c r="BZ40" s="290"/>
      <c r="CA40" s="290"/>
      <c r="CB40" s="290"/>
      <c r="CC40" s="290"/>
      <c r="CD40" s="290"/>
      <c r="CE40" s="290"/>
      <c r="CF40" s="290"/>
      <c r="CG40" s="291"/>
      <c r="CH40" s="561"/>
      <c r="CI40" s="562"/>
      <c r="CJ40" s="562"/>
      <c r="CK40" s="562"/>
      <c r="CL40" s="562"/>
      <c r="CM40" s="563"/>
    </row>
    <row r="41" spans="1:100" ht="17.25" customHeight="1" x14ac:dyDescent="0.15">
      <c r="A41" s="251">
        <v>30110</v>
      </c>
      <c r="B41" s="252"/>
      <c r="C41" s="252"/>
      <c r="D41" s="252"/>
      <c r="E41" s="252"/>
      <c r="F41" s="252"/>
      <c r="G41" s="252"/>
      <c r="H41" s="252"/>
      <c r="I41" s="252"/>
      <c r="J41" s="252"/>
      <c r="K41" s="252"/>
      <c r="L41" s="252"/>
      <c r="M41" s="253"/>
      <c r="N41" s="198"/>
      <c r="O41" s="575" t="s">
        <v>299</v>
      </c>
      <c r="P41" s="576"/>
      <c r="Q41" s="576"/>
      <c r="R41" s="576"/>
      <c r="S41" s="576"/>
      <c r="T41" s="576"/>
      <c r="U41" s="576"/>
      <c r="V41" s="576"/>
      <c r="W41" s="576"/>
      <c r="X41" s="576"/>
      <c r="Y41" s="576"/>
      <c r="Z41" s="576"/>
      <c r="AA41" s="576"/>
      <c r="AB41" s="576"/>
      <c r="AC41" s="576"/>
      <c r="AD41" s="576"/>
      <c r="AE41" s="576"/>
      <c r="AF41" s="576"/>
      <c r="AG41" s="576"/>
      <c r="AH41" s="576"/>
      <c r="AI41" s="576"/>
      <c r="AJ41" s="576"/>
      <c r="AK41" s="576"/>
      <c r="AL41" s="577"/>
      <c r="AM41" s="15"/>
      <c r="AN41" s="134" t="s">
        <v>276</v>
      </c>
      <c r="AO41" s="134"/>
      <c r="AP41" s="108"/>
      <c r="AQ41" s="108"/>
      <c r="AR41" s="108"/>
      <c r="AS41" s="108"/>
      <c r="AU41" s="314">
        <v>2</v>
      </c>
      <c r="AV41" s="314"/>
      <c r="AW41" s="314"/>
      <c r="AX41" s="314"/>
      <c r="AY41" s="314"/>
      <c r="AZ41" s="314"/>
      <c r="BA41" s="314"/>
      <c r="BB41" s="314"/>
      <c r="BC41" s="314"/>
      <c r="BD41" s="314"/>
      <c r="BE41" s="314"/>
      <c r="BF41" s="108"/>
      <c r="BG41" s="108"/>
      <c r="BH41" s="108"/>
      <c r="BI41" s="108"/>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324" t="s">
        <v>300</v>
      </c>
      <c r="B42" s="325"/>
      <c r="C42" s="325"/>
      <c r="D42" s="325"/>
      <c r="E42" s="325"/>
      <c r="F42" s="325"/>
      <c r="G42" s="325"/>
      <c r="H42" s="325"/>
      <c r="I42" s="325"/>
      <c r="J42" s="325"/>
      <c r="K42" s="325"/>
      <c r="L42" s="325"/>
      <c r="M42" s="326"/>
      <c r="N42" s="198"/>
      <c r="O42" s="575" t="s">
        <v>230</v>
      </c>
      <c r="P42" s="576"/>
      <c r="Q42" s="576"/>
      <c r="R42" s="576"/>
      <c r="S42" s="576"/>
      <c r="T42" s="576"/>
      <c r="U42" s="576"/>
      <c r="V42" s="576"/>
      <c r="W42" s="576"/>
      <c r="X42" s="576"/>
      <c r="Y42" s="576"/>
      <c r="Z42" s="576"/>
      <c r="AA42" s="576"/>
      <c r="AB42" s="576"/>
      <c r="AC42" s="576"/>
      <c r="AD42" s="576"/>
      <c r="AE42" s="576"/>
      <c r="AF42" s="576"/>
      <c r="AG42" s="576"/>
      <c r="AH42" s="576"/>
      <c r="AI42" s="576"/>
      <c r="AJ42" s="576"/>
      <c r="AK42" s="576"/>
      <c r="AL42" s="577"/>
      <c r="AM42" s="1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51">
        <v>35514</v>
      </c>
      <c r="B43" s="252"/>
      <c r="C43" s="252"/>
      <c r="D43" s="252"/>
      <c r="E43" s="252"/>
      <c r="F43" s="252"/>
      <c r="G43" s="252"/>
      <c r="H43" s="252"/>
      <c r="I43" s="252"/>
      <c r="J43" s="252"/>
      <c r="K43" s="252"/>
      <c r="L43" s="252"/>
      <c r="M43" s="253"/>
      <c r="N43" s="198"/>
      <c r="O43" s="575" t="s">
        <v>231</v>
      </c>
      <c r="P43" s="576"/>
      <c r="Q43" s="576"/>
      <c r="R43" s="576"/>
      <c r="S43" s="576"/>
      <c r="T43" s="576"/>
      <c r="U43" s="576"/>
      <c r="V43" s="576"/>
      <c r="W43" s="576"/>
      <c r="X43" s="576"/>
      <c r="Y43" s="576"/>
      <c r="Z43" s="576"/>
      <c r="AA43" s="576"/>
      <c r="AB43" s="576"/>
      <c r="AC43" s="576"/>
      <c r="AD43" s="576"/>
      <c r="AE43" s="576"/>
      <c r="AF43" s="576"/>
      <c r="AG43" s="576"/>
      <c r="AH43" s="576"/>
      <c r="AI43" s="576"/>
      <c r="AJ43" s="576"/>
      <c r="AK43" s="576"/>
      <c r="AL43" s="577"/>
      <c r="AM43" s="1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c r="B44" s="252"/>
      <c r="C44" s="252"/>
      <c r="D44" s="252"/>
      <c r="E44" s="252"/>
      <c r="F44" s="252"/>
      <c r="G44" s="252"/>
      <c r="H44" s="252"/>
      <c r="I44" s="252"/>
      <c r="J44" s="252"/>
      <c r="K44" s="252"/>
      <c r="L44" s="252"/>
      <c r="M44" s="253"/>
      <c r="N44" s="198"/>
      <c r="O44" s="575" t="s">
        <v>232</v>
      </c>
      <c r="P44" s="576"/>
      <c r="Q44" s="576"/>
      <c r="R44" s="576"/>
      <c r="S44" s="576"/>
      <c r="T44" s="576"/>
      <c r="U44" s="576"/>
      <c r="V44" s="576"/>
      <c r="W44" s="576"/>
      <c r="X44" s="576"/>
      <c r="Y44" s="576"/>
      <c r="Z44" s="576"/>
      <c r="AA44" s="576"/>
      <c r="AB44" s="576"/>
      <c r="AC44" s="576"/>
      <c r="AD44" s="576"/>
      <c r="AE44" s="576"/>
      <c r="AF44" s="576"/>
      <c r="AG44" s="576"/>
      <c r="AH44" s="576"/>
      <c r="AI44" s="576"/>
      <c r="AJ44" s="576"/>
      <c r="AK44" s="576"/>
      <c r="AL44" s="577"/>
      <c r="AM44" s="15"/>
      <c r="AN44" s="275">
        <v>10756.3</v>
      </c>
      <c r="AO44" s="276"/>
      <c r="AP44" s="276"/>
      <c r="AQ44" s="276"/>
      <c r="AR44" s="276"/>
      <c r="AS44" s="280" t="s">
        <v>383</v>
      </c>
      <c r="AT44" s="280"/>
      <c r="AU44" s="280"/>
      <c r="AV44" s="281"/>
      <c r="AW44" s="260">
        <v>20.2</v>
      </c>
      <c r="AX44" s="261"/>
      <c r="AY44" s="261"/>
      <c r="AZ44" s="261"/>
      <c r="BA44" s="261"/>
      <c r="BB44" s="261"/>
      <c r="BC44" s="259" t="s">
        <v>384</v>
      </c>
      <c r="BD44" s="259"/>
      <c r="BE44" s="259"/>
      <c r="BF44" s="595"/>
      <c r="BG44" s="260">
        <v>87.3</v>
      </c>
      <c r="BH44" s="261"/>
      <c r="BI44" s="261"/>
      <c r="BJ44" s="261"/>
      <c r="BK44" s="261"/>
      <c r="BL44" s="261"/>
      <c r="BM44" s="259" t="s">
        <v>384</v>
      </c>
      <c r="BN44" s="259"/>
      <c r="BO44" s="259"/>
      <c r="BP44" s="595"/>
      <c r="BQ44" s="96"/>
      <c r="BR44" s="262">
        <v>142.96</v>
      </c>
      <c r="BS44" s="600"/>
      <c r="BT44" s="600"/>
      <c r="BU44" s="600"/>
      <c r="BV44" s="600"/>
      <c r="BW44" s="600"/>
      <c r="BX44" s="600"/>
      <c r="BY44" s="263" t="s">
        <v>385</v>
      </c>
      <c r="BZ44" s="263"/>
      <c r="CA44" s="263"/>
      <c r="CB44" s="571"/>
      <c r="CC44" s="268">
        <v>12728</v>
      </c>
      <c r="CD44" s="603"/>
      <c r="CE44" s="603"/>
      <c r="CF44" s="603"/>
      <c r="CG44" s="603"/>
      <c r="CH44" s="603"/>
      <c r="CI44" s="603"/>
      <c r="CJ44" s="263" t="s">
        <v>386</v>
      </c>
      <c r="CK44" s="263"/>
      <c r="CL44" s="263"/>
      <c r="CM44" s="571"/>
    </row>
    <row r="45" spans="1:100" ht="17.25" customHeight="1" x14ac:dyDescent="0.15">
      <c r="A45" s="216"/>
      <c r="B45" s="217"/>
      <c r="C45" s="217"/>
      <c r="D45" s="217"/>
      <c r="E45" s="217"/>
      <c r="F45" s="217"/>
      <c r="G45" s="217"/>
      <c r="H45" s="217"/>
      <c r="I45" s="217"/>
      <c r="J45" s="217"/>
      <c r="K45" s="217"/>
      <c r="L45" s="217"/>
      <c r="M45" s="218"/>
      <c r="N45" s="198"/>
      <c r="O45" s="219"/>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372"/>
      <c r="AM45" s="15"/>
      <c r="AN45" s="606"/>
      <c r="AO45" s="607"/>
      <c r="AP45" s="607"/>
      <c r="AQ45" s="607"/>
      <c r="AR45" s="607"/>
      <c r="AS45" s="282"/>
      <c r="AT45" s="282"/>
      <c r="AU45" s="282"/>
      <c r="AV45" s="283"/>
      <c r="AW45" s="598"/>
      <c r="AX45" s="599"/>
      <c r="AY45" s="599"/>
      <c r="AZ45" s="599"/>
      <c r="BA45" s="599"/>
      <c r="BB45" s="599"/>
      <c r="BC45" s="596"/>
      <c r="BD45" s="596"/>
      <c r="BE45" s="596"/>
      <c r="BF45" s="597"/>
      <c r="BG45" s="598"/>
      <c r="BH45" s="599"/>
      <c r="BI45" s="599"/>
      <c r="BJ45" s="599"/>
      <c r="BK45" s="599"/>
      <c r="BL45" s="599"/>
      <c r="BM45" s="596"/>
      <c r="BN45" s="596"/>
      <c r="BO45" s="596"/>
      <c r="BP45" s="597"/>
      <c r="BQ45" s="96"/>
      <c r="BR45" s="601"/>
      <c r="BS45" s="602"/>
      <c r="BT45" s="602"/>
      <c r="BU45" s="602"/>
      <c r="BV45" s="602"/>
      <c r="BW45" s="602"/>
      <c r="BX45" s="602"/>
      <c r="BY45" s="572"/>
      <c r="BZ45" s="572"/>
      <c r="CA45" s="572"/>
      <c r="CB45" s="573"/>
      <c r="CC45" s="604"/>
      <c r="CD45" s="605"/>
      <c r="CE45" s="605"/>
      <c r="CF45" s="605"/>
      <c r="CG45" s="605"/>
      <c r="CH45" s="605"/>
      <c r="CI45" s="605"/>
      <c r="CJ45" s="572"/>
      <c r="CK45" s="572"/>
      <c r="CL45" s="572"/>
      <c r="CM45" s="573"/>
    </row>
    <row r="46" spans="1:100" ht="17.25" customHeight="1" x14ac:dyDescent="0.15">
      <c r="A46" s="56"/>
      <c r="B46" s="57"/>
      <c r="C46" s="57"/>
      <c r="D46" s="57"/>
      <c r="E46" s="57"/>
      <c r="F46" s="57"/>
      <c r="G46" s="57"/>
      <c r="H46" s="57"/>
      <c r="I46" s="57"/>
      <c r="J46" s="57"/>
      <c r="K46" s="57"/>
      <c r="L46" s="57"/>
      <c r="M46" s="58"/>
      <c r="N46" s="198"/>
      <c r="O46" s="59"/>
      <c r="P46" s="49"/>
      <c r="Q46" s="49"/>
      <c r="R46" s="49"/>
      <c r="S46" s="49"/>
      <c r="T46" s="49"/>
      <c r="U46" s="49"/>
      <c r="V46" s="49"/>
      <c r="W46" s="49"/>
      <c r="X46" s="49"/>
      <c r="Y46" s="49"/>
      <c r="Z46" s="49"/>
      <c r="AA46" s="49"/>
      <c r="AB46" s="49"/>
      <c r="AC46" s="49"/>
      <c r="AD46" s="49"/>
      <c r="AE46" s="49"/>
      <c r="AF46" s="49"/>
      <c r="AG46" s="49"/>
      <c r="AH46" s="49"/>
      <c r="AI46" s="49"/>
      <c r="AJ46" s="49"/>
      <c r="AK46" s="49"/>
      <c r="AL46" s="51"/>
      <c r="AM46" s="15"/>
      <c r="AN46" s="518" t="s">
        <v>387</v>
      </c>
      <c r="AO46" s="518"/>
      <c r="AP46" s="518"/>
      <c r="AQ46" s="518"/>
      <c r="AR46" s="518"/>
      <c r="AS46" s="518"/>
      <c r="AT46" s="518"/>
      <c r="AU46" s="518"/>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257" t="s">
        <v>388</v>
      </c>
      <c r="CE46" s="257"/>
      <c r="CF46" s="257"/>
      <c r="CG46" s="257"/>
      <c r="CH46" s="257"/>
      <c r="CI46" s="257"/>
      <c r="CJ46" s="257"/>
      <c r="CK46" s="257"/>
      <c r="CL46" s="257"/>
      <c r="CM46" s="257"/>
    </row>
    <row r="47" spans="1:100" ht="17.25" customHeight="1" x14ac:dyDescent="0.15">
      <c r="A47" s="251"/>
      <c r="B47" s="252"/>
      <c r="C47" s="252"/>
      <c r="D47" s="252"/>
      <c r="E47" s="252"/>
      <c r="F47" s="252"/>
      <c r="G47" s="252"/>
      <c r="H47" s="252"/>
      <c r="I47" s="252"/>
      <c r="J47" s="252"/>
      <c r="K47" s="252"/>
      <c r="L47" s="252"/>
      <c r="M47" s="253"/>
      <c r="N47" s="198"/>
      <c r="O47" s="219"/>
      <c r="P47" s="220"/>
      <c r="Q47" s="220"/>
      <c r="R47" s="220"/>
      <c r="S47" s="220"/>
      <c r="T47" s="220"/>
      <c r="U47" s="220"/>
      <c r="V47" s="220"/>
      <c r="W47" s="220"/>
      <c r="X47" s="220"/>
      <c r="Y47" s="220"/>
      <c r="Z47" s="220"/>
      <c r="AA47" s="220"/>
      <c r="AB47" s="220"/>
      <c r="AC47" s="220"/>
      <c r="AD47" s="220"/>
      <c r="AE47" s="220"/>
      <c r="AF47" s="220"/>
      <c r="AG47" s="220"/>
      <c r="AH47" s="220"/>
      <c r="AI47" s="220"/>
      <c r="AJ47" s="220"/>
      <c r="AK47" s="220"/>
      <c r="AL47" s="372"/>
      <c r="AM47" s="15"/>
      <c r="AN47" s="242" t="s">
        <v>282</v>
      </c>
      <c r="AO47" s="254"/>
      <c r="AP47" s="254"/>
      <c r="AQ47" s="254"/>
      <c r="AR47" s="254"/>
      <c r="AS47" s="254"/>
      <c r="AT47" s="587"/>
      <c r="AU47" s="242" t="s">
        <v>283</v>
      </c>
      <c r="AV47" s="254"/>
      <c r="AW47" s="254"/>
      <c r="AX47" s="254"/>
      <c r="AY47" s="587"/>
      <c r="AZ47" s="242" t="s">
        <v>284</v>
      </c>
      <c r="BA47" s="254"/>
      <c r="BB47" s="254"/>
      <c r="BC47" s="254"/>
      <c r="BD47" s="587"/>
      <c r="BE47" s="249" t="s">
        <v>285</v>
      </c>
      <c r="BF47" s="250"/>
      <c r="BG47" s="250"/>
      <c r="BH47" s="250"/>
      <c r="BI47" s="591"/>
      <c r="BJ47" s="242" t="s">
        <v>286</v>
      </c>
      <c r="BK47" s="254"/>
      <c r="BL47" s="254"/>
      <c r="BM47" s="254"/>
      <c r="BN47" s="587"/>
      <c r="BO47" s="242" t="s">
        <v>389</v>
      </c>
      <c r="BP47" s="254"/>
      <c r="BQ47" s="254"/>
      <c r="BR47" s="254"/>
      <c r="BS47" s="587"/>
      <c r="BT47" s="242" t="s">
        <v>390</v>
      </c>
      <c r="BU47" s="254"/>
      <c r="BV47" s="254"/>
      <c r="BW47" s="254"/>
      <c r="BX47" s="587"/>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16"/>
      <c r="B48" s="217"/>
      <c r="C48" s="217"/>
      <c r="D48" s="217"/>
      <c r="E48" s="217"/>
      <c r="F48" s="217"/>
      <c r="G48" s="217"/>
      <c r="H48" s="217"/>
      <c r="I48" s="217"/>
      <c r="J48" s="217"/>
      <c r="K48" s="217"/>
      <c r="L48" s="217"/>
      <c r="M48" s="218"/>
      <c r="N48" s="198"/>
      <c r="O48" s="219"/>
      <c r="P48" s="220"/>
      <c r="Q48" s="220"/>
      <c r="R48" s="220"/>
      <c r="S48" s="220"/>
      <c r="T48" s="220"/>
      <c r="U48" s="220"/>
      <c r="V48" s="220"/>
      <c r="W48" s="220"/>
      <c r="X48" s="220"/>
      <c r="Y48" s="220"/>
      <c r="Z48" s="220"/>
      <c r="AA48" s="220"/>
      <c r="AB48" s="220"/>
      <c r="AC48" s="220"/>
      <c r="AD48" s="220"/>
      <c r="AE48" s="220"/>
      <c r="AF48" s="220"/>
      <c r="AG48" s="220"/>
      <c r="AH48" s="220"/>
      <c r="AI48" s="220"/>
      <c r="AJ48" s="220"/>
      <c r="AK48" s="220"/>
      <c r="AL48" s="372"/>
      <c r="AM48" s="15"/>
      <c r="AN48" s="588"/>
      <c r="AO48" s="589"/>
      <c r="AP48" s="589"/>
      <c r="AQ48" s="589"/>
      <c r="AR48" s="589"/>
      <c r="AS48" s="589"/>
      <c r="AT48" s="590"/>
      <c r="AU48" s="588"/>
      <c r="AV48" s="589"/>
      <c r="AW48" s="589"/>
      <c r="AX48" s="589"/>
      <c r="AY48" s="590"/>
      <c r="AZ48" s="588"/>
      <c r="BA48" s="589"/>
      <c r="BB48" s="589"/>
      <c r="BC48" s="589"/>
      <c r="BD48" s="590"/>
      <c r="BE48" s="592"/>
      <c r="BF48" s="593"/>
      <c r="BG48" s="593"/>
      <c r="BH48" s="593"/>
      <c r="BI48" s="594"/>
      <c r="BJ48" s="588"/>
      <c r="BK48" s="589"/>
      <c r="BL48" s="589"/>
      <c r="BM48" s="589"/>
      <c r="BN48" s="590"/>
      <c r="BO48" s="588"/>
      <c r="BP48" s="589"/>
      <c r="BQ48" s="589"/>
      <c r="BR48" s="589"/>
      <c r="BS48" s="590"/>
      <c r="BT48" s="588"/>
      <c r="BU48" s="589"/>
      <c r="BV48" s="589"/>
      <c r="BW48" s="589"/>
      <c r="BX48" s="590"/>
      <c r="BY48" s="611"/>
      <c r="BZ48" s="612"/>
      <c r="CA48" s="612"/>
      <c r="CB48" s="612"/>
      <c r="CC48" s="613"/>
      <c r="CD48" s="592"/>
      <c r="CE48" s="593"/>
      <c r="CF48" s="593"/>
      <c r="CG48" s="593"/>
      <c r="CH48" s="594"/>
      <c r="CI48" s="588"/>
      <c r="CJ48" s="589"/>
      <c r="CK48" s="589"/>
      <c r="CL48" s="589"/>
      <c r="CM48" s="590"/>
    </row>
    <row r="49" spans="1:91" ht="17.25" customHeight="1" x14ac:dyDescent="0.15">
      <c r="A49" s="216"/>
      <c r="B49" s="217"/>
      <c r="C49" s="217"/>
      <c r="D49" s="217"/>
      <c r="E49" s="217"/>
      <c r="F49" s="217"/>
      <c r="G49" s="217"/>
      <c r="H49" s="217"/>
      <c r="I49" s="217"/>
      <c r="J49" s="217"/>
      <c r="K49" s="217"/>
      <c r="L49" s="217"/>
      <c r="M49" s="218"/>
      <c r="N49" s="198"/>
      <c r="O49" s="219"/>
      <c r="P49" s="220"/>
      <c r="Q49" s="220"/>
      <c r="R49" s="220"/>
      <c r="S49" s="220"/>
      <c r="T49" s="220"/>
      <c r="U49" s="220"/>
      <c r="V49" s="220"/>
      <c r="W49" s="220"/>
      <c r="X49" s="220"/>
      <c r="Y49" s="220"/>
      <c r="Z49" s="220"/>
      <c r="AA49" s="220"/>
      <c r="AB49" s="220"/>
      <c r="AC49" s="220"/>
      <c r="AD49" s="220"/>
      <c r="AE49" s="220"/>
      <c r="AF49" s="220"/>
      <c r="AG49" s="220"/>
      <c r="AH49" s="220"/>
      <c r="AI49" s="220"/>
      <c r="AJ49" s="220"/>
      <c r="AK49" s="220"/>
      <c r="AL49" s="372"/>
      <c r="AM49" s="15"/>
      <c r="AN49" s="223">
        <v>406126.80800000002</v>
      </c>
      <c r="AO49" s="224"/>
      <c r="AP49" s="224"/>
      <c r="AQ49" s="224"/>
      <c r="AR49" s="224"/>
      <c r="AS49" s="224"/>
      <c r="AT49" s="225"/>
      <c r="AU49" s="229">
        <v>1.03</v>
      </c>
      <c r="AV49" s="230"/>
      <c r="AW49" s="230"/>
      <c r="AX49" s="230"/>
      <c r="AY49" s="231"/>
      <c r="AZ49" s="210">
        <v>14.5</v>
      </c>
      <c r="BA49" s="211"/>
      <c r="BB49" s="211"/>
      <c r="BC49" s="211"/>
      <c r="BD49" s="212"/>
      <c r="BE49" s="210">
        <v>8.4</v>
      </c>
      <c r="BF49" s="211"/>
      <c r="BG49" s="211"/>
      <c r="BH49" s="211"/>
      <c r="BI49" s="212"/>
      <c r="BJ49" s="210">
        <v>124</v>
      </c>
      <c r="BK49" s="211"/>
      <c r="BL49" s="211"/>
      <c r="BM49" s="211"/>
      <c r="BN49" s="212"/>
      <c r="BO49" s="210">
        <v>1.2</v>
      </c>
      <c r="BP49" s="211"/>
      <c r="BQ49" s="211"/>
      <c r="BR49" s="211"/>
      <c r="BS49" s="212"/>
      <c r="BT49" s="210">
        <v>97.2</v>
      </c>
      <c r="BU49" s="211"/>
      <c r="BV49" s="211"/>
      <c r="BW49" s="211"/>
      <c r="BX49" s="212"/>
      <c r="BY49" s="210">
        <v>1.8</v>
      </c>
      <c r="BZ49" s="211"/>
      <c r="CA49" s="211"/>
      <c r="CB49" s="211"/>
      <c r="CC49" s="212"/>
      <c r="CD49" s="210">
        <v>57.8</v>
      </c>
      <c r="CE49" s="211"/>
      <c r="CF49" s="211"/>
      <c r="CG49" s="211"/>
      <c r="CH49" s="212"/>
      <c r="CI49" s="210">
        <v>57.7</v>
      </c>
      <c r="CJ49" s="211"/>
      <c r="CK49" s="211"/>
      <c r="CL49" s="211"/>
      <c r="CM49" s="212"/>
    </row>
    <row r="50" spans="1:91" ht="17.25" customHeight="1" x14ac:dyDescent="0.15">
      <c r="A50" s="235"/>
      <c r="B50" s="236"/>
      <c r="C50" s="236"/>
      <c r="D50" s="236"/>
      <c r="E50" s="236"/>
      <c r="F50" s="236"/>
      <c r="G50" s="236"/>
      <c r="H50" s="236"/>
      <c r="I50" s="236"/>
      <c r="J50" s="236"/>
      <c r="K50" s="236"/>
      <c r="L50" s="236"/>
      <c r="M50" s="237"/>
      <c r="N50" s="198"/>
      <c r="O50" s="238"/>
      <c r="P50" s="239"/>
      <c r="Q50" s="239"/>
      <c r="R50" s="239"/>
      <c r="S50" s="239"/>
      <c r="T50" s="239"/>
      <c r="U50" s="239"/>
      <c r="V50" s="239"/>
      <c r="W50" s="239"/>
      <c r="X50" s="239"/>
      <c r="Y50" s="239"/>
      <c r="Z50" s="239"/>
      <c r="AA50" s="239"/>
      <c r="AB50" s="239"/>
      <c r="AC50" s="239"/>
      <c r="AD50" s="239"/>
      <c r="AE50" s="239"/>
      <c r="AF50" s="239"/>
      <c r="AG50" s="239"/>
      <c r="AH50" s="239"/>
      <c r="AI50" s="239"/>
      <c r="AJ50" s="239"/>
      <c r="AK50" s="239"/>
      <c r="AL50" s="608"/>
      <c r="AM50" s="1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c r="A51" s="31"/>
      <c r="B51" s="31"/>
      <c r="C51" s="31"/>
      <c r="D51" s="31"/>
      <c r="E51" s="31"/>
      <c r="F51" s="31"/>
      <c r="G51" s="31"/>
      <c r="H51" s="31"/>
      <c r="I51" s="31"/>
      <c r="J51" s="31"/>
      <c r="K51" s="31"/>
      <c r="L51" s="31"/>
      <c r="M51" s="31"/>
      <c r="N51" s="15"/>
      <c r="O51" s="31"/>
      <c r="P51" s="31"/>
      <c r="Q51" s="31"/>
      <c r="R51" s="31"/>
      <c r="S51" s="31"/>
      <c r="T51" s="31"/>
      <c r="U51" s="31"/>
      <c r="V51" s="31"/>
      <c r="W51" s="31"/>
      <c r="X51" s="31"/>
      <c r="Y51" s="31"/>
      <c r="Z51" s="31"/>
      <c r="AA51" s="31"/>
      <c r="AB51" s="31"/>
      <c r="AC51" s="31"/>
      <c r="AD51" s="31"/>
      <c r="AE51" s="31"/>
      <c r="AF51" s="31"/>
      <c r="AG51" s="31"/>
      <c r="AH51" s="31"/>
      <c r="AI51" s="31"/>
      <c r="AJ51" s="31"/>
      <c r="AK51" s="31"/>
      <c r="AL51" s="31"/>
    </row>
    <row r="52" spans="1:91" ht="17.25" customHeight="1" x14ac:dyDescent="0.15">
      <c r="A52" s="30"/>
      <c r="B52" s="30"/>
      <c r="C52" s="30"/>
      <c r="D52" s="30"/>
      <c r="E52" s="30"/>
      <c r="F52" s="30"/>
      <c r="G52" s="30"/>
      <c r="H52" s="30"/>
      <c r="I52" s="30"/>
      <c r="J52" s="30"/>
      <c r="K52" s="30"/>
      <c r="L52" s="30"/>
      <c r="M52" s="30"/>
      <c r="N52" s="15"/>
      <c r="O52" s="35"/>
      <c r="P52" s="35"/>
      <c r="Q52" s="35"/>
      <c r="R52" s="35"/>
      <c r="S52" s="35"/>
      <c r="T52" s="35"/>
      <c r="U52" s="35"/>
      <c r="V52" s="35"/>
      <c r="W52" s="35"/>
      <c r="X52" s="35"/>
      <c r="Y52" s="35"/>
      <c r="Z52" s="35"/>
      <c r="AA52" s="16"/>
      <c r="AB52" s="16"/>
      <c r="AC52" s="16"/>
      <c r="AD52" s="16"/>
      <c r="AE52" s="16"/>
      <c r="AF52" s="16"/>
      <c r="AG52" s="16"/>
      <c r="AH52" s="16"/>
      <c r="AI52" s="16"/>
      <c r="AJ52" s="16"/>
      <c r="AK52" s="16"/>
      <c r="AL52" s="16"/>
    </row>
    <row r="53" spans="1:91" ht="17.25" customHeight="1" x14ac:dyDescent="0.15">
      <c r="A53" s="31"/>
      <c r="B53" s="31"/>
      <c r="C53" s="31"/>
      <c r="D53" s="31"/>
      <c r="E53" s="31"/>
      <c r="F53" s="31"/>
      <c r="G53" s="31"/>
      <c r="H53" s="31"/>
      <c r="I53" s="31"/>
      <c r="J53" s="31"/>
      <c r="K53" s="31"/>
      <c r="L53" s="31"/>
      <c r="M53" s="31"/>
      <c r="N53" s="15"/>
      <c r="O53" s="35"/>
      <c r="P53" s="35"/>
      <c r="Q53" s="35"/>
      <c r="R53" s="35"/>
      <c r="S53" s="35"/>
      <c r="T53" s="35"/>
      <c r="U53" s="35"/>
      <c r="V53" s="35"/>
      <c r="W53" s="35"/>
      <c r="X53" s="35"/>
      <c r="Y53" s="35"/>
      <c r="Z53" s="35"/>
      <c r="AA53" s="35"/>
      <c r="AB53" s="35"/>
      <c r="AC53" s="35"/>
      <c r="AD53" s="35"/>
      <c r="AE53" s="35"/>
      <c r="AF53" s="35"/>
      <c r="AG53" s="35"/>
      <c r="AH53" s="35"/>
      <c r="AI53" s="35"/>
      <c r="AJ53" s="35"/>
      <c r="AK53" s="35"/>
      <c r="AL53" s="35"/>
    </row>
    <row r="54" spans="1:91" ht="17.25" customHeight="1" x14ac:dyDescent="0.15">
      <c r="A54" s="30"/>
      <c r="B54" s="30"/>
      <c r="C54" s="30"/>
      <c r="D54" s="30"/>
      <c r="E54" s="30"/>
      <c r="F54" s="30"/>
      <c r="G54" s="30"/>
      <c r="H54" s="30"/>
      <c r="I54" s="30"/>
      <c r="J54" s="30"/>
      <c r="K54" s="30"/>
      <c r="L54" s="30"/>
      <c r="M54" s="30"/>
      <c r="N54" s="15"/>
      <c r="O54" s="34"/>
      <c r="P54" s="34"/>
      <c r="Q54" s="34"/>
      <c r="R54" s="34"/>
      <c r="S54" s="34"/>
      <c r="T54" s="34"/>
      <c r="U54" s="34"/>
      <c r="V54" s="34"/>
      <c r="W54" s="34"/>
      <c r="X54" s="34"/>
      <c r="Y54" s="34"/>
      <c r="Z54" s="34"/>
      <c r="AA54" s="34"/>
      <c r="AB54" s="34"/>
      <c r="AC54" s="34"/>
      <c r="AD54" s="34"/>
      <c r="AE54" s="34"/>
      <c r="AF54" s="34"/>
      <c r="AG54" s="34"/>
      <c r="AH54" s="34"/>
      <c r="AI54" s="34"/>
      <c r="AJ54" s="34"/>
      <c r="AK54" s="34"/>
      <c r="AL54" s="34"/>
    </row>
    <row r="55" spans="1:91" ht="17.25" customHeight="1" x14ac:dyDescent="0.15">
      <c r="A55" s="30"/>
      <c r="B55" s="30"/>
      <c r="C55" s="30"/>
      <c r="D55" s="30"/>
      <c r="E55" s="30"/>
      <c r="F55" s="30"/>
      <c r="G55" s="30"/>
      <c r="H55" s="30"/>
      <c r="I55" s="30"/>
      <c r="J55" s="30"/>
      <c r="K55" s="30"/>
      <c r="L55" s="30"/>
      <c r="M55" s="30"/>
      <c r="N55" s="15"/>
      <c r="O55" s="15"/>
      <c r="P55" s="15"/>
      <c r="Q55" s="15"/>
      <c r="R55" s="15"/>
      <c r="S55" s="15"/>
      <c r="T55" s="15"/>
      <c r="U55" s="15"/>
      <c r="V55" s="15"/>
      <c r="W55" s="15"/>
      <c r="X55" s="15"/>
      <c r="Y55" s="15"/>
      <c r="Z55" s="15"/>
      <c r="AA55" s="15"/>
      <c r="AB55" s="15"/>
      <c r="AC55" s="15"/>
      <c r="AD55" s="15"/>
      <c r="AE55" s="15"/>
      <c r="AF55" s="15"/>
      <c r="AG55" s="15"/>
      <c r="AH55" s="15"/>
      <c r="AI55" s="15"/>
      <c r="AJ55" s="15"/>
      <c r="AK55" s="15"/>
      <c r="AL55" s="15"/>
    </row>
    <row r="56" spans="1:91" ht="17.25" customHeight="1" x14ac:dyDescent="0.15">
      <c r="A56" s="32"/>
      <c r="B56" s="32"/>
      <c r="C56" s="32"/>
      <c r="D56" s="32"/>
      <c r="E56" s="32"/>
      <c r="F56" s="32"/>
      <c r="G56" s="32"/>
      <c r="H56" s="32"/>
      <c r="I56" s="32"/>
      <c r="J56" s="32"/>
      <c r="K56" s="32"/>
      <c r="L56" s="32"/>
      <c r="M56" s="32"/>
      <c r="N56" s="15"/>
      <c r="O56" s="15"/>
      <c r="P56" s="15"/>
      <c r="Q56" s="15"/>
      <c r="R56" s="15"/>
      <c r="S56" s="15"/>
      <c r="T56" s="15"/>
      <c r="U56" s="15"/>
      <c r="V56" s="15"/>
      <c r="W56" s="15"/>
      <c r="X56" s="15"/>
      <c r="Y56" s="15"/>
      <c r="Z56" s="15"/>
      <c r="AA56" s="15"/>
      <c r="AB56" s="15"/>
      <c r="AC56" s="15"/>
      <c r="AD56" s="15"/>
      <c r="AE56" s="15"/>
      <c r="AF56" s="15"/>
      <c r="AG56" s="15"/>
      <c r="AH56" s="15"/>
      <c r="AI56" s="15"/>
      <c r="AJ56" s="15"/>
      <c r="AK56" s="15"/>
      <c r="AL56" s="15"/>
    </row>
    <row r="57" spans="1:91" ht="17.25" customHeight="1" x14ac:dyDescent="0.15">
      <c r="A57" s="31"/>
      <c r="B57" s="31"/>
      <c r="C57" s="31"/>
      <c r="D57" s="31"/>
      <c r="E57" s="31"/>
      <c r="F57" s="31"/>
      <c r="G57" s="31"/>
      <c r="H57" s="31"/>
      <c r="I57" s="31"/>
      <c r="J57" s="31"/>
      <c r="K57" s="31"/>
      <c r="L57" s="31"/>
      <c r="M57" s="31"/>
      <c r="N57" s="15"/>
      <c r="O57" s="15"/>
      <c r="P57" s="15"/>
      <c r="Q57" s="15"/>
      <c r="R57" s="15"/>
      <c r="S57" s="15"/>
      <c r="T57" s="15"/>
      <c r="U57" s="15"/>
      <c r="V57" s="15"/>
      <c r="W57" s="15"/>
      <c r="X57" s="15"/>
      <c r="Y57" s="15"/>
      <c r="Z57" s="15"/>
      <c r="AA57" s="15"/>
      <c r="AB57" s="15"/>
      <c r="AC57" s="15"/>
      <c r="AD57" s="15"/>
      <c r="AE57" s="15"/>
      <c r="AF57" s="15"/>
      <c r="AG57" s="15"/>
      <c r="AH57" s="15"/>
      <c r="AI57" s="15"/>
      <c r="AJ57" s="15"/>
      <c r="AK57" s="15"/>
      <c r="AL57" s="15"/>
    </row>
    <row r="58" spans="1:91" ht="17.25" customHeight="1" x14ac:dyDescent="0.15">
      <c r="A58" s="30"/>
      <c r="B58" s="30"/>
      <c r="C58" s="30"/>
      <c r="D58" s="30"/>
      <c r="E58" s="30"/>
      <c r="F58" s="30"/>
      <c r="G58" s="30"/>
      <c r="H58" s="30"/>
      <c r="I58" s="30"/>
      <c r="J58" s="30"/>
      <c r="K58" s="30"/>
      <c r="L58" s="30"/>
      <c r="M58" s="30"/>
      <c r="N58" s="15"/>
      <c r="O58" s="15"/>
      <c r="P58" s="15"/>
      <c r="Q58" s="15"/>
      <c r="R58" s="15"/>
      <c r="S58" s="15"/>
      <c r="T58" s="15"/>
      <c r="U58" s="15"/>
      <c r="V58" s="15"/>
      <c r="W58" s="15"/>
      <c r="X58" s="15"/>
      <c r="Y58" s="15"/>
      <c r="Z58" s="15"/>
      <c r="AA58" s="15"/>
      <c r="AB58" s="15"/>
      <c r="AC58" s="15"/>
      <c r="AD58" s="15"/>
      <c r="AE58" s="15"/>
      <c r="AF58" s="15"/>
      <c r="AG58" s="15"/>
      <c r="AH58" s="15"/>
      <c r="AI58" s="15"/>
      <c r="AJ58" s="15"/>
      <c r="AK58" s="15"/>
      <c r="AL58" s="1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sheetData>
  <sheetProtection formatCells="0" selectLockedCells="1"/>
  <mergeCells count="185">
    <mergeCell ref="BJ47:BN48"/>
    <mergeCell ref="BO47:BS48"/>
    <mergeCell ref="BT47:BX48"/>
    <mergeCell ref="BY47:CC48"/>
    <mergeCell ref="CD47:CH48"/>
    <mergeCell ref="CI47:CM48"/>
    <mergeCell ref="A47:M47"/>
    <mergeCell ref="O47:AL47"/>
    <mergeCell ref="AN47:AT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O45:AL45"/>
    <mergeCell ref="BR42:CB43"/>
    <mergeCell ref="CC42:CM43"/>
    <mergeCell ref="AU47:AY48"/>
    <mergeCell ref="AZ47:BD48"/>
    <mergeCell ref="BE47:BI48"/>
    <mergeCell ref="A48:M48"/>
    <mergeCell ref="O48:AL48"/>
    <mergeCell ref="AN46:AU46"/>
    <mergeCell ref="AW46:BD46"/>
    <mergeCell ref="CD46:CM46"/>
    <mergeCell ref="BC44:BF45"/>
    <mergeCell ref="BG44:BL45"/>
    <mergeCell ref="BM44:BP45"/>
    <mergeCell ref="BR44:BX45"/>
    <mergeCell ref="BY44:CB45"/>
    <mergeCell ref="CC44:CI45"/>
    <mergeCell ref="A43:M43"/>
    <mergeCell ref="O43:AL43"/>
    <mergeCell ref="A44:M44"/>
    <mergeCell ref="O44:AL44"/>
    <mergeCell ref="AN44:AR45"/>
    <mergeCell ref="AS44:AV45"/>
    <mergeCell ref="AW44:BB45"/>
    <mergeCell ref="A42:M42"/>
    <mergeCell ref="O42:AL42"/>
    <mergeCell ref="AN42:AV43"/>
    <mergeCell ref="AW42:BF43"/>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BG42:BP43"/>
    <mergeCell ref="CJ44:CM45"/>
    <mergeCell ref="A45:M45"/>
    <mergeCell ref="O27:P28"/>
    <mergeCell ref="Q27:AL27"/>
    <mergeCell ref="BY30:CI30"/>
    <mergeCell ref="A31:AL31"/>
    <mergeCell ref="BR31:BX32"/>
    <mergeCell ref="BY31:CG32"/>
    <mergeCell ref="CH31:CM32"/>
    <mergeCell ref="A32:AL38"/>
    <mergeCell ref="AN37:AV38"/>
    <mergeCell ref="AW37:BF38"/>
    <mergeCell ref="BG37:BP38"/>
    <mergeCell ref="BR37:BX38"/>
    <mergeCell ref="BY37:CG38"/>
    <mergeCell ref="CH37:CM38"/>
    <mergeCell ref="BR33:BX34"/>
    <mergeCell ref="BY33:CG34"/>
    <mergeCell ref="CH33:CM34"/>
    <mergeCell ref="AN34:BO34"/>
    <mergeCell ref="AN35:AV36"/>
    <mergeCell ref="AW35:BF36"/>
    <mergeCell ref="BG35:BP36"/>
    <mergeCell ref="BR35:BX36"/>
    <mergeCell ref="BY35:CG36"/>
    <mergeCell ref="CH35:CM36"/>
    <mergeCell ref="AN22:CM22"/>
    <mergeCell ref="F23:M24"/>
    <mergeCell ref="Q23:T23"/>
    <mergeCell ref="AO23:CM23"/>
    <mergeCell ref="Q24:AL24"/>
    <mergeCell ref="AO24:CM24"/>
    <mergeCell ref="AO27:CM27"/>
    <mergeCell ref="F22:M22"/>
    <mergeCell ref="Q22:T22"/>
    <mergeCell ref="AN29:BP33"/>
    <mergeCell ref="A28:E30"/>
    <mergeCell ref="F28:M28"/>
    <mergeCell ref="Q28:AL28"/>
    <mergeCell ref="AN28:BP28"/>
    <mergeCell ref="F29:M30"/>
    <mergeCell ref="O29:P30"/>
    <mergeCell ref="Q29:AL29"/>
    <mergeCell ref="Q30:AL30"/>
    <mergeCell ref="A25:E27"/>
    <mergeCell ref="F25:M25"/>
    <mergeCell ref="O25:P26"/>
    <mergeCell ref="Q25:AL25"/>
    <mergeCell ref="AO25:CM25"/>
    <mergeCell ref="F26:M27"/>
    <mergeCell ref="Q26:AL26"/>
    <mergeCell ref="AO26:CM26"/>
    <mergeCell ref="A16:E24"/>
    <mergeCell ref="AN17:AS18"/>
    <mergeCell ref="AT17:CM18"/>
    <mergeCell ref="Q18:T18"/>
    <mergeCell ref="U18:X18"/>
    <mergeCell ref="Y18:AL18"/>
    <mergeCell ref="F19:M19"/>
    <mergeCell ref="Q19:T19"/>
    <mergeCell ref="U19:AL19"/>
    <mergeCell ref="AN19:AS21"/>
    <mergeCell ref="AT19:CM21"/>
    <mergeCell ref="Q21:T21"/>
    <mergeCell ref="Q20:T20"/>
    <mergeCell ref="U20:X20"/>
    <mergeCell ref="Y20:AL20"/>
    <mergeCell ref="F16:M16"/>
    <mergeCell ref="Q16:T16"/>
    <mergeCell ref="U16:X16"/>
    <mergeCell ref="Y16:AL16"/>
    <mergeCell ref="F17:M18"/>
    <mergeCell ref="Q17:T17"/>
    <mergeCell ref="U17:X17"/>
    <mergeCell ref="Y17:AL17"/>
    <mergeCell ref="F20:M21"/>
    <mergeCell ref="A11:D11"/>
    <mergeCell ref="E11:AL11"/>
    <mergeCell ref="AN11:AS13"/>
    <mergeCell ref="AT11:CM13"/>
    <mergeCell ref="A12:E13"/>
    <mergeCell ref="F12:M12"/>
    <mergeCell ref="N12:N30"/>
    <mergeCell ref="A14:E14"/>
    <mergeCell ref="Q14:T14"/>
    <mergeCell ref="U14:X14"/>
    <mergeCell ref="Y14:AL14"/>
    <mergeCell ref="AN14:AS16"/>
    <mergeCell ref="AT14:CM16"/>
    <mergeCell ref="A15:E15"/>
    <mergeCell ref="F15:M15"/>
    <mergeCell ref="Q15:T15"/>
    <mergeCell ref="U15:X15"/>
    <mergeCell ref="O12:P24"/>
    <mergeCell ref="Q12:T12"/>
    <mergeCell ref="U12:X12"/>
    <mergeCell ref="Y12:AL12"/>
    <mergeCell ref="F13:M14"/>
    <mergeCell ref="Q13:T13"/>
    <mergeCell ref="Y15:AL15"/>
    <mergeCell ref="AN1:CM1"/>
    <mergeCell ref="AN2:CM9"/>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10:CM10"/>
  </mergeCells>
  <phoneticPr fontId="3"/>
  <hyperlinks>
    <hyperlink ref="E11:AL11" display="http://www.city.kawasaki.jp/"/>
    <hyperlink ref="E11" display="http://www.city.minamiashig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cellComments="asDisplayed" useFirstPageNumber="1" r:id="rId1"/>
  <headerFooter alignWithMargins="0">
    <oddFooter>&amp;C&amp;"ＭＳ 明朝,標準"―2―</oddFooter>
  </headerFooter>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tabSelected="1" view="pageBreakPreview" topLeftCell="A8"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210</v>
      </c>
      <c r="B1" s="644" ph="1"/>
      <c r="C1" s="644" ph="1"/>
      <c r="D1" s="644" ph="1"/>
      <c r="E1" s="644" ph="1"/>
      <c r="F1" s="644" ph="1"/>
      <c r="G1" s="644" ph="1"/>
      <c r="H1" s="644" ph="1"/>
      <c r="I1" s="645"/>
      <c r="J1" s="645"/>
      <c r="K1" s="645"/>
      <c r="L1" s="645"/>
      <c r="M1" s="645"/>
      <c r="N1" s="454" t="s">
        <v>204</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235</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1153" t="s">
        <v>1519</v>
      </c>
      <c r="AO2" s="1153"/>
      <c r="AP2" s="1153"/>
      <c r="AQ2" s="1153"/>
      <c r="AR2" s="1153"/>
      <c r="AS2" s="1153"/>
      <c r="AT2" s="1153"/>
      <c r="AU2" s="1153"/>
      <c r="AV2" s="1153"/>
      <c r="AW2" s="1153"/>
      <c r="AX2" s="1153"/>
      <c r="AY2" s="1153"/>
      <c r="AZ2" s="1153"/>
      <c r="BA2" s="1153"/>
      <c r="BB2" s="1153"/>
      <c r="BC2" s="1153"/>
      <c r="BD2" s="1153"/>
      <c r="BE2" s="1153"/>
      <c r="BF2" s="1153"/>
      <c r="BG2" s="1153"/>
      <c r="BH2" s="1153"/>
      <c r="BI2" s="1153"/>
      <c r="BJ2" s="1153"/>
      <c r="BK2" s="1153"/>
      <c r="BL2" s="1153"/>
      <c r="BM2" s="1153"/>
      <c r="BN2" s="1153"/>
      <c r="BO2" s="1153"/>
      <c r="BP2" s="1153"/>
      <c r="BQ2" s="1153"/>
      <c r="BR2" s="1153"/>
      <c r="BS2" s="1153"/>
      <c r="BT2" s="1153"/>
      <c r="BU2" s="1153"/>
      <c r="BV2" s="1153"/>
      <c r="BW2" s="1153"/>
      <c r="BX2" s="1153"/>
      <c r="BY2" s="1153"/>
      <c r="BZ2" s="1153"/>
      <c r="CA2" s="1153"/>
      <c r="CB2" s="1153"/>
      <c r="CC2" s="1153"/>
      <c r="CD2" s="1153"/>
      <c r="CE2" s="1153"/>
      <c r="CF2" s="1153"/>
      <c r="CG2" s="1153"/>
      <c r="CH2" s="1153"/>
      <c r="CI2" s="1153"/>
      <c r="CJ2" s="1153"/>
      <c r="CK2" s="1153"/>
      <c r="CL2" s="1153"/>
      <c r="CM2" s="1153"/>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1153"/>
      <c r="AO3" s="1153"/>
      <c r="AP3" s="1153"/>
      <c r="AQ3" s="1153"/>
      <c r="AR3" s="1153"/>
      <c r="AS3" s="1153"/>
      <c r="AT3" s="1153"/>
      <c r="AU3" s="1153"/>
      <c r="AV3" s="1153"/>
      <c r="AW3" s="1153"/>
      <c r="AX3" s="1153"/>
      <c r="AY3" s="1153"/>
      <c r="AZ3" s="1153"/>
      <c r="BA3" s="1153"/>
      <c r="BB3" s="1153"/>
      <c r="BC3" s="1153"/>
      <c r="BD3" s="1153"/>
      <c r="BE3" s="1153"/>
      <c r="BF3" s="1153"/>
      <c r="BG3" s="1153"/>
      <c r="BH3" s="1153"/>
      <c r="BI3" s="1153"/>
      <c r="BJ3" s="1153"/>
      <c r="BK3" s="1153"/>
      <c r="BL3" s="1153"/>
      <c r="BM3" s="1153"/>
      <c r="BN3" s="1153"/>
      <c r="BO3" s="1153"/>
      <c r="BP3" s="1153"/>
      <c r="BQ3" s="1153"/>
      <c r="BR3" s="1153"/>
      <c r="BS3" s="1153"/>
      <c r="BT3" s="1153"/>
      <c r="BU3" s="1153"/>
      <c r="BV3" s="1153"/>
      <c r="BW3" s="1153"/>
      <c r="BX3" s="1153"/>
      <c r="BY3" s="1153"/>
      <c r="BZ3" s="1153"/>
      <c r="CA3" s="1153"/>
      <c r="CB3" s="1153"/>
      <c r="CC3" s="1153"/>
      <c r="CD3" s="1153"/>
      <c r="CE3" s="1153"/>
      <c r="CF3" s="1153"/>
      <c r="CG3" s="1153"/>
      <c r="CH3" s="1153"/>
      <c r="CI3" s="1153"/>
      <c r="CJ3" s="1153"/>
      <c r="CK3" s="1153"/>
      <c r="CL3" s="1153"/>
      <c r="CM3" s="1153"/>
      <c r="CQ3" s="3" ph="1"/>
    </row>
    <row r="4" spans="1:100" ht="17.25" customHeight="1" x14ac:dyDescent="0.15">
      <c r="A4" s="641" t="s">
        <v>236</v>
      </c>
      <c r="B4" s="641"/>
      <c r="C4" s="641"/>
      <c r="D4" s="641"/>
      <c r="E4" s="458">
        <v>143014</v>
      </c>
      <c r="F4" s="458"/>
      <c r="G4" s="458"/>
      <c r="H4" s="458"/>
      <c r="I4" s="647"/>
      <c r="J4" s="647"/>
      <c r="K4" s="647"/>
      <c r="L4" s="647"/>
      <c r="M4" s="647"/>
      <c r="N4" s="459" t="s">
        <v>205</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1153"/>
      <c r="AO4" s="1153"/>
      <c r="AP4" s="1153"/>
      <c r="AQ4" s="1153"/>
      <c r="AR4" s="1153"/>
      <c r="AS4" s="1153"/>
      <c r="AT4" s="1153"/>
      <c r="AU4" s="1153"/>
      <c r="AV4" s="1153"/>
      <c r="AW4" s="1153"/>
      <c r="AX4" s="1153"/>
      <c r="AY4" s="1153"/>
      <c r="AZ4" s="1153"/>
      <c r="BA4" s="1153"/>
      <c r="BB4" s="1153"/>
      <c r="BC4" s="1153"/>
      <c r="BD4" s="1153"/>
      <c r="BE4" s="1153"/>
      <c r="BF4" s="1153"/>
      <c r="BG4" s="1153"/>
      <c r="BH4" s="1153"/>
      <c r="BI4" s="1153"/>
      <c r="BJ4" s="1153"/>
      <c r="BK4" s="1153"/>
      <c r="BL4" s="1153"/>
      <c r="BM4" s="1153"/>
      <c r="BN4" s="1153"/>
      <c r="BO4" s="1153"/>
      <c r="BP4" s="1153"/>
      <c r="BQ4" s="1153"/>
      <c r="BR4" s="1153"/>
      <c r="BS4" s="1153"/>
      <c r="BT4" s="1153"/>
      <c r="BU4" s="1153"/>
      <c r="BV4" s="1153"/>
      <c r="BW4" s="1153"/>
      <c r="BX4" s="1153"/>
      <c r="BY4" s="1153"/>
      <c r="BZ4" s="1153"/>
      <c r="CA4" s="1153"/>
      <c r="CB4" s="1153"/>
      <c r="CC4" s="1153"/>
      <c r="CD4" s="1153"/>
      <c r="CE4" s="1153"/>
      <c r="CF4" s="1153"/>
      <c r="CG4" s="1153"/>
      <c r="CH4" s="1153"/>
      <c r="CI4" s="1153"/>
      <c r="CJ4" s="1153"/>
      <c r="CK4" s="1153"/>
      <c r="CL4" s="1153"/>
      <c r="CM4" s="1153"/>
    </row>
    <row r="5" spans="1:100" ht="17.25" customHeight="1" x14ac:dyDescent="0.15">
      <c r="A5" s="382" t="s">
        <v>237</v>
      </c>
      <c r="B5" s="484"/>
      <c r="C5" s="484"/>
      <c r="D5" s="484"/>
      <c r="E5" s="484"/>
      <c r="F5" s="484"/>
      <c r="G5" s="484"/>
      <c r="H5" s="485"/>
      <c r="I5" s="486" t="s">
        <v>437</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1153"/>
      <c r="AO5" s="1153"/>
      <c r="AP5" s="1153"/>
      <c r="AQ5" s="1153"/>
      <c r="AR5" s="1153"/>
      <c r="AS5" s="1153"/>
      <c r="AT5" s="1153"/>
      <c r="AU5" s="1153"/>
      <c r="AV5" s="1153"/>
      <c r="AW5" s="1153"/>
      <c r="AX5" s="1153"/>
      <c r="AY5" s="1153"/>
      <c r="AZ5" s="1153"/>
      <c r="BA5" s="1153"/>
      <c r="BB5" s="1153"/>
      <c r="BC5" s="1153"/>
      <c r="BD5" s="1153"/>
      <c r="BE5" s="1153"/>
      <c r="BF5" s="1153"/>
      <c r="BG5" s="1153"/>
      <c r="BH5" s="1153"/>
      <c r="BI5" s="1153"/>
      <c r="BJ5" s="1153"/>
      <c r="BK5" s="1153"/>
      <c r="BL5" s="1153"/>
      <c r="BM5" s="1153"/>
      <c r="BN5" s="1153"/>
      <c r="BO5" s="1153"/>
      <c r="BP5" s="1153"/>
      <c r="BQ5" s="1153"/>
      <c r="BR5" s="1153"/>
      <c r="BS5" s="1153"/>
      <c r="BT5" s="1153"/>
      <c r="BU5" s="1153"/>
      <c r="BV5" s="1153"/>
      <c r="BW5" s="1153"/>
      <c r="BX5" s="1153"/>
      <c r="BY5" s="1153"/>
      <c r="BZ5" s="1153"/>
      <c r="CA5" s="1153"/>
      <c r="CB5" s="1153"/>
      <c r="CC5" s="1153"/>
      <c r="CD5" s="1153"/>
      <c r="CE5" s="1153"/>
      <c r="CF5" s="1153"/>
      <c r="CG5" s="1153"/>
      <c r="CH5" s="1153"/>
      <c r="CI5" s="1153"/>
      <c r="CJ5" s="1153"/>
      <c r="CK5" s="1153"/>
      <c r="CL5" s="1153"/>
      <c r="CM5" s="1153"/>
    </row>
    <row r="6" spans="1:100" ht="17.25" customHeight="1" x14ac:dyDescent="0.15">
      <c r="A6" s="364"/>
      <c r="B6" s="365"/>
      <c r="C6" s="365"/>
      <c r="D6" s="365"/>
      <c r="E6" s="365"/>
      <c r="F6" s="365"/>
      <c r="G6" s="365"/>
      <c r="H6" s="366"/>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1153"/>
      <c r="AO6" s="1153"/>
      <c r="AP6" s="1153"/>
      <c r="AQ6" s="1153"/>
      <c r="AR6" s="1153"/>
      <c r="AS6" s="1153"/>
      <c r="AT6" s="1153"/>
      <c r="AU6" s="1153"/>
      <c r="AV6" s="1153"/>
      <c r="AW6" s="1153"/>
      <c r="AX6" s="1153"/>
      <c r="AY6" s="1153"/>
      <c r="AZ6" s="1153"/>
      <c r="BA6" s="1153"/>
      <c r="BB6" s="1153"/>
      <c r="BC6" s="1153"/>
      <c r="BD6" s="1153"/>
      <c r="BE6" s="1153"/>
      <c r="BF6" s="1153"/>
      <c r="BG6" s="1153"/>
      <c r="BH6" s="1153"/>
      <c r="BI6" s="1153"/>
      <c r="BJ6" s="1153"/>
      <c r="BK6" s="1153"/>
      <c r="BL6" s="1153"/>
      <c r="BM6" s="1153"/>
      <c r="BN6" s="1153"/>
      <c r="BO6" s="1153"/>
      <c r="BP6" s="1153"/>
      <c r="BQ6" s="1153"/>
      <c r="BR6" s="1153"/>
      <c r="BS6" s="1153"/>
      <c r="BT6" s="1153"/>
      <c r="BU6" s="1153"/>
      <c r="BV6" s="1153"/>
      <c r="BW6" s="1153"/>
      <c r="BX6" s="1153"/>
      <c r="BY6" s="1153"/>
      <c r="BZ6" s="1153"/>
      <c r="CA6" s="1153"/>
      <c r="CB6" s="1153"/>
      <c r="CC6" s="1153"/>
      <c r="CD6" s="1153"/>
      <c r="CE6" s="1153"/>
      <c r="CF6" s="1153"/>
      <c r="CG6" s="1153"/>
      <c r="CH6" s="1153"/>
      <c r="CI6" s="1153"/>
      <c r="CJ6" s="1153"/>
      <c r="CK6" s="1153"/>
      <c r="CL6" s="1153"/>
      <c r="CM6" s="1153"/>
    </row>
    <row r="7" spans="1:100" ht="17.25" customHeight="1" x14ac:dyDescent="0.15">
      <c r="A7" s="405" t="s">
        <v>238</v>
      </c>
      <c r="B7" s="406"/>
      <c r="C7" s="406"/>
      <c r="D7" s="407"/>
      <c r="E7" s="65" t="s">
        <v>0</v>
      </c>
      <c r="F7" s="492" t="s">
        <v>206</v>
      </c>
      <c r="G7" s="492"/>
      <c r="H7" s="492"/>
      <c r="I7" s="492"/>
      <c r="J7" s="492"/>
      <c r="K7" s="492"/>
      <c r="L7" s="493"/>
      <c r="M7" s="642"/>
      <c r="N7" s="642"/>
      <c r="O7" s="642"/>
      <c r="P7" s="642"/>
      <c r="Q7" s="642"/>
      <c r="R7" s="642"/>
      <c r="S7" s="642"/>
      <c r="T7" s="642"/>
      <c r="U7" s="642"/>
      <c r="V7" s="642"/>
      <c r="W7" s="642"/>
      <c r="X7" s="642"/>
      <c r="Y7" s="643"/>
      <c r="Z7" s="332" t="s">
        <v>239</v>
      </c>
      <c r="AA7" s="332"/>
      <c r="AB7" s="332"/>
      <c r="AC7" s="431" t="s">
        <v>207</v>
      </c>
      <c r="AD7" s="431"/>
      <c r="AE7" s="431"/>
      <c r="AF7" s="431"/>
      <c r="AG7" s="431"/>
      <c r="AH7" s="431"/>
      <c r="AI7" s="431"/>
      <c r="AJ7" s="431"/>
      <c r="AK7" s="431"/>
      <c r="AL7" s="431"/>
      <c r="AM7" s="5"/>
      <c r="AN7" s="1153"/>
      <c r="AO7" s="1153"/>
      <c r="AP7" s="1153"/>
      <c r="AQ7" s="1153"/>
      <c r="AR7" s="1153"/>
      <c r="AS7" s="1153"/>
      <c r="AT7" s="1153"/>
      <c r="AU7" s="1153"/>
      <c r="AV7" s="1153"/>
      <c r="AW7" s="1153"/>
      <c r="AX7" s="1153"/>
      <c r="AY7" s="1153"/>
      <c r="AZ7" s="1153"/>
      <c r="BA7" s="1153"/>
      <c r="BB7" s="1153"/>
      <c r="BC7" s="1153"/>
      <c r="BD7" s="1153"/>
      <c r="BE7" s="1153"/>
      <c r="BF7" s="1153"/>
      <c r="BG7" s="1153"/>
      <c r="BH7" s="1153"/>
      <c r="BI7" s="1153"/>
      <c r="BJ7" s="1153"/>
      <c r="BK7" s="1153"/>
      <c r="BL7" s="1153"/>
      <c r="BM7" s="1153"/>
      <c r="BN7" s="1153"/>
      <c r="BO7" s="1153"/>
      <c r="BP7" s="1153"/>
      <c r="BQ7" s="1153"/>
      <c r="BR7" s="1153"/>
      <c r="BS7" s="1153"/>
      <c r="BT7" s="1153"/>
      <c r="BU7" s="1153"/>
      <c r="BV7" s="1153"/>
      <c r="BW7" s="1153"/>
      <c r="BX7" s="1153"/>
      <c r="BY7" s="1153"/>
      <c r="BZ7" s="1153"/>
      <c r="CA7" s="1153"/>
      <c r="CB7" s="1153"/>
      <c r="CC7" s="1153"/>
      <c r="CD7" s="1153"/>
      <c r="CE7" s="1153"/>
      <c r="CF7" s="1153"/>
      <c r="CG7" s="1153"/>
      <c r="CH7" s="1153"/>
      <c r="CI7" s="1153"/>
      <c r="CJ7" s="1153"/>
      <c r="CK7" s="1153"/>
      <c r="CL7" s="1153"/>
      <c r="CM7" s="1153"/>
    </row>
    <row r="8" spans="1:100" ht="17.25" customHeight="1" x14ac:dyDescent="0.15">
      <c r="A8" s="405"/>
      <c r="B8" s="406"/>
      <c r="C8" s="406"/>
      <c r="D8" s="407"/>
      <c r="E8" s="433" t="s">
        <v>208</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1153"/>
      <c r="AO8" s="1153"/>
      <c r="AP8" s="1153"/>
      <c r="AQ8" s="1153"/>
      <c r="AR8" s="1153"/>
      <c r="AS8" s="1153"/>
      <c r="AT8" s="1153"/>
      <c r="AU8" s="1153"/>
      <c r="AV8" s="1153"/>
      <c r="AW8" s="1153"/>
      <c r="AX8" s="1153"/>
      <c r="AY8" s="1153"/>
      <c r="AZ8" s="1153"/>
      <c r="BA8" s="1153"/>
      <c r="BB8" s="1153"/>
      <c r="BC8" s="1153"/>
      <c r="BD8" s="1153"/>
      <c r="BE8" s="1153"/>
      <c r="BF8" s="1153"/>
      <c r="BG8" s="1153"/>
      <c r="BH8" s="1153"/>
      <c r="BI8" s="1153"/>
      <c r="BJ8" s="1153"/>
      <c r="BK8" s="1153"/>
      <c r="BL8" s="1153"/>
      <c r="BM8" s="1153"/>
      <c r="BN8" s="1153"/>
      <c r="BO8" s="1153"/>
      <c r="BP8" s="1153"/>
      <c r="BQ8" s="1153"/>
      <c r="BR8" s="1153"/>
      <c r="BS8" s="1153"/>
      <c r="BT8" s="1153"/>
      <c r="BU8" s="1153"/>
      <c r="BV8" s="1153"/>
      <c r="BW8" s="1153"/>
      <c r="BX8" s="1153"/>
      <c r="BY8" s="1153"/>
      <c r="BZ8" s="1153"/>
      <c r="CA8" s="1153"/>
      <c r="CB8" s="1153"/>
      <c r="CC8" s="1153"/>
      <c r="CD8" s="1153"/>
      <c r="CE8" s="1153"/>
      <c r="CF8" s="1153"/>
      <c r="CG8" s="1153"/>
      <c r="CH8" s="1153"/>
      <c r="CI8" s="1153"/>
      <c r="CJ8" s="1153"/>
      <c r="CK8" s="1153"/>
      <c r="CL8" s="1153"/>
      <c r="CM8" s="1153"/>
    </row>
    <row r="9" spans="1:100" ht="17.25" customHeight="1" x14ac:dyDescent="0.15">
      <c r="A9" s="405" t="s">
        <v>240</v>
      </c>
      <c r="B9" s="406"/>
      <c r="C9" s="406"/>
      <c r="D9" s="407"/>
      <c r="E9" s="445" t="s">
        <v>438</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1153"/>
      <c r="AO9" s="1153"/>
      <c r="AP9" s="1153"/>
      <c r="AQ9" s="1153"/>
      <c r="AR9" s="1153"/>
      <c r="AS9" s="1153"/>
      <c r="AT9" s="1153"/>
      <c r="AU9" s="1153"/>
      <c r="AV9" s="1153"/>
      <c r="AW9" s="1153"/>
      <c r="AX9" s="1153"/>
      <c r="AY9" s="1153"/>
      <c r="AZ9" s="1153"/>
      <c r="BA9" s="1153"/>
      <c r="BB9" s="1153"/>
      <c r="BC9" s="1153"/>
      <c r="BD9" s="1153"/>
      <c r="BE9" s="1153"/>
      <c r="BF9" s="1153"/>
      <c r="BG9" s="1153"/>
      <c r="BH9" s="1153"/>
      <c r="BI9" s="1153"/>
      <c r="BJ9" s="1153"/>
      <c r="BK9" s="1153"/>
      <c r="BL9" s="1153"/>
      <c r="BM9" s="1153"/>
      <c r="BN9" s="1153"/>
      <c r="BO9" s="1153"/>
      <c r="BP9" s="1153"/>
      <c r="BQ9" s="1153"/>
      <c r="BR9" s="1153"/>
      <c r="BS9" s="1153"/>
      <c r="BT9" s="1153"/>
      <c r="BU9" s="1153"/>
      <c r="BV9" s="1153"/>
      <c r="BW9" s="1153"/>
      <c r="BX9" s="1153"/>
      <c r="BY9" s="1153"/>
      <c r="BZ9" s="1153"/>
      <c r="CA9" s="1153"/>
      <c r="CB9" s="1153"/>
      <c r="CC9" s="1153"/>
      <c r="CD9" s="1153"/>
      <c r="CE9" s="1153"/>
      <c r="CF9" s="1153"/>
      <c r="CG9" s="1153"/>
      <c r="CH9" s="1153"/>
      <c r="CI9" s="1153"/>
      <c r="CJ9" s="1153"/>
      <c r="CK9" s="1153"/>
      <c r="CL9" s="1153"/>
      <c r="CM9" s="1153"/>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1153"/>
      <c r="AO10" s="1153"/>
      <c r="AP10" s="1153"/>
      <c r="AQ10" s="1153"/>
      <c r="AR10" s="1153"/>
      <c r="AS10" s="1153"/>
      <c r="AT10" s="1153"/>
      <c r="AU10" s="1153"/>
      <c r="AV10" s="1153"/>
      <c r="AW10" s="1153"/>
      <c r="AX10" s="1153"/>
      <c r="AY10" s="1153"/>
      <c r="AZ10" s="1153"/>
      <c r="BA10" s="1153"/>
      <c r="BB10" s="1153"/>
      <c r="BC10" s="1153"/>
      <c r="BD10" s="1153"/>
      <c r="BE10" s="1153"/>
      <c r="BF10" s="1153"/>
      <c r="BG10" s="1153"/>
      <c r="BH10" s="1153"/>
      <c r="BI10" s="1153"/>
      <c r="BJ10" s="1153"/>
      <c r="BK10" s="1153"/>
      <c r="BL10" s="1153"/>
      <c r="BM10" s="1153"/>
      <c r="BN10" s="1153"/>
      <c r="BO10" s="1153"/>
      <c r="BP10" s="1153"/>
      <c r="BQ10" s="1153"/>
      <c r="BR10" s="1153"/>
      <c r="BS10" s="1153"/>
      <c r="BT10" s="1153"/>
      <c r="BU10" s="1153"/>
      <c r="BV10" s="1153"/>
      <c r="BW10" s="1153"/>
      <c r="BX10" s="1153"/>
      <c r="BY10" s="1153"/>
      <c r="BZ10" s="1153"/>
      <c r="CA10" s="1153"/>
      <c r="CB10" s="1153"/>
      <c r="CC10" s="1153"/>
      <c r="CD10" s="1153"/>
      <c r="CE10" s="1153"/>
      <c r="CF10" s="1153"/>
      <c r="CG10" s="1153"/>
      <c r="CH10" s="1153"/>
      <c r="CI10" s="1153"/>
      <c r="CJ10" s="1153"/>
      <c r="CK10" s="1153"/>
      <c r="CL10" s="1153"/>
      <c r="CM10" s="1153"/>
    </row>
    <row r="11" spans="1:100" ht="17.25" customHeight="1" x14ac:dyDescent="0.15">
      <c r="A11" s="405" t="s">
        <v>37</v>
      </c>
      <c r="B11" s="406"/>
      <c r="C11" s="406"/>
      <c r="D11" s="407"/>
      <c r="E11" s="615" t="s">
        <v>960</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1153"/>
      <c r="AO11" s="1153"/>
      <c r="AP11" s="1153"/>
      <c r="AQ11" s="1153"/>
      <c r="AR11" s="1153"/>
      <c r="AS11" s="1153"/>
      <c r="AT11" s="1153"/>
      <c r="AU11" s="1153"/>
      <c r="AV11" s="1153"/>
      <c r="AW11" s="1153"/>
      <c r="AX11" s="1153"/>
      <c r="AY11" s="1153"/>
      <c r="AZ11" s="1153"/>
      <c r="BA11" s="1153"/>
      <c r="BB11" s="1153"/>
      <c r="BC11" s="1153"/>
      <c r="BD11" s="1153"/>
      <c r="BE11" s="1153"/>
      <c r="BF11" s="1153"/>
      <c r="BG11" s="1153"/>
      <c r="BH11" s="1153"/>
      <c r="BI11" s="1153"/>
      <c r="BJ11" s="1153"/>
      <c r="BK11" s="1153"/>
      <c r="BL11" s="1153"/>
      <c r="BM11" s="1153"/>
      <c r="BN11" s="1153"/>
      <c r="BO11" s="1153"/>
      <c r="BP11" s="1153"/>
      <c r="BQ11" s="1153"/>
      <c r="BR11" s="1153"/>
      <c r="BS11" s="1153"/>
      <c r="BT11" s="1153"/>
      <c r="BU11" s="1153"/>
      <c r="BV11" s="1153"/>
      <c r="BW11" s="1153"/>
      <c r="BX11" s="1153"/>
      <c r="BY11" s="1153"/>
      <c r="BZ11" s="1153"/>
      <c r="CA11" s="1153"/>
      <c r="CB11" s="1153"/>
      <c r="CC11" s="1153"/>
      <c r="CD11" s="1153"/>
      <c r="CE11" s="1153"/>
      <c r="CF11" s="1153"/>
      <c r="CG11" s="1153"/>
      <c r="CH11" s="1153"/>
      <c r="CI11" s="1153"/>
      <c r="CJ11" s="1153"/>
      <c r="CK11" s="1153"/>
      <c r="CL11" s="1153"/>
      <c r="CM11" s="1153"/>
    </row>
    <row r="12" spans="1:100" ht="17.25" customHeight="1" x14ac:dyDescent="0.15">
      <c r="A12" s="332" t="s">
        <v>373</v>
      </c>
      <c r="B12" s="332"/>
      <c r="C12" s="332"/>
      <c r="D12" s="332"/>
      <c r="E12" s="328"/>
      <c r="F12" s="330" t="s">
        <v>961</v>
      </c>
      <c r="G12" s="331"/>
      <c r="H12" s="331"/>
      <c r="I12" s="331"/>
      <c r="J12" s="331"/>
      <c r="K12" s="331"/>
      <c r="L12" s="331"/>
      <c r="M12" s="331"/>
      <c r="N12" s="15"/>
      <c r="O12" s="416" t="s">
        <v>242</v>
      </c>
      <c r="P12" s="417"/>
      <c r="Q12" s="377">
        <v>9133</v>
      </c>
      <c r="R12" s="220"/>
      <c r="S12" s="220"/>
      <c r="T12" s="220"/>
      <c r="U12" s="371" t="s">
        <v>211</v>
      </c>
      <c r="V12" s="220"/>
      <c r="W12" s="220"/>
      <c r="X12" s="220"/>
      <c r="Y12" s="371"/>
      <c r="Z12" s="220"/>
      <c r="AA12" s="220"/>
      <c r="AB12" s="220"/>
      <c r="AC12" s="220"/>
      <c r="AD12" s="220"/>
      <c r="AE12" s="220"/>
      <c r="AF12" s="220"/>
      <c r="AG12" s="220"/>
      <c r="AH12" s="220"/>
      <c r="AI12" s="220"/>
      <c r="AJ12" s="220"/>
      <c r="AK12" s="220"/>
      <c r="AL12" s="372"/>
      <c r="AM12" s="5"/>
      <c r="AN12" s="1153"/>
      <c r="AO12" s="1153"/>
      <c r="AP12" s="1153"/>
      <c r="AQ12" s="1153"/>
      <c r="AR12" s="1153"/>
      <c r="AS12" s="1153"/>
      <c r="AT12" s="1153"/>
      <c r="AU12" s="1153"/>
      <c r="AV12" s="1153"/>
      <c r="AW12" s="1153"/>
      <c r="AX12" s="1153"/>
      <c r="AY12" s="1153"/>
      <c r="AZ12" s="1153"/>
      <c r="BA12" s="1153"/>
      <c r="BB12" s="1153"/>
      <c r="BC12" s="1153"/>
      <c r="BD12" s="1153"/>
      <c r="BE12" s="1153"/>
      <c r="BF12" s="1153"/>
      <c r="BG12" s="1153"/>
      <c r="BH12" s="1153"/>
      <c r="BI12" s="1153"/>
      <c r="BJ12" s="1153"/>
      <c r="BK12" s="1153"/>
      <c r="BL12" s="1153"/>
      <c r="BM12" s="1153"/>
      <c r="BN12" s="1153"/>
      <c r="BO12" s="1153"/>
      <c r="BP12" s="1153"/>
      <c r="BQ12" s="1153"/>
      <c r="BR12" s="1153"/>
      <c r="BS12" s="1153"/>
      <c r="BT12" s="1153"/>
      <c r="BU12" s="1153"/>
      <c r="BV12" s="1153"/>
      <c r="BW12" s="1153"/>
      <c r="BX12" s="1153"/>
      <c r="BY12" s="1153"/>
      <c r="BZ12" s="1153"/>
      <c r="CA12" s="1153"/>
      <c r="CB12" s="1153"/>
      <c r="CC12" s="1153"/>
      <c r="CD12" s="1153"/>
      <c r="CE12" s="1153"/>
      <c r="CF12" s="1153"/>
      <c r="CG12" s="1153"/>
      <c r="CH12" s="1153"/>
      <c r="CI12" s="1153"/>
      <c r="CJ12" s="1153"/>
      <c r="CK12" s="1153"/>
      <c r="CL12" s="1153"/>
      <c r="CM12" s="1153"/>
      <c r="CQ12" s="3" ph="1"/>
      <c r="CR12" s="3" ph="1"/>
      <c r="CS12" s="3" ph="1"/>
      <c r="CT12" s="3" ph="1"/>
      <c r="CU12" s="3" ph="1"/>
      <c r="CV12" s="3" ph="1"/>
    </row>
    <row r="13" spans="1:100" ht="17.25" customHeight="1" x14ac:dyDescent="0.15">
      <c r="A13" s="328"/>
      <c r="B13" s="328"/>
      <c r="C13" s="328"/>
      <c r="D13" s="328"/>
      <c r="E13" s="328"/>
      <c r="F13" s="398" t="s">
        <v>962</v>
      </c>
      <c r="G13" s="369"/>
      <c r="H13" s="369"/>
      <c r="I13" s="369"/>
      <c r="J13" s="369"/>
      <c r="K13" s="369"/>
      <c r="L13" s="369"/>
      <c r="M13" s="369"/>
      <c r="N13" s="145"/>
      <c r="O13" s="418"/>
      <c r="P13" s="419"/>
      <c r="Q13" s="377"/>
      <c r="R13" s="220"/>
      <c r="S13" s="220"/>
      <c r="T13" s="220"/>
      <c r="U13" s="371"/>
      <c r="V13" s="220"/>
      <c r="W13" s="220"/>
      <c r="X13" s="220"/>
      <c r="Y13" s="371"/>
      <c r="Z13" s="852"/>
      <c r="AA13" s="852"/>
      <c r="AB13" s="852"/>
      <c r="AC13" s="852"/>
      <c r="AD13" s="852"/>
      <c r="AE13" s="852"/>
      <c r="AF13" s="852"/>
      <c r="AG13" s="852"/>
      <c r="AH13" s="852"/>
      <c r="AI13" s="852"/>
      <c r="AJ13" s="852"/>
      <c r="AK13" s="852"/>
      <c r="AL13" s="853"/>
      <c r="AM13" s="5"/>
      <c r="AN13" s="1153"/>
      <c r="AO13" s="1153"/>
      <c r="AP13" s="1153"/>
      <c r="AQ13" s="1153"/>
      <c r="AR13" s="1153"/>
      <c r="AS13" s="1153"/>
      <c r="AT13" s="1153"/>
      <c r="AU13" s="1153"/>
      <c r="AV13" s="1153"/>
      <c r="AW13" s="1153"/>
      <c r="AX13" s="1153"/>
      <c r="AY13" s="1153"/>
      <c r="AZ13" s="1153"/>
      <c r="BA13" s="1153"/>
      <c r="BB13" s="1153"/>
      <c r="BC13" s="1153"/>
      <c r="BD13" s="1153"/>
      <c r="BE13" s="1153"/>
      <c r="BF13" s="1153"/>
      <c r="BG13" s="1153"/>
      <c r="BH13" s="1153"/>
      <c r="BI13" s="1153"/>
      <c r="BJ13" s="1153"/>
      <c r="BK13" s="1153"/>
      <c r="BL13" s="1153"/>
      <c r="BM13" s="1153"/>
      <c r="BN13" s="1153"/>
      <c r="BO13" s="1153"/>
      <c r="BP13" s="1153"/>
      <c r="BQ13" s="1153"/>
      <c r="BR13" s="1153"/>
      <c r="BS13" s="1153"/>
      <c r="BT13" s="1153"/>
      <c r="BU13" s="1153"/>
      <c r="BV13" s="1153"/>
      <c r="BW13" s="1153"/>
      <c r="BX13" s="1153"/>
      <c r="BY13" s="1153"/>
      <c r="BZ13" s="1153"/>
      <c r="CA13" s="1153"/>
      <c r="CB13" s="1153"/>
      <c r="CC13" s="1153"/>
      <c r="CD13" s="1153"/>
      <c r="CE13" s="1153"/>
      <c r="CF13" s="1153"/>
      <c r="CG13" s="1153"/>
      <c r="CH13" s="1153"/>
      <c r="CI13" s="1153"/>
      <c r="CJ13" s="1153"/>
      <c r="CK13" s="1153"/>
      <c r="CL13" s="1153"/>
      <c r="CM13" s="1153"/>
      <c r="CQ13" s="3" ph="1"/>
      <c r="CR13" s="3" ph="1"/>
      <c r="CS13" s="3" ph="1"/>
      <c r="CT13" s="3" ph="1"/>
      <c r="CU13" s="3" ph="1"/>
      <c r="CV13" s="3" ph="1"/>
    </row>
    <row r="14" spans="1:100" ht="17.25" customHeight="1" x14ac:dyDescent="0.15">
      <c r="A14" s="426">
        <v>4</v>
      </c>
      <c r="B14" s="651"/>
      <c r="C14" s="651"/>
      <c r="D14" s="651"/>
      <c r="E14" s="651"/>
      <c r="F14" s="370"/>
      <c r="G14" s="370"/>
      <c r="H14" s="370"/>
      <c r="I14" s="370"/>
      <c r="J14" s="370"/>
      <c r="K14" s="370"/>
      <c r="L14" s="370"/>
      <c r="M14" s="370"/>
      <c r="N14" s="145"/>
      <c r="O14" s="418"/>
      <c r="P14" s="419"/>
      <c r="Q14" s="377"/>
      <c r="R14" s="220"/>
      <c r="S14" s="220"/>
      <c r="T14" s="220"/>
      <c r="U14" s="371"/>
      <c r="V14" s="220"/>
      <c r="W14" s="220"/>
      <c r="X14" s="220"/>
      <c r="Y14" s="371"/>
      <c r="Z14" s="220"/>
      <c r="AA14" s="220"/>
      <c r="AB14" s="220"/>
      <c r="AC14" s="220"/>
      <c r="AD14" s="220"/>
      <c r="AE14" s="220"/>
      <c r="AF14" s="220"/>
      <c r="AG14" s="220"/>
      <c r="AH14" s="220"/>
      <c r="AI14" s="220"/>
      <c r="AJ14" s="220"/>
      <c r="AK14" s="220"/>
      <c r="AL14" s="372"/>
      <c r="AM14" s="5"/>
      <c r="AN14" s="1153"/>
      <c r="AO14" s="1153"/>
      <c r="AP14" s="1153"/>
      <c r="AQ14" s="1153"/>
      <c r="AR14" s="1153"/>
      <c r="AS14" s="1153"/>
      <c r="AT14" s="1153"/>
      <c r="AU14" s="1153"/>
      <c r="AV14" s="1153"/>
      <c r="AW14" s="1153"/>
      <c r="AX14" s="1153"/>
      <c r="AY14" s="1153"/>
      <c r="AZ14" s="1153"/>
      <c r="BA14" s="1153"/>
      <c r="BB14" s="1153"/>
      <c r="BC14" s="1153"/>
      <c r="BD14" s="1153"/>
      <c r="BE14" s="1153"/>
      <c r="BF14" s="1153"/>
      <c r="BG14" s="1153"/>
      <c r="BH14" s="1153"/>
      <c r="BI14" s="1153"/>
      <c r="BJ14" s="1153"/>
      <c r="BK14" s="1153"/>
      <c r="BL14" s="1153"/>
      <c r="BM14" s="1153"/>
      <c r="BN14" s="1153"/>
      <c r="BO14" s="1153"/>
      <c r="BP14" s="1153"/>
      <c r="BQ14" s="1153"/>
      <c r="BR14" s="1153"/>
      <c r="BS14" s="1153"/>
      <c r="BT14" s="1153"/>
      <c r="BU14" s="1153"/>
      <c r="BV14" s="1153"/>
      <c r="BW14" s="1153"/>
      <c r="BX14" s="1153"/>
      <c r="BY14" s="1153"/>
      <c r="BZ14" s="1153"/>
      <c r="CA14" s="1153"/>
      <c r="CB14" s="1153"/>
      <c r="CC14" s="1153"/>
      <c r="CD14" s="1153"/>
      <c r="CE14" s="1153"/>
      <c r="CF14" s="1153"/>
      <c r="CG14" s="1153"/>
      <c r="CH14" s="1153"/>
      <c r="CI14" s="1153"/>
      <c r="CJ14" s="1153"/>
      <c r="CK14" s="1153"/>
      <c r="CL14" s="1153"/>
      <c r="CM14" s="1153"/>
      <c r="CQ14" s="3" ph="1"/>
      <c r="CR14" s="3" ph="1"/>
      <c r="CS14" s="3" ph="1"/>
      <c r="CT14" s="3" ph="1"/>
      <c r="CU14" s="3" ph="1"/>
      <c r="CV14" s="3" ph="1"/>
    </row>
    <row r="15" spans="1:100" ht="17.25" customHeight="1" x14ac:dyDescent="0.15">
      <c r="A15" s="428" t="s">
        <v>246</v>
      </c>
      <c r="B15" s="428"/>
      <c r="C15" s="428"/>
      <c r="D15" s="428"/>
      <c r="E15" s="428"/>
      <c r="F15" s="429">
        <v>46771</v>
      </c>
      <c r="G15" s="430"/>
      <c r="H15" s="430"/>
      <c r="I15" s="430"/>
      <c r="J15" s="430"/>
      <c r="K15" s="430"/>
      <c r="L15" s="430"/>
      <c r="M15" s="430"/>
      <c r="N15" s="145"/>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518" t="s">
        <v>245</v>
      </c>
      <c r="AO15" s="518"/>
      <c r="AP15" s="518"/>
      <c r="AQ15" s="518"/>
      <c r="AR15" s="518"/>
      <c r="AS15" s="518"/>
      <c r="AT15" s="518"/>
      <c r="AU15" s="518"/>
      <c r="AV15" s="518"/>
      <c r="AW15" s="518"/>
      <c r="AX15" s="518"/>
      <c r="AY15" s="518"/>
      <c r="AZ15" s="518"/>
      <c r="BA15" s="518"/>
      <c r="BB15" s="518"/>
      <c r="BC15" s="518"/>
      <c r="BD15" s="518"/>
      <c r="BE15" s="518"/>
      <c r="BF15" s="518"/>
      <c r="BG15" s="518"/>
      <c r="BH15" s="518"/>
      <c r="BI15" s="518"/>
      <c r="BJ15" s="518"/>
      <c r="BK15" s="518"/>
      <c r="BL15" s="518"/>
      <c r="BM15" s="518"/>
      <c r="BN15" s="518"/>
      <c r="BO15" s="518"/>
      <c r="BP15" s="518"/>
      <c r="BQ15" s="518"/>
      <c r="BR15" s="518"/>
      <c r="BS15" s="518"/>
      <c r="BT15" s="518"/>
      <c r="BU15" s="518"/>
      <c r="BV15" s="518"/>
      <c r="BW15" s="518"/>
      <c r="BX15" s="518"/>
      <c r="BY15" s="518"/>
      <c r="BZ15" s="518"/>
      <c r="CA15" s="518"/>
      <c r="CB15" s="518"/>
      <c r="CC15" s="518"/>
      <c r="CD15" s="518"/>
      <c r="CE15" s="518"/>
      <c r="CF15" s="518"/>
      <c r="CG15" s="518"/>
      <c r="CH15" s="518"/>
      <c r="CI15" s="518"/>
      <c r="CJ15" s="518"/>
      <c r="CK15" s="518"/>
      <c r="CL15" s="518"/>
      <c r="CM15" s="518"/>
    </row>
    <row r="16" spans="1:100" ht="17.25" customHeight="1" x14ac:dyDescent="0.15">
      <c r="A16" s="382" t="s">
        <v>213</v>
      </c>
      <c r="B16" s="484"/>
      <c r="C16" s="484"/>
      <c r="D16" s="484"/>
      <c r="E16" s="485"/>
      <c r="F16" s="345" t="s">
        <v>963</v>
      </c>
      <c r="G16" s="346"/>
      <c r="H16" s="346"/>
      <c r="I16" s="346"/>
      <c r="J16" s="346"/>
      <c r="K16" s="346"/>
      <c r="L16" s="346"/>
      <c r="M16" s="346"/>
      <c r="N16" s="145"/>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87" t="s">
        <v>219</v>
      </c>
      <c r="AO16" s="287"/>
      <c r="AP16" s="287"/>
      <c r="AQ16" s="287"/>
      <c r="AR16" s="287"/>
      <c r="AS16" s="287"/>
      <c r="AT16" s="856" t="s">
        <v>212</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36" t="s">
        <v>964</v>
      </c>
      <c r="G17" s="337"/>
      <c r="H17" s="337"/>
      <c r="I17" s="337"/>
      <c r="J17" s="337"/>
      <c r="K17" s="337"/>
      <c r="L17" s="337"/>
      <c r="M17" s="338"/>
      <c r="N17" s="145"/>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c r="AO17" s="287"/>
      <c r="AP17" s="287"/>
      <c r="AQ17" s="287"/>
      <c r="AR17" s="287"/>
      <c r="AS17" s="28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39"/>
      <c r="G18" s="340"/>
      <c r="H18" s="340"/>
      <c r="I18" s="340"/>
      <c r="J18" s="340"/>
      <c r="K18" s="340"/>
      <c r="L18" s="340"/>
      <c r="M18" s="341"/>
      <c r="N18" s="145"/>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87" t="s">
        <v>220</v>
      </c>
      <c r="AO18" s="287"/>
      <c r="AP18" s="287"/>
      <c r="AQ18" s="287"/>
      <c r="AR18" s="287"/>
      <c r="AS18" s="287"/>
      <c r="AT18" s="856" t="s">
        <v>214</v>
      </c>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145"/>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87"/>
      <c r="AO19" s="287"/>
      <c r="AP19" s="287"/>
      <c r="AQ19" s="287"/>
      <c r="AR19" s="287"/>
      <c r="AS19" s="287"/>
      <c r="AT19" s="856"/>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98"/>
      <c r="G20" s="369"/>
      <c r="H20" s="369"/>
      <c r="I20" s="369"/>
      <c r="J20" s="369"/>
      <c r="K20" s="369"/>
      <c r="L20" s="369"/>
      <c r="M20" s="369"/>
      <c r="N20" s="145"/>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t="s">
        <v>221</v>
      </c>
      <c r="AO20" s="287"/>
      <c r="AP20" s="287"/>
      <c r="AQ20" s="287"/>
      <c r="AR20" s="287"/>
      <c r="AS20" s="287"/>
      <c r="AT20" s="856" t="s">
        <v>215</v>
      </c>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145"/>
      <c r="O21" s="418"/>
      <c r="P21" s="419"/>
      <c r="Q21" s="377"/>
      <c r="R21" s="220"/>
      <c r="S21" s="220"/>
      <c r="T21" s="220"/>
      <c r="U21" s="371"/>
      <c r="V21" s="220"/>
      <c r="W21" s="220"/>
      <c r="X21" s="220"/>
      <c r="Y21" s="371"/>
      <c r="Z21" s="220"/>
      <c r="AA21" s="220"/>
      <c r="AB21" s="220"/>
      <c r="AC21" s="220"/>
      <c r="AD21" s="220"/>
      <c r="AE21" s="220"/>
      <c r="AF21" s="220"/>
      <c r="AG21" s="220"/>
      <c r="AH21" s="220"/>
      <c r="AI21" s="220"/>
      <c r="AJ21" s="220"/>
      <c r="AK21" s="220"/>
      <c r="AL21" s="372"/>
      <c r="AM21" s="5"/>
      <c r="AN21" s="287"/>
      <c r="AO21" s="287"/>
      <c r="AP21" s="287"/>
      <c r="AQ21" s="287"/>
      <c r="AR21" s="287"/>
      <c r="AS21" s="287"/>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519" t="s">
        <v>1621</v>
      </c>
      <c r="G22" s="520"/>
      <c r="H22" s="520"/>
      <c r="I22" s="520"/>
      <c r="J22" s="520"/>
      <c r="K22" s="520"/>
      <c r="L22" s="520"/>
      <c r="M22" s="521"/>
      <c r="N22" s="145"/>
      <c r="O22" s="1031" t="s">
        <v>258</v>
      </c>
      <c r="P22" s="1031"/>
      <c r="Q22" s="1230" t="s">
        <v>965</v>
      </c>
      <c r="R22" s="1230"/>
      <c r="S22" s="1230"/>
      <c r="T22" s="1230"/>
      <c r="U22" s="1230"/>
      <c r="V22" s="1230"/>
      <c r="W22" s="1230"/>
      <c r="X22" s="1230"/>
      <c r="Y22" s="1230"/>
      <c r="Z22" s="1230"/>
      <c r="AA22" s="1230"/>
      <c r="AB22" s="1230"/>
      <c r="AC22" s="1230"/>
      <c r="AD22" s="1230"/>
      <c r="AE22" s="1230"/>
      <c r="AF22" s="1230"/>
      <c r="AG22" s="1230"/>
      <c r="AH22" s="1230"/>
      <c r="AI22" s="1230"/>
      <c r="AJ22" s="1230"/>
      <c r="AK22" s="1230"/>
      <c r="AL22" s="1230"/>
      <c r="AM22" s="5"/>
      <c r="AN22" s="287" t="s">
        <v>222</v>
      </c>
      <c r="AO22" s="287"/>
      <c r="AP22" s="287"/>
      <c r="AQ22" s="287"/>
      <c r="AR22" s="287"/>
      <c r="AS22" s="287"/>
      <c r="AT22" s="856" t="s">
        <v>1258</v>
      </c>
      <c r="AU22" s="856"/>
      <c r="AV22" s="856"/>
      <c r="AW22" s="856"/>
      <c r="AX22" s="856"/>
      <c r="AY22" s="856"/>
      <c r="AZ22" s="856"/>
      <c r="BA22" s="856"/>
      <c r="BB22" s="856"/>
      <c r="BC22" s="856"/>
      <c r="BD22" s="856"/>
      <c r="BE22" s="856"/>
      <c r="BF22" s="856"/>
      <c r="BG22" s="856"/>
      <c r="BH22" s="856"/>
      <c r="BI22" s="856"/>
      <c r="BJ22" s="856"/>
      <c r="BK22" s="856"/>
      <c r="BL22" s="856"/>
      <c r="BM22" s="856"/>
      <c r="BN22" s="856"/>
      <c r="BO22" s="856"/>
      <c r="BP22" s="856"/>
      <c r="BQ22" s="856"/>
      <c r="BR22" s="856"/>
      <c r="BS22" s="856"/>
      <c r="BT22" s="856"/>
      <c r="BU22" s="856"/>
      <c r="BV22" s="856"/>
      <c r="BW22" s="856"/>
      <c r="BX22" s="856"/>
      <c r="BY22" s="856"/>
      <c r="BZ22" s="856"/>
      <c r="CA22" s="856"/>
      <c r="CB22" s="856"/>
      <c r="CC22" s="856"/>
      <c r="CD22" s="856"/>
      <c r="CE22" s="856"/>
      <c r="CF22" s="856"/>
      <c r="CG22" s="856"/>
      <c r="CH22" s="856"/>
      <c r="CI22" s="856"/>
      <c r="CJ22" s="856"/>
      <c r="CK22" s="856"/>
      <c r="CL22" s="856"/>
      <c r="CM22" s="856"/>
      <c r="CQ22" s="3" ph="1"/>
      <c r="CR22" s="3" ph="1"/>
      <c r="CS22" s="3" ph="1"/>
      <c r="CT22" s="3" ph="1"/>
      <c r="CU22" s="3" ph="1"/>
      <c r="CV22" s="3" ph="1"/>
    </row>
    <row r="23" spans="1:100" ht="17.25" customHeight="1" x14ac:dyDescent="0.15">
      <c r="A23" s="328"/>
      <c r="B23" s="328"/>
      <c r="C23" s="328"/>
      <c r="D23" s="328"/>
      <c r="E23" s="328"/>
      <c r="F23" s="336" t="s">
        <v>1620</v>
      </c>
      <c r="G23" s="337"/>
      <c r="H23" s="337"/>
      <c r="I23" s="337"/>
      <c r="J23" s="337"/>
      <c r="K23" s="337"/>
      <c r="L23" s="337"/>
      <c r="M23" s="338"/>
      <c r="N23" s="145"/>
      <c r="O23" s="1031"/>
      <c r="P23" s="1031"/>
      <c r="Q23" s="355">
        <v>29283</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87"/>
      <c r="AO23" s="287"/>
      <c r="AP23" s="287"/>
      <c r="AQ23" s="287"/>
      <c r="AR23" s="287"/>
      <c r="AS23" s="287"/>
      <c r="AT23" s="856"/>
      <c r="AU23" s="856"/>
      <c r="AV23" s="856"/>
      <c r="AW23" s="856"/>
      <c r="AX23" s="856"/>
      <c r="AY23" s="856"/>
      <c r="AZ23" s="856"/>
      <c r="BA23" s="856"/>
      <c r="BB23" s="856"/>
      <c r="BC23" s="856"/>
      <c r="BD23" s="856"/>
      <c r="BE23" s="856"/>
      <c r="BF23" s="856"/>
      <c r="BG23" s="856"/>
      <c r="BH23" s="856"/>
      <c r="BI23" s="856"/>
      <c r="BJ23" s="856"/>
      <c r="BK23" s="856"/>
      <c r="BL23" s="856"/>
      <c r="BM23" s="856"/>
      <c r="BN23" s="856"/>
      <c r="BO23" s="856"/>
      <c r="BP23" s="856"/>
      <c r="BQ23" s="856"/>
      <c r="BR23" s="856"/>
      <c r="BS23" s="856"/>
      <c r="BT23" s="856"/>
      <c r="BU23" s="856"/>
      <c r="BV23" s="856"/>
      <c r="BW23" s="856"/>
      <c r="BX23" s="856"/>
      <c r="BY23" s="856"/>
      <c r="BZ23" s="856"/>
      <c r="CA23" s="856"/>
      <c r="CB23" s="856"/>
      <c r="CC23" s="856"/>
      <c r="CD23" s="856"/>
      <c r="CE23" s="856"/>
      <c r="CF23" s="856"/>
      <c r="CG23" s="856"/>
      <c r="CH23" s="856"/>
      <c r="CI23" s="856"/>
      <c r="CJ23" s="856"/>
      <c r="CK23" s="856"/>
      <c r="CL23" s="856"/>
      <c r="CM23" s="856"/>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145"/>
      <c r="O24" s="428" t="s">
        <v>260</v>
      </c>
      <c r="P24" s="428"/>
      <c r="Q24" s="1231" t="s">
        <v>429</v>
      </c>
      <c r="R24" s="1231"/>
      <c r="S24" s="1231"/>
      <c r="T24" s="1231"/>
      <c r="U24" s="1231"/>
      <c r="V24" s="1231"/>
      <c r="W24" s="1231"/>
      <c r="X24" s="1231"/>
      <c r="Y24" s="1231"/>
      <c r="Z24" s="1231"/>
      <c r="AA24" s="1231"/>
      <c r="AB24" s="1231"/>
      <c r="AC24" s="1231"/>
      <c r="AD24" s="1231"/>
      <c r="AE24" s="1231"/>
      <c r="AF24" s="1231"/>
      <c r="AG24" s="1231"/>
      <c r="AH24" s="1231"/>
      <c r="AI24" s="1231"/>
      <c r="AJ24" s="1231"/>
      <c r="AK24" s="1231"/>
      <c r="AL24" s="1231"/>
      <c r="AM24" s="5"/>
      <c r="AN24" s="864" t="s">
        <v>462</v>
      </c>
      <c r="AO24" s="864"/>
      <c r="AP24" s="864"/>
      <c r="AQ24" s="864"/>
      <c r="AR24" s="864"/>
      <c r="AS24" s="864"/>
      <c r="AT24" s="864"/>
      <c r="AU24" s="864"/>
      <c r="AV24" s="864"/>
      <c r="AW24" s="864"/>
      <c r="AX24" s="864"/>
      <c r="AY24" s="864"/>
      <c r="AZ24" s="864"/>
      <c r="BA24" s="864"/>
      <c r="BB24" s="864"/>
      <c r="BC24" s="864"/>
      <c r="BD24" s="864"/>
      <c r="BE24" s="864"/>
      <c r="BF24" s="864"/>
      <c r="BG24" s="864"/>
      <c r="BH24" s="864"/>
      <c r="BI24" s="864"/>
      <c r="BJ24" s="864"/>
      <c r="BK24" s="864"/>
      <c r="BL24" s="864"/>
      <c r="BM24" s="864"/>
      <c r="BN24" s="864"/>
      <c r="BO24" s="864"/>
      <c r="BP24" s="864"/>
      <c r="BQ24" s="864"/>
      <c r="BR24" s="864"/>
      <c r="BS24" s="864"/>
      <c r="BT24" s="864"/>
      <c r="BU24" s="864"/>
      <c r="BV24" s="864"/>
      <c r="BW24" s="864"/>
      <c r="BX24" s="864"/>
      <c r="BY24" s="864"/>
      <c r="BZ24" s="864"/>
      <c r="CA24" s="864"/>
      <c r="CB24" s="864"/>
      <c r="CC24" s="864"/>
      <c r="CD24" s="864"/>
      <c r="CE24" s="864"/>
      <c r="CF24" s="864"/>
      <c r="CG24" s="864"/>
      <c r="CH24" s="864"/>
      <c r="CI24" s="864"/>
      <c r="CJ24" s="864"/>
      <c r="CK24" s="864"/>
      <c r="CL24" s="864"/>
      <c r="CM24" s="864"/>
      <c r="CQ24" s="3" ph="1"/>
      <c r="CR24" s="3" ph="1"/>
      <c r="CS24" s="3" ph="1"/>
      <c r="CT24" s="3" ph="1"/>
      <c r="CU24" s="3" ph="1"/>
      <c r="CV24" s="3" ph="1"/>
    </row>
    <row r="25" spans="1:100" ht="17.25" customHeight="1" x14ac:dyDescent="0.15">
      <c r="A25" s="328" t="s">
        <v>263</v>
      </c>
      <c r="B25" s="328"/>
      <c r="C25" s="328"/>
      <c r="D25" s="328"/>
      <c r="E25" s="328"/>
      <c r="F25" s="519" t="s">
        <v>1623</v>
      </c>
      <c r="G25" s="520"/>
      <c r="H25" s="520"/>
      <c r="I25" s="520"/>
      <c r="J25" s="520"/>
      <c r="K25" s="520"/>
      <c r="L25" s="520"/>
      <c r="M25" s="521"/>
      <c r="N25" s="145"/>
      <c r="O25" s="428"/>
      <c r="P25" s="428"/>
      <c r="Q25" s="355">
        <v>29283</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2" t="s">
        <v>16</v>
      </c>
      <c r="AO25" s="862" t="s">
        <v>439</v>
      </c>
      <c r="AP25" s="862"/>
      <c r="AQ25" s="862"/>
      <c r="AR25" s="862"/>
      <c r="AS25" s="862"/>
      <c r="AT25" s="862"/>
      <c r="AU25" s="862"/>
      <c r="AV25" s="862"/>
      <c r="AW25" s="862"/>
      <c r="AX25" s="862"/>
      <c r="AY25" s="862"/>
      <c r="AZ25" s="862"/>
      <c r="BA25" s="862"/>
      <c r="BB25" s="862"/>
      <c r="BC25" s="862"/>
      <c r="BD25" s="862"/>
      <c r="BE25" s="862"/>
      <c r="BF25" s="862"/>
      <c r="BG25" s="862"/>
      <c r="BH25" s="862"/>
      <c r="BI25" s="862"/>
      <c r="BJ25" s="862"/>
      <c r="BK25" s="862"/>
      <c r="BL25" s="862"/>
      <c r="BM25" s="862"/>
      <c r="BN25" s="862"/>
      <c r="BO25" s="862"/>
      <c r="BP25" s="862"/>
      <c r="BQ25" s="862"/>
      <c r="BR25" s="862"/>
      <c r="BS25" s="862"/>
      <c r="BT25" s="862"/>
      <c r="BU25" s="862"/>
      <c r="BV25" s="862"/>
      <c r="BW25" s="862"/>
      <c r="BX25" s="862"/>
      <c r="BY25" s="862"/>
      <c r="BZ25" s="862"/>
      <c r="CA25" s="862"/>
      <c r="CB25" s="862"/>
      <c r="CC25" s="862"/>
      <c r="CD25" s="862"/>
      <c r="CE25" s="862"/>
      <c r="CF25" s="862"/>
      <c r="CG25" s="862"/>
      <c r="CH25" s="862"/>
      <c r="CI25" s="862"/>
      <c r="CJ25" s="862"/>
      <c r="CK25" s="862"/>
      <c r="CL25" s="862"/>
      <c r="CM25" s="863"/>
      <c r="CQ25" s="3" ph="1"/>
      <c r="CR25" s="3" ph="1"/>
      <c r="CS25" s="3" ph="1"/>
      <c r="CT25" s="3" ph="1"/>
      <c r="CU25" s="3" ph="1"/>
      <c r="CV25" s="3" ph="1"/>
    </row>
    <row r="26" spans="1:100" ht="17.25" customHeight="1" x14ac:dyDescent="0.15">
      <c r="A26" s="328"/>
      <c r="B26" s="328"/>
      <c r="C26" s="328"/>
      <c r="D26" s="328"/>
      <c r="E26" s="328"/>
      <c r="F26" s="336" t="s">
        <v>1622</v>
      </c>
      <c r="G26" s="337"/>
      <c r="H26" s="337"/>
      <c r="I26" s="337"/>
      <c r="J26" s="337"/>
      <c r="K26" s="337"/>
      <c r="L26" s="337"/>
      <c r="M26" s="338"/>
      <c r="N26" s="145"/>
      <c r="O26" s="428" t="s">
        <v>264</v>
      </c>
      <c r="P26" s="428"/>
      <c r="Q26" s="965" t="s">
        <v>966</v>
      </c>
      <c r="R26" s="965"/>
      <c r="S26" s="965"/>
      <c r="T26" s="965"/>
      <c r="U26" s="965"/>
      <c r="V26" s="965"/>
      <c r="W26" s="965"/>
      <c r="X26" s="965"/>
      <c r="Y26" s="965"/>
      <c r="Z26" s="965"/>
      <c r="AA26" s="965"/>
      <c r="AB26" s="965"/>
      <c r="AC26" s="965"/>
      <c r="AD26" s="965"/>
      <c r="AE26" s="965"/>
      <c r="AF26" s="965"/>
      <c r="AG26" s="965"/>
      <c r="AH26" s="965"/>
      <c r="AI26" s="965"/>
      <c r="AJ26" s="965"/>
      <c r="AK26" s="965"/>
      <c r="AL26" s="965"/>
      <c r="AM26" s="5"/>
      <c r="AN26" s="37" t="s">
        <v>16</v>
      </c>
      <c r="AO26" s="772" t="s">
        <v>967</v>
      </c>
      <c r="AP26" s="772"/>
      <c r="AQ26" s="772"/>
      <c r="AR26" s="772"/>
      <c r="AS26" s="772"/>
      <c r="AT26" s="772"/>
      <c r="AU26" s="772"/>
      <c r="AV26" s="772"/>
      <c r="AW26" s="772"/>
      <c r="AX26" s="772"/>
      <c r="AY26" s="772"/>
      <c r="AZ26" s="772"/>
      <c r="BA26" s="772"/>
      <c r="BB26" s="772"/>
      <c r="BC26" s="772"/>
      <c r="BD26" s="772"/>
      <c r="BE26" s="772"/>
      <c r="BF26" s="772"/>
      <c r="BG26" s="772"/>
      <c r="BH26" s="772"/>
      <c r="BI26" s="772"/>
      <c r="BJ26" s="772"/>
      <c r="BK26" s="772"/>
      <c r="BL26" s="772"/>
      <c r="BM26" s="772"/>
      <c r="BN26" s="772"/>
      <c r="BO26" s="772"/>
      <c r="BP26" s="772"/>
      <c r="BQ26" s="772"/>
      <c r="BR26" s="772"/>
      <c r="BS26" s="772"/>
      <c r="BT26" s="772"/>
      <c r="BU26" s="772"/>
      <c r="BV26" s="772"/>
      <c r="BW26" s="772"/>
      <c r="BX26" s="772"/>
      <c r="BY26" s="772"/>
      <c r="BZ26" s="772"/>
      <c r="CA26" s="772"/>
      <c r="CB26" s="772"/>
      <c r="CC26" s="772"/>
      <c r="CD26" s="772"/>
      <c r="CE26" s="772"/>
      <c r="CF26" s="772"/>
      <c r="CG26" s="772"/>
      <c r="CH26" s="772"/>
      <c r="CI26" s="772"/>
      <c r="CJ26" s="772"/>
      <c r="CK26" s="772"/>
      <c r="CL26" s="772"/>
      <c r="CM26" s="773"/>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145"/>
      <c r="O27" s="428"/>
      <c r="P27" s="428"/>
      <c r="Q27" s="355">
        <v>33613</v>
      </c>
      <c r="R27" s="355"/>
      <c r="S27" s="355"/>
      <c r="T27" s="355"/>
      <c r="U27" s="355"/>
      <c r="V27" s="355"/>
      <c r="W27" s="355"/>
      <c r="X27" s="355"/>
      <c r="Y27" s="355"/>
      <c r="Z27" s="355"/>
      <c r="AA27" s="355"/>
      <c r="AB27" s="355"/>
      <c r="AC27" s="355"/>
      <c r="AD27" s="355"/>
      <c r="AE27" s="355"/>
      <c r="AF27" s="355"/>
      <c r="AG27" s="355"/>
      <c r="AH27" s="355"/>
      <c r="AI27" s="355"/>
      <c r="AJ27" s="355"/>
      <c r="AK27" s="355"/>
      <c r="AL27" s="355"/>
      <c r="AM27" s="5"/>
      <c r="AN27" s="17" t="s">
        <v>16</v>
      </c>
      <c r="AO27" s="860" t="s">
        <v>421</v>
      </c>
      <c r="AP27" s="860"/>
      <c r="AQ27" s="860"/>
      <c r="AR27" s="860"/>
      <c r="AS27" s="860"/>
      <c r="AT27" s="860"/>
      <c r="AU27" s="860"/>
      <c r="AV27" s="860"/>
      <c r="AW27" s="860"/>
      <c r="AX27" s="860"/>
      <c r="AY27" s="860"/>
      <c r="AZ27" s="860"/>
      <c r="BA27" s="860"/>
      <c r="BB27" s="860"/>
      <c r="BC27" s="860"/>
      <c r="BD27" s="860"/>
      <c r="BE27" s="860"/>
      <c r="BF27" s="860"/>
      <c r="BG27" s="860"/>
      <c r="BH27" s="860"/>
      <c r="BI27" s="860"/>
      <c r="BJ27" s="860"/>
      <c r="BK27" s="860"/>
      <c r="BL27" s="860"/>
      <c r="BM27" s="860"/>
      <c r="BN27" s="860"/>
      <c r="BO27" s="860"/>
      <c r="BP27" s="860"/>
      <c r="BQ27" s="860"/>
      <c r="BR27" s="860"/>
      <c r="BS27" s="860"/>
      <c r="BT27" s="860"/>
      <c r="BU27" s="860"/>
      <c r="BV27" s="860"/>
      <c r="BW27" s="860"/>
      <c r="BX27" s="860"/>
      <c r="BY27" s="860"/>
      <c r="BZ27" s="860"/>
      <c r="CA27" s="860"/>
      <c r="CB27" s="860"/>
      <c r="CC27" s="860"/>
      <c r="CD27" s="860"/>
      <c r="CE27" s="860"/>
      <c r="CF27" s="860"/>
      <c r="CG27" s="860"/>
      <c r="CH27" s="860"/>
      <c r="CI27" s="860"/>
      <c r="CJ27" s="860"/>
      <c r="CK27" s="860"/>
      <c r="CL27" s="860"/>
      <c r="CM27" s="861"/>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255" t="s">
        <v>261</v>
      </c>
      <c r="AO28" s="255"/>
      <c r="AP28" s="255"/>
      <c r="AQ28" s="255"/>
      <c r="AR28" s="255"/>
      <c r="AS28" s="255"/>
      <c r="AT28" s="255"/>
      <c r="AU28" s="255"/>
      <c r="AV28" s="255"/>
      <c r="AW28" s="255"/>
      <c r="AX28" s="255"/>
      <c r="AY28" s="255"/>
      <c r="AZ28" s="255"/>
      <c r="BA28" s="255"/>
      <c r="BB28" s="255"/>
      <c r="BC28" s="255"/>
      <c r="BD28" s="255"/>
      <c r="BE28" s="255"/>
      <c r="BF28" s="255"/>
      <c r="BG28" s="255"/>
      <c r="BH28" s="255"/>
      <c r="BI28" s="255"/>
      <c r="BJ28" s="255"/>
      <c r="BK28" s="255"/>
      <c r="BL28" s="255"/>
      <c r="BM28" s="255"/>
      <c r="BN28" s="255"/>
      <c r="BO28" s="255"/>
      <c r="BP28" s="255"/>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1361</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8" t="s">
        <v>16</v>
      </c>
      <c r="AO29" s="487" t="s">
        <v>968</v>
      </c>
      <c r="AP29" s="487"/>
      <c r="AQ29" s="487"/>
      <c r="AR29" s="487"/>
      <c r="AS29" s="487"/>
      <c r="AT29" s="487"/>
      <c r="AU29" s="487"/>
      <c r="AV29" s="487"/>
      <c r="AW29" s="487"/>
      <c r="AX29" s="487"/>
      <c r="AY29" s="487"/>
      <c r="AZ29" s="487"/>
      <c r="BA29" s="487"/>
      <c r="BB29" s="487"/>
      <c r="BC29" s="487"/>
      <c r="BD29" s="487"/>
      <c r="BE29" s="487"/>
      <c r="BF29" s="487"/>
      <c r="BG29" s="487"/>
      <c r="BH29" s="487"/>
      <c r="BI29" s="487"/>
      <c r="BJ29" s="487"/>
      <c r="BK29" s="487"/>
      <c r="BL29" s="487"/>
      <c r="BM29" s="487"/>
      <c r="BN29" s="487"/>
      <c r="BO29" s="487"/>
      <c r="BP29" s="488"/>
      <c r="BQ29" s="84"/>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9" t="s">
        <v>16</v>
      </c>
      <c r="AO30" s="655" t="s">
        <v>422</v>
      </c>
      <c r="AP30" s="655"/>
      <c r="AQ30" s="655"/>
      <c r="AR30" s="655"/>
      <c r="AS30" s="655"/>
      <c r="AT30" s="655"/>
      <c r="AU30" s="655"/>
      <c r="AV30" s="655"/>
      <c r="AW30" s="655"/>
      <c r="AX30" s="655"/>
      <c r="AY30" s="655"/>
      <c r="AZ30" s="655"/>
      <c r="BA30" s="655"/>
      <c r="BB30" s="655"/>
      <c r="BC30" s="655"/>
      <c r="BD30" s="655"/>
      <c r="BE30" s="655"/>
      <c r="BF30" s="655"/>
      <c r="BG30" s="655"/>
      <c r="BH30" s="655"/>
      <c r="BI30" s="655"/>
      <c r="BJ30" s="655"/>
      <c r="BK30" s="655"/>
      <c r="BL30" s="655"/>
      <c r="BM30" s="655"/>
      <c r="BN30" s="655"/>
      <c r="BO30" s="655"/>
      <c r="BP30" s="656"/>
      <c r="BQ30" s="118"/>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9" t="s">
        <v>16</v>
      </c>
      <c r="AO31" s="556" t="s">
        <v>410</v>
      </c>
      <c r="AP31" s="556"/>
      <c r="AQ31" s="556"/>
      <c r="AR31" s="556"/>
      <c r="AS31" s="556"/>
      <c r="AT31" s="556"/>
      <c r="AU31" s="556"/>
      <c r="AV31" s="556"/>
      <c r="AW31" s="556"/>
      <c r="AX31" s="556"/>
      <c r="AY31" s="556"/>
      <c r="AZ31" s="556"/>
      <c r="BA31" s="556"/>
      <c r="BB31" s="556"/>
      <c r="BC31" s="556"/>
      <c r="BD31" s="556"/>
      <c r="BE31" s="556"/>
      <c r="BF31" s="556"/>
      <c r="BG31" s="556"/>
      <c r="BH31" s="556"/>
      <c r="BI31" s="556"/>
      <c r="BJ31" s="556"/>
      <c r="BK31" s="556"/>
      <c r="BL31" s="556"/>
      <c r="BM31" s="556"/>
      <c r="BN31" s="556"/>
      <c r="BO31" s="556"/>
      <c r="BP31" s="557"/>
      <c r="BQ31" s="54"/>
      <c r="BR31" s="292" t="s">
        <v>265</v>
      </c>
      <c r="BS31" s="293"/>
      <c r="BT31" s="293"/>
      <c r="BU31" s="293"/>
      <c r="BV31" s="293"/>
      <c r="BW31" s="293"/>
      <c r="BX31" s="294"/>
      <c r="BY31" s="292" t="s">
        <v>266</v>
      </c>
      <c r="BZ31" s="293"/>
      <c r="CA31" s="293"/>
      <c r="CB31" s="293"/>
      <c r="CC31" s="293"/>
      <c r="CD31" s="293"/>
      <c r="CE31" s="293"/>
      <c r="CF31" s="293"/>
      <c r="CG31" s="294"/>
      <c r="CH31" s="287" t="s">
        <v>411</v>
      </c>
      <c r="CI31" s="287"/>
      <c r="CJ31" s="287"/>
      <c r="CK31" s="287"/>
      <c r="CL31" s="287"/>
      <c r="CM31" s="287"/>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9" t="s">
        <v>16</v>
      </c>
      <c r="AO32" s="556" t="s">
        <v>423</v>
      </c>
      <c r="AP32" s="556"/>
      <c r="AQ32" s="556"/>
      <c r="AR32" s="556"/>
      <c r="AS32" s="556"/>
      <c r="AT32" s="556"/>
      <c r="AU32" s="556"/>
      <c r="AV32" s="556"/>
      <c r="AW32" s="556"/>
      <c r="AX32" s="556"/>
      <c r="AY32" s="556"/>
      <c r="AZ32" s="556"/>
      <c r="BA32" s="556"/>
      <c r="BB32" s="556"/>
      <c r="BC32" s="556"/>
      <c r="BD32" s="556"/>
      <c r="BE32" s="556"/>
      <c r="BF32" s="556"/>
      <c r="BG32" s="556"/>
      <c r="BH32" s="556"/>
      <c r="BI32" s="556"/>
      <c r="BJ32" s="556"/>
      <c r="BK32" s="556"/>
      <c r="BL32" s="556"/>
      <c r="BM32" s="556"/>
      <c r="BN32" s="556"/>
      <c r="BO32" s="556"/>
      <c r="BP32" s="557"/>
      <c r="BQ32" s="84"/>
      <c r="BR32" s="295"/>
      <c r="BS32" s="296"/>
      <c r="BT32" s="296"/>
      <c r="BU32" s="296"/>
      <c r="BV32" s="296"/>
      <c r="BW32" s="296"/>
      <c r="BX32" s="297"/>
      <c r="BY32" s="295"/>
      <c r="BZ32" s="296"/>
      <c r="CA32" s="296"/>
      <c r="CB32" s="296"/>
      <c r="CC32" s="296"/>
      <c r="CD32" s="296"/>
      <c r="CE32" s="296"/>
      <c r="CF32" s="296"/>
      <c r="CG32" s="297"/>
      <c r="CH32" s="287"/>
      <c r="CI32" s="287"/>
      <c r="CJ32" s="287"/>
      <c r="CK32" s="287"/>
      <c r="CL32" s="287"/>
      <c r="CM32" s="287"/>
      <c r="CQ32" s="3" ph="1"/>
      <c r="CR32" s="3" ph="1"/>
      <c r="CS32" s="3" ph="1"/>
      <c r="CT32" s="3" ph="1"/>
      <c r="CU32" s="3" ph="1"/>
      <c r="CV32" s="3" ph="1"/>
    </row>
    <row r="33" spans="1:100" ht="17.25" customHeight="1" x14ac:dyDescent="0.15">
      <c r="A33" s="472"/>
      <c r="B33" s="473"/>
      <c r="C33" s="473"/>
      <c r="D33" s="473"/>
      <c r="E33" s="473"/>
      <c r="F33" s="473"/>
      <c r="G33" s="473"/>
      <c r="H33" s="473"/>
      <c r="I33" s="473"/>
      <c r="J33" s="473"/>
      <c r="K33" s="473"/>
      <c r="L33" s="473"/>
      <c r="M33" s="473"/>
      <c r="N33" s="473"/>
      <c r="O33" s="473"/>
      <c r="P33" s="473"/>
      <c r="Q33" s="473"/>
      <c r="R33" s="473"/>
      <c r="S33" s="473"/>
      <c r="T33" s="473"/>
      <c r="U33" s="473"/>
      <c r="V33" s="473"/>
      <c r="W33" s="473"/>
      <c r="X33" s="473"/>
      <c r="Y33" s="473"/>
      <c r="Z33" s="473"/>
      <c r="AA33" s="473"/>
      <c r="AB33" s="473"/>
      <c r="AC33" s="473"/>
      <c r="AD33" s="473"/>
      <c r="AE33" s="473"/>
      <c r="AF33" s="473"/>
      <c r="AG33" s="473"/>
      <c r="AH33" s="473"/>
      <c r="AI33" s="473"/>
      <c r="AJ33" s="473"/>
      <c r="AK33" s="473"/>
      <c r="AL33" s="474"/>
      <c r="AM33" s="5"/>
      <c r="AN33" s="40" t="s">
        <v>16</v>
      </c>
      <c r="AO33" s="860" t="s">
        <v>1096</v>
      </c>
      <c r="AP33" s="860"/>
      <c r="AQ33" s="860"/>
      <c r="AR33" s="860"/>
      <c r="AS33" s="860"/>
      <c r="AT33" s="860"/>
      <c r="AU33" s="860"/>
      <c r="AV33" s="860"/>
      <c r="AW33" s="860"/>
      <c r="AX33" s="860"/>
      <c r="AY33" s="860"/>
      <c r="AZ33" s="860"/>
      <c r="BA33" s="860"/>
      <c r="BB33" s="860"/>
      <c r="BC33" s="860"/>
      <c r="BD33" s="860"/>
      <c r="BE33" s="860"/>
      <c r="BF33" s="860"/>
      <c r="BG33" s="860"/>
      <c r="BH33" s="860"/>
      <c r="BI33" s="860"/>
      <c r="BJ33" s="860"/>
      <c r="BK33" s="860"/>
      <c r="BL33" s="860"/>
      <c r="BM33" s="860"/>
      <c r="BN33" s="860"/>
      <c r="BO33" s="860"/>
      <c r="BP33" s="861"/>
      <c r="BQ33" s="171"/>
      <c r="BR33" s="292" t="s">
        <v>267</v>
      </c>
      <c r="BS33" s="293"/>
      <c r="BT33" s="293"/>
      <c r="BU33" s="293"/>
      <c r="BV33" s="293"/>
      <c r="BW33" s="293"/>
      <c r="BX33" s="294"/>
      <c r="BY33" s="284">
        <v>146</v>
      </c>
      <c r="BZ33" s="285"/>
      <c r="CA33" s="285"/>
      <c r="CB33" s="285"/>
      <c r="CC33" s="285"/>
      <c r="CD33" s="285"/>
      <c r="CE33" s="285"/>
      <c r="CF33" s="285"/>
      <c r="CG33" s="288"/>
      <c r="CH33" s="286">
        <v>1.0749500000000001</v>
      </c>
      <c r="CI33" s="286"/>
      <c r="CJ33" s="286"/>
      <c r="CK33" s="286"/>
      <c r="CL33" s="286"/>
      <c r="CM33" s="286"/>
      <c r="CQ33" s="3" ph="1"/>
      <c r="CR33" s="3" ph="1"/>
      <c r="CS33" s="3" ph="1"/>
      <c r="CT33" s="3" ph="1"/>
      <c r="CU33" s="3" ph="1"/>
      <c r="CV33" s="3" ph="1"/>
    </row>
    <row r="34" spans="1:100" ht="17.25" customHeight="1" x14ac:dyDescent="0.15">
      <c r="A34" s="255" t="s">
        <v>274</v>
      </c>
      <c r="B34" s="255"/>
      <c r="C34" s="255"/>
      <c r="D34" s="255"/>
      <c r="E34" s="255"/>
      <c r="F34" s="255"/>
      <c r="G34" s="255"/>
      <c r="H34" s="255"/>
      <c r="I34" s="255"/>
      <c r="J34" s="255"/>
      <c r="K34" s="255"/>
      <c r="L34" s="255"/>
      <c r="M34" s="255"/>
      <c r="N34" s="145"/>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11" t="s">
        <v>969</v>
      </c>
      <c r="B35" s="312"/>
      <c r="C35" s="312"/>
      <c r="D35" s="312"/>
      <c r="E35" s="312"/>
      <c r="F35" s="312"/>
      <c r="G35" s="312"/>
      <c r="H35" s="312"/>
      <c r="I35" s="312"/>
      <c r="J35" s="312"/>
      <c r="K35" s="312"/>
      <c r="L35" s="312"/>
      <c r="M35" s="313"/>
      <c r="N35" s="62"/>
      <c r="O35" s="973" t="s">
        <v>144</v>
      </c>
      <c r="P35" s="974"/>
      <c r="Q35" s="974"/>
      <c r="R35" s="974"/>
      <c r="S35" s="974"/>
      <c r="T35" s="974"/>
      <c r="U35" s="974"/>
      <c r="V35" s="974"/>
      <c r="W35" s="974"/>
      <c r="X35" s="974"/>
      <c r="Y35" s="974"/>
      <c r="Z35" s="974"/>
      <c r="AA35" s="974"/>
      <c r="AB35" s="974"/>
      <c r="AC35" s="974"/>
      <c r="AD35" s="974"/>
      <c r="AE35" s="974"/>
      <c r="AF35" s="974"/>
      <c r="AG35" s="974"/>
      <c r="AH35" s="974"/>
      <c r="AI35" s="974"/>
      <c r="AJ35" s="974"/>
      <c r="AK35" s="974"/>
      <c r="AL35" s="975"/>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935</v>
      </c>
      <c r="BZ35" s="681"/>
      <c r="CA35" s="682"/>
      <c r="CB35" s="682"/>
      <c r="CC35" s="682"/>
      <c r="CD35" s="682"/>
      <c r="CE35" s="682"/>
      <c r="CF35" s="682"/>
      <c r="CG35" s="682"/>
      <c r="CH35" s="683">
        <v>14.2468</v>
      </c>
      <c r="CI35" s="683"/>
      <c r="CJ35" s="683"/>
      <c r="CK35" s="683"/>
      <c r="CL35" s="683"/>
      <c r="CM35" s="683"/>
      <c r="CQ35" s="3" ph="1"/>
    </row>
    <row r="36" spans="1:100" ht="17.25" customHeight="1" x14ac:dyDescent="0.15">
      <c r="A36" s="251">
        <v>33909</v>
      </c>
      <c r="B36" s="252"/>
      <c r="C36" s="252"/>
      <c r="D36" s="252"/>
      <c r="E36" s="252"/>
      <c r="F36" s="252"/>
      <c r="G36" s="252"/>
      <c r="H36" s="252"/>
      <c r="I36" s="252"/>
      <c r="J36" s="252"/>
      <c r="K36" s="252"/>
      <c r="L36" s="252"/>
      <c r="M36" s="253"/>
      <c r="N36" s="165"/>
      <c r="O36" s="813" t="s">
        <v>230</v>
      </c>
      <c r="P36" s="1226"/>
      <c r="Q36" s="1226"/>
      <c r="R36" s="1226"/>
      <c r="S36" s="1226"/>
      <c r="T36" s="1226"/>
      <c r="U36" s="1226"/>
      <c r="V36" s="1226"/>
      <c r="W36" s="1226"/>
      <c r="X36" s="1226"/>
      <c r="Y36" s="1226"/>
      <c r="Z36" s="1226"/>
      <c r="AA36" s="1226"/>
      <c r="AB36" s="1226"/>
      <c r="AC36" s="1226"/>
      <c r="AD36" s="1226"/>
      <c r="AE36" s="1226"/>
      <c r="AF36" s="1226"/>
      <c r="AG36" s="1226"/>
      <c r="AH36" s="1226"/>
      <c r="AI36" s="1226"/>
      <c r="AJ36" s="1226"/>
      <c r="AK36" s="1226"/>
      <c r="AL36" s="1227"/>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24"/>
      <c r="B37" s="692"/>
      <c r="C37" s="692"/>
      <c r="D37" s="692"/>
      <c r="E37" s="692"/>
      <c r="F37" s="692"/>
      <c r="G37" s="692"/>
      <c r="H37" s="692"/>
      <c r="I37" s="692"/>
      <c r="J37" s="692"/>
      <c r="K37" s="692"/>
      <c r="L37" s="692"/>
      <c r="M37" s="693"/>
      <c r="N37" s="172"/>
      <c r="O37" s="813" t="s">
        <v>209</v>
      </c>
      <c r="P37" s="1226"/>
      <c r="Q37" s="1226"/>
      <c r="R37" s="1226"/>
      <c r="S37" s="1226"/>
      <c r="T37" s="1226"/>
      <c r="U37" s="1226"/>
      <c r="V37" s="1226"/>
      <c r="W37" s="1226"/>
      <c r="X37" s="1226"/>
      <c r="Y37" s="1226"/>
      <c r="Z37" s="1226"/>
      <c r="AA37" s="1226"/>
      <c r="AB37" s="1226"/>
      <c r="AC37" s="1226"/>
      <c r="AD37" s="1226"/>
      <c r="AE37" s="1226"/>
      <c r="AF37" s="1226"/>
      <c r="AG37" s="1226"/>
      <c r="AH37" s="1226"/>
      <c r="AI37" s="1226"/>
      <c r="AJ37" s="1226"/>
      <c r="AK37" s="1226"/>
      <c r="AL37" s="1227"/>
      <c r="AM37" s="5"/>
      <c r="AN37" s="287" t="s">
        <v>399</v>
      </c>
      <c r="AO37" s="287"/>
      <c r="AP37" s="287"/>
      <c r="AQ37" s="287"/>
      <c r="AR37" s="287"/>
      <c r="AS37" s="287"/>
      <c r="AT37" s="287"/>
      <c r="AU37" s="287"/>
      <c r="AV37" s="287"/>
      <c r="AW37" s="681">
        <v>32096</v>
      </c>
      <c r="AX37" s="681"/>
      <c r="AY37" s="681"/>
      <c r="AZ37" s="681"/>
      <c r="BA37" s="681"/>
      <c r="BB37" s="681"/>
      <c r="BC37" s="681"/>
      <c r="BD37" s="681"/>
      <c r="BE37" s="681"/>
      <c r="BF37" s="681"/>
      <c r="BG37" s="681">
        <v>12580</v>
      </c>
      <c r="BH37" s="681"/>
      <c r="BI37" s="681"/>
      <c r="BJ37" s="681"/>
      <c r="BK37" s="681"/>
      <c r="BL37" s="681"/>
      <c r="BM37" s="681"/>
      <c r="BN37" s="681"/>
      <c r="BO37" s="681"/>
      <c r="BP37" s="681"/>
      <c r="BQ37" s="149"/>
      <c r="BR37" s="680" t="s">
        <v>273</v>
      </c>
      <c r="BS37" s="680"/>
      <c r="BT37" s="680"/>
      <c r="BU37" s="680"/>
      <c r="BV37" s="680"/>
      <c r="BW37" s="680"/>
      <c r="BX37" s="680"/>
      <c r="BY37" s="681">
        <v>11501</v>
      </c>
      <c r="BZ37" s="681"/>
      <c r="CA37" s="682"/>
      <c r="CB37" s="682"/>
      <c r="CC37" s="682"/>
      <c r="CD37" s="682"/>
      <c r="CE37" s="682"/>
      <c r="CF37" s="682"/>
      <c r="CG37" s="682"/>
      <c r="CH37" s="683">
        <v>84.678250000000006</v>
      </c>
      <c r="CI37" s="683"/>
      <c r="CJ37" s="683"/>
      <c r="CK37" s="683"/>
      <c r="CL37" s="683"/>
      <c r="CM37" s="683"/>
      <c r="CQ37" s="3" ph="1"/>
    </row>
    <row r="38" spans="1:100" ht="17.25" customHeight="1" x14ac:dyDescent="0.15">
      <c r="A38" s="251"/>
      <c r="B38" s="690"/>
      <c r="C38" s="690"/>
      <c r="D38" s="690"/>
      <c r="E38" s="690"/>
      <c r="F38" s="690"/>
      <c r="G38" s="690"/>
      <c r="H38" s="690"/>
      <c r="I38" s="690"/>
      <c r="J38" s="690"/>
      <c r="K38" s="690"/>
      <c r="L38" s="690"/>
      <c r="M38" s="691"/>
      <c r="N38" s="173"/>
      <c r="O38" s="813" t="s">
        <v>146</v>
      </c>
      <c r="P38" s="1226"/>
      <c r="Q38" s="1226"/>
      <c r="R38" s="1226"/>
      <c r="S38" s="1226"/>
      <c r="T38" s="1226"/>
      <c r="U38" s="1226"/>
      <c r="V38" s="1226"/>
      <c r="W38" s="1226"/>
      <c r="X38" s="1226"/>
      <c r="Y38" s="1226"/>
      <c r="Z38" s="1226"/>
      <c r="AA38" s="1226"/>
      <c r="AB38" s="1226"/>
      <c r="AC38" s="1226"/>
      <c r="AD38" s="1226"/>
      <c r="AE38" s="1226"/>
      <c r="AF38" s="1226"/>
      <c r="AG38" s="1226"/>
      <c r="AH38" s="1226"/>
      <c r="AI38" s="1226"/>
      <c r="AJ38" s="1226"/>
      <c r="AK38" s="1226"/>
      <c r="AL38" s="1227"/>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324"/>
      <c r="B39" s="692"/>
      <c r="C39" s="692"/>
      <c r="D39" s="692"/>
      <c r="E39" s="692"/>
      <c r="F39" s="692"/>
      <c r="G39" s="692"/>
      <c r="H39" s="692"/>
      <c r="I39" s="692"/>
      <c r="J39" s="692"/>
      <c r="K39" s="692"/>
      <c r="L39" s="692"/>
      <c r="M39" s="693"/>
      <c r="N39" s="173"/>
      <c r="O39" s="782" t="s">
        <v>318</v>
      </c>
      <c r="P39" s="1226"/>
      <c r="Q39" s="1226"/>
      <c r="R39" s="1226"/>
      <c r="S39" s="1226"/>
      <c r="T39" s="1226"/>
      <c r="U39" s="1226"/>
      <c r="V39" s="1226"/>
      <c r="W39" s="1226"/>
      <c r="X39" s="1226"/>
      <c r="Y39" s="1226"/>
      <c r="Z39" s="1226"/>
      <c r="AA39" s="1226"/>
      <c r="AB39" s="1226"/>
      <c r="AC39" s="1226"/>
      <c r="AD39" s="1226"/>
      <c r="AE39" s="1226"/>
      <c r="AF39" s="1226"/>
      <c r="AG39" s="1226"/>
      <c r="AH39" s="1226"/>
      <c r="AI39" s="1226"/>
      <c r="AJ39" s="1226"/>
      <c r="AK39" s="1226"/>
      <c r="AL39" s="1227"/>
      <c r="AM39" s="5"/>
      <c r="AN39" s="300" t="s">
        <v>1059</v>
      </c>
      <c r="AO39" s="300"/>
      <c r="AP39" s="300"/>
      <c r="AQ39" s="300"/>
      <c r="AR39" s="300"/>
      <c r="AS39" s="300"/>
      <c r="AT39" s="300"/>
      <c r="AU39" s="300"/>
      <c r="AV39" s="300"/>
      <c r="AW39" s="681">
        <v>31665</v>
      </c>
      <c r="AX39" s="681"/>
      <c r="AY39" s="681"/>
      <c r="AZ39" s="682"/>
      <c r="BA39" s="682"/>
      <c r="BB39" s="682"/>
      <c r="BC39" s="682"/>
      <c r="BD39" s="682"/>
      <c r="BE39" s="682"/>
      <c r="BF39" s="682"/>
      <c r="BG39" s="681">
        <v>12932</v>
      </c>
      <c r="BH39" s="681"/>
      <c r="BI39" s="681"/>
      <c r="BJ39" s="681"/>
      <c r="BK39" s="681"/>
      <c r="BL39" s="681"/>
      <c r="BM39" s="681"/>
      <c r="BN39" s="681"/>
      <c r="BO39" s="681"/>
      <c r="BP39" s="681"/>
      <c r="BQ39" s="149"/>
      <c r="BR39" s="301" t="s">
        <v>1119</v>
      </c>
      <c r="BS39" s="293"/>
      <c r="BT39" s="293"/>
      <c r="BU39" s="293"/>
      <c r="BV39" s="293"/>
      <c r="BW39" s="293"/>
      <c r="BX39" s="294"/>
      <c r="BY39" s="681">
        <v>13996</v>
      </c>
      <c r="BZ39" s="681"/>
      <c r="CA39" s="682"/>
      <c r="CB39" s="682"/>
      <c r="CC39" s="682"/>
      <c r="CD39" s="682"/>
      <c r="CE39" s="682"/>
      <c r="CF39" s="682"/>
      <c r="CG39" s="682"/>
      <c r="CH39" s="683">
        <v>100</v>
      </c>
      <c r="CI39" s="683"/>
      <c r="CJ39" s="683"/>
      <c r="CK39" s="683"/>
      <c r="CL39" s="683"/>
      <c r="CM39" s="683"/>
    </row>
    <row r="40" spans="1:100" ht="17.25" customHeight="1" x14ac:dyDescent="0.15">
      <c r="A40" s="251"/>
      <c r="B40" s="690"/>
      <c r="C40" s="690"/>
      <c r="D40" s="690"/>
      <c r="E40" s="690"/>
      <c r="F40" s="690"/>
      <c r="G40" s="690"/>
      <c r="H40" s="690"/>
      <c r="I40" s="690"/>
      <c r="J40" s="690"/>
      <c r="K40" s="690"/>
      <c r="L40" s="690"/>
      <c r="M40" s="691"/>
      <c r="N40" s="173"/>
      <c r="O40" s="813" t="s">
        <v>426</v>
      </c>
      <c r="P40" s="1226"/>
      <c r="Q40" s="1226"/>
      <c r="R40" s="1226"/>
      <c r="S40" s="1226"/>
      <c r="T40" s="1226"/>
      <c r="U40" s="1226"/>
      <c r="V40" s="1226"/>
      <c r="W40" s="1226"/>
      <c r="X40" s="1226"/>
      <c r="Y40" s="1226"/>
      <c r="Z40" s="1226"/>
      <c r="AA40" s="1226"/>
      <c r="AB40" s="1226"/>
      <c r="AC40" s="1226"/>
      <c r="AD40" s="1226"/>
      <c r="AE40" s="1226"/>
      <c r="AF40" s="1226"/>
      <c r="AG40" s="1226"/>
      <c r="AH40" s="1226"/>
      <c r="AI40" s="1226"/>
      <c r="AJ40" s="1226"/>
      <c r="AK40" s="1226"/>
      <c r="AL40" s="1227"/>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324"/>
      <c r="B41" s="692"/>
      <c r="C41" s="692"/>
      <c r="D41" s="692"/>
      <c r="E41" s="692"/>
      <c r="F41" s="692"/>
      <c r="G41" s="692"/>
      <c r="H41" s="692"/>
      <c r="I41" s="692"/>
      <c r="J41" s="692"/>
      <c r="K41" s="692"/>
      <c r="L41" s="692"/>
      <c r="M41" s="693"/>
      <c r="N41" s="172"/>
      <c r="O41" s="771" t="s">
        <v>502</v>
      </c>
      <c r="P41" s="772"/>
      <c r="Q41" s="772"/>
      <c r="R41" s="772"/>
      <c r="S41" s="772"/>
      <c r="T41" s="772"/>
      <c r="U41" s="772"/>
      <c r="V41" s="772"/>
      <c r="W41" s="772"/>
      <c r="X41" s="772"/>
      <c r="Y41" s="772"/>
      <c r="Z41" s="772"/>
      <c r="AA41" s="772"/>
      <c r="AB41" s="772"/>
      <c r="AC41" s="772"/>
      <c r="AD41" s="772"/>
      <c r="AE41" s="772"/>
      <c r="AF41" s="772"/>
      <c r="AG41" s="772"/>
      <c r="AH41" s="772"/>
      <c r="AI41" s="772"/>
      <c r="AJ41" s="772"/>
      <c r="AK41" s="772"/>
      <c r="AL41" s="773"/>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c r="B42" s="690"/>
      <c r="C42" s="690"/>
      <c r="D42" s="690"/>
      <c r="E42" s="690"/>
      <c r="F42" s="690"/>
      <c r="G42" s="690"/>
      <c r="H42" s="690"/>
      <c r="I42" s="690"/>
      <c r="J42" s="690"/>
      <c r="K42" s="690"/>
      <c r="L42" s="690"/>
      <c r="M42" s="691"/>
      <c r="N42" s="173"/>
      <c r="O42" s="813" t="s">
        <v>1238</v>
      </c>
      <c r="P42" s="1226"/>
      <c r="Q42" s="1226"/>
      <c r="R42" s="1226"/>
      <c r="S42" s="1226"/>
      <c r="T42" s="1226"/>
      <c r="U42" s="1226"/>
      <c r="V42" s="1226"/>
      <c r="W42" s="1226"/>
      <c r="X42" s="1226"/>
      <c r="Y42" s="1226"/>
      <c r="Z42" s="1226"/>
      <c r="AA42" s="1226"/>
      <c r="AB42" s="1226"/>
      <c r="AC42" s="1226"/>
      <c r="AD42" s="1226"/>
      <c r="AE42" s="1226"/>
      <c r="AF42" s="1226"/>
      <c r="AG42" s="1226"/>
      <c r="AH42" s="1226"/>
      <c r="AI42" s="1226"/>
      <c r="AJ42" s="1226"/>
      <c r="AK42" s="1226"/>
      <c r="AL42" s="1227"/>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324"/>
      <c r="B43" s="692"/>
      <c r="C43" s="692"/>
      <c r="D43" s="692"/>
      <c r="E43" s="692"/>
      <c r="F43" s="692"/>
      <c r="G43" s="692"/>
      <c r="H43" s="692"/>
      <c r="I43" s="692"/>
      <c r="J43" s="692"/>
      <c r="K43" s="692"/>
      <c r="L43" s="692"/>
      <c r="M43" s="693"/>
      <c r="N43" s="140"/>
      <c r="O43" s="813" t="s">
        <v>970</v>
      </c>
      <c r="P43" s="1226"/>
      <c r="Q43" s="1226"/>
      <c r="R43" s="1226"/>
      <c r="S43" s="1226"/>
      <c r="T43" s="1226"/>
      <c r="U43" s="1226"/>
      <c r="V43" s="1226"/>
      <c r="W43" s="1226"/>
      <c r="X43" s="1226"/>
      <c r="Y43" s="1226"/>
      <c r="Z43" s="1226"/>
      <c r="AA43" s="1226"/>
      <c r="AB43" s="1226"/>
      <c r="AC43" s="1226"/>
      <c r="AD43" s="1226"/>
      <c r="AE43" s="1226"/>
      <c r="AF43" s="1226"/>
      <c r="AG43" s="1226"/>
      <c r="AH43" s="1226"/>
      <c r="AI43" s="1226"/>
      <c r="AJ43" s="1226"/>
      <c r="AK43" s="1226"/>
      <c r="AL43" s="1227"/>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c r="B44" s="690"/>
      <c r="C44" s="690"/>
      <c r="D44" s="690"/>
      <c r="E44" s="690"/>
      <c r="F44" s="690"/>
      <c r="G44" s="690"/>
      <c r="H44" s="690"/>
      <c r="I44" s="690"/>
      <c r="J44" s="690"/>
      <c r="K44" s="690"/>
      <c r="L44" s="690"/>
      <c r="M44" s="691"/>
      <c r="N44" s="84"/>
      <c r="O44" s="813" t="s">
        <v>453</v>
      </c>
      <c r="P44" s="1226"/>
      <c r="Q44" s="1226"/>
      <c r="R44" s="1226"/>
      <c r="S44" s="1226"/>
      <c r="T44" s="1226"/>
      <c r="U44" s="1226"/>
      <c r="V44" s="1226"/>
      <c r="W44" s="1226"/>
      <c r="X44" s="1226"/>
      <c r="Y44" s="1226"/>
      <c r="Z44" s="1226"/>
      <c r="AA44" s="1226"/>
      <c r="AB44" s="1226"/>
      <c r="AC44" s="1226"/>
      <c r="AD44" s="1226"/>
      <c r="AE44" s="1226"/>
      <c r="AF44" s="1226"/>
      <c r="AG44" s="1226"/>
      <c r="AH44" s="1226"/>
      <c r="AI44" s="1226"/>
      <c r="AJ44" s="1226"/>
      <c r="AK44" s="1226"/>
      <c r="AL44" s="1227"/>
      <c r="AM44" s="5"/>
      <c r="AN44" s="764">
        <v>1858.3</v>
      </c>
      <c r="AO44" s="765"/>
      <c r="AP44" s="765"/>
      <c r="AQ44" s="765"/>
      <c r="AR44" s="765"/>
      <c r="AS44" s="727" t="s">
        <v>383</v>
      </c>
      <c r="AT44" s="727"/>
      <c r="AU44" s="727"/>
      <c r="AV44" s="728"/>
      <c r="AW44" s="710">
        <v>32.299999999999997</v>
      </c>
      <c r="AX44" s="711"/>
      <c r="AY44" s="711"/>
      <c r="AZ44" s="711"/>
      <c r="BA44" s="711"/>
      <c r="BB44" s="711"/>
      <c r="BC44" s="706" t="s">
        <v>384</v>
      </c>
      <c r="BD44" s="706"/>
      <c r="BE44" s="706"/>
      <c r="BF44" s="707"/>
      <c r="BG44" s="764">
        <v>77.8</v>
      </c>
      <c r="BH44" s="765"/>
      <c r="BI44" s="765"/>
      <c r="BJ44" s="765"/>
      <c r="BK44" s="765"/>
      <c r="BL44" s="765"/>
      <c r="BM44" s="706" t="s">
        <v>384</v>
      </c>
      <c r="BN44" s="706"/>
      <c r="BO44" s="706"/>
      <c r="BP44" s="707"/>
      <c r="BQ44" s="130"/>
      <c r="BR44" s="714">
        <v>17.04</v>
      </c>
      <c r="BS44" s="715"/>
      <c r="BT44" s="715"/>
      <c r="BU44" s="715"/>
      <c r="BV44" s="715"/>
      <c r="BW44" s="715"/>
      <c r="BX44" s="715"/>
      <c r="BY44" s="696" t="s">
        <v>385</v>
      </c>
      <c r="BZ44" s="696"/>
      <c r="CA44" s="696"/>
      <c r="CB44" s="697"/>
      <c r="CC44" s="718">
        <v>513</v>
      </c>
      <c r="CD44" s="719"/>
      <c r="CE44" s="719"/>
      <c r="CF44" s="719"/>
      <c r="CG44" s="719"/>
      <c r="CH44" s="719"/>
      <c r="CI44" s="719"/>
      <c r="CJ44" s="696" t="s">
        <v>386</v>
      </c>
      <c r="CK44" s="696"/>
      <c r="CL44" s="696"/>
      <c r="CM44" s="697"/>
    </row>
    <row r="45" spans="1:100" ht="17.25" customHeight="1" x14ac:dyDescent="0.15">
      <c r="A45" s="324"/>
      <c r="B45" s="692"/>
      <c r="C45" s="692"/>
      <c r="D45" s="692"/>
      <c r="E45" s="692"/>
      <c r="F45" s="692"/>
      <c r="G45" s="692"/>
      <c r="H45" s="692"/>
      <c r="I45" s="692"/>
      <c r="J45" s="692"/>
      <c r="K45" s="692"/>
      <c r="L45" s="692"/>
      <c r="M45" s="693"/>
      <c r="N45" s="84"/>
      <c r="O45" s="1075"/>
      <c r="P45" s="934"/>
      <c r="Q45" s="934"/>
      <c r="R45" s="934"/>
      <c r="S45" s="934"/>
      <c r="T45" s="934"/>
      <c r="U45" s="934"/>
      <c r="V45" s="934"/>
      <c r="W45" s="934"/>
      <c r="X45" s="934"/>
      <c r="Y45" s="934"/>
      <c r="Z45" s="934"/>
      <c r="AA45" s="934"/>
      <c r="AB45" s="934"/>
      <c r="AC45" s="934"/>
      <c r="AD45" s="934"/>
      <c r="AE45" s="934"/>
      <c r="AF45" s="934"/>
      <c r="AG45" s="934"/>
      <c r="AH45" s="934"/>
      <c r="AI45" s="934"/>
      <c r="AJ45" s="934"/>
      <c r="AK45" s="934"/>
      <c r="AL45" s="935"/>
      <c r="AM45" s="5"/>
      <c r="AN45" s="766"/>
      <c r="AO45" s="767"/>
      <c r="AP45" s="767"/>
      <c r="AQ45" s="767"/>
      <c r="AR45" s="767"/>
      <c r="AS45" s="282"/>
      <c r="AT45" s="282"/>
      <c r="AU45" s="282"/>
      <c r="AV45" s="283"/>
      <c r="AW45" s="712"/>
      <c r="AX45" s="713"/>
      <c r="AY45" s="713"/>
      <c r="AZ45" s="713"/>
      <c r="BA45" s="713"/>
      <c r="BB45" s="713"/>
      <c r="BC45" s="708"/>
      <c r="BD45" s="708"/>
      <c r="BE45" s="708"/>
      <c r="BF45" s="709"/>
      <c r="BG45" s="766"/>
      <c r="BH45" s="767"/>
      <c r="BI45" s="767"/>
      <c r="BJ45" s="767"/>
      <c r="BK45" s="767"/>
      <c r="BL45" s="767"/>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c r="B46" s="690"/>
      <c r="C46" s="690"/>
      <c r="D46" s="690"/>
      <c r="E46" s="690"/>
      <c r="F46" s="690"/>
      <c r="G46" s="690"/>
      <c r="H46" s="690"/>
      <c r="I46" s="690"/>
      <c r="J46" s="690"/>
      <c r="K46" s="690"/>
      <c r="L46" s="690"/>
      <c r="M46" s="691"/>
      <c r="N46" s="84"/>
      <c r="O46" s="813" t="s">
        <v>520</v>
      </c>
      <c r="P46" s="1226"/>
      <c r="Q46" s="1226"/>
      <c r="R46" s="1226"/>
      <c r="S46" s="1226"/>
      <c r="T46" s="1226"/>
      <c r="U46" s="1226"/>
      <c r="V46" s="1226"/>
      <c r="W46" s="1226"/>
      <c r="X46" s="1226"/>
      <c r="Y46" s="1226"/>
      <c r="Z46" s="1226"/>
      <c r="AA46" s="1226"/>
      <c r="AB46" s="1226"/>
      <c r="AC46" s="1226"/>
      <c r="AD46" s="1226"/>
      <c r="AE46" s="1226"/>
      <c r="AF46" s="1226"/>
      <c r="AG46" s="1226"/>
      <c r="AH46" s="1226"/>
      <c r="AI46" s="1226"/>
      <c r="AJ46" s="1226"/>
      <c r="AK46" s="1226"/>
      <c r="AL46" s="1227"/>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324"/>
      <c r="B47" s="692"/>
      <c r="C47" s="692"/>
      <c r="D47" s="692"/>
      <c r="E47" s="692"/>
      <c r="F47" s="692"/>
      <c r="G47" s="692"/>
      <c r="H47" s="692"/>
      <c r="I47" s="692"/>
      <c r="J47" s="692"/>
      <c r="K47" s="692"/>
      <c r="L47" s="692"/>
      <c r="M47" s="693"/>
      <c r="N47" s="84"/>
      <c r="O47" s="813" t="s">
        <v>520</v>
      </c>
      <c r="P47" s="1226"/>
      <c r="Q47" s="1226"/>
      <c r="R47" s="1226"/>
      <c r="S47" s="1226"/>
      <c r="T47" s="1226"/>
      <c r="U47" s="1226"/>
      <c r="V47" s="1226"/>
      <c r="W47" s="1226"/>
      <c r="X47" s="1226"/>
      <c r="Y47" s="1226"/>
      <c r="Z47" s="1226"/>
      <c r="AA47" s="1226"/>
      <c r="AB47" s="1226"/>
      <c r="AC47" s="1226"/>
      <c r="AD47" s="1226"/>
      <c r="AE47" s="1226"/>
      <c r="AF47" s="1226"/>
      <c r="AG47" s="1226"/>
      <c r="AH47" s="1226"/>
      <c r="AI47" s="1226"/>
      <c r="AJ47" s="1226"/>
      <c r="AK47" s="1226"/>
      <c r="AL47" s="1227"/>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690"/>
      <c r="C48" s="690"/>
      <c r="D48" s="690"/>
      <c r="E48" s="690"/>
      <c r="F48" s="690"/>
      <c r="G48" s="690"/>
      <c r="H48" s="690"/>
      <c r="I48" s="690"/>
      <c r="J48" s="690"/>
      <c r="K48" s="690"/>
      <c r="L48" s="690"/>
      <c r="M48" s="691"/>
      <c r="N48" s="84"/>
      <c r="O48" s="813" t="s">
        <v>520</v>
      </c>
      <c r="P48" s="1226"/>
      <c r="Q48" s="1226"/>
      <c r="R48" s="1226"/>
      <c r="S48" s="1226"/>
      <c r="T48" s="1226"/>
      <c r="U48" s="1226"/>
      <c r="V48" s="1226"/>
      <c r="W48" s="1226"/>
      <c r="X48" s="1226"/>
      <c r="Y48" s="1226"/>
      <c r="Z48" s="1226"/>
      <c r="AA48" s="1226"/>
      <c r="AB48" s="1226"/>
      <c r="AC48" s="1226"/>
      <c r="AD48" s="1226"/>
      <c r="AE48" s="1226"/>
      <c r="AF48" s="1226"/>
      <c r="AG48" s="1226"/>
      <c r="AH48" s="1226"/>
      <c r="AI48" s="1226"/>
      <c r="AJ48" s="1226"/>
      <c r="AK48" s="1226"/>
      <c r="AL48" s="1227"/>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76"/>
      <c r="O49" s="813" t="s">
        <v>520</v>
      </c>
      <c r="P49" s="1226"/>
      <c r="Q49" s="1226"/>
      <c r="R49" s="1226"/>
      <c r="S49" s="1226"/>
      <c r="T49" s="1226"/>
      <c r="U49" s="1226"/>
      <c r="V49" s="1226"/>
      <c r="W49" s="1226"/>
      <c r="X49" s="1226"/>
      <c r="Y49" s="1226"/>
      <c r="Z49" s="1226"/>
      <c r="AA49" s="1226"/>
      <c r="AB49" s="1226"/>
      <c r="AC49" s="1226"/>
      <c r="AD49" s="1226"/>
      <c r="AE49" s="1226"/>
      <c r="AF49" s="1226"/>
      <c r="AG49" s="1226"/>
      <c r="AH49" s="1226"/>
      <c r="AI49" s="1226"/>
      <c r="AJ49" s="1226"/>
      <c r="AK49" s="1226"/>
      <c r="AL49" s="1227"/>
      <c r="AM49" s="5"/>
      <c r="AN49" s="223">
        <v>7659.2420000000002</v>
      </c>
      <c r="AO49" s="224"/>
      <c r="AP49" s="224"/>
      <c r="AQ49" s="224"/>
      <c r="AR49" s="224"/>
      <c r="AS49" s="224"/>
      <c r="AT49" s="225"/>
      <c r="AU49" s="229">
        <v>0.80100000000000005</v>
      </c>
      <c r="AV49" s="230"/>
      <c r="AW49" s="230"/>
      <c r="AX49" s="230"/>
      <c r="AY49" s="231"/>
      <c r="AZ49" s="210">
        <v>5</v>
      </c>
      <c r="BA49" s="211"/>
      <c r="BB49" s="211"/>
      <c r="BC49" s="211"/>
      <c r="BD49" s="212"/>
      <c r="BE49" s="210">
        <v>-2.7</v>
      </c>
      <c r="BF49" s="211"/>
      <c r="BG49" s="211"/>
      <c r="BH49" s="211"/>
      <c r="BI49" s="212"/>
      <c r="BJ49" s="210" t="s">
        <v>227</v>
      </c>
      <c r="BK49" s="211"/>
      <c r="BL49" s="211"/>
      <c r="BM49" s="211"/>
      <c r="BN49" s="212"/>
      <c r="BO49" s="210">
        <v>13.3</v>
      </c>
      <c r="BP49" s="211"/>
      <c r="BQ49" s="211"/>
      <c r="BR49" s="211"/>
      <c r="BS49" s="212"/>
      <c r="BT49" s="210">
        <v>90</v>
      </c>
      <c r="BU49" s="211"/>
      <c r="BV49" s="211"/>
      <c r="BW49" s="211"/>
      <c r="BX49" s="212"/>
      <c r="BY49" s="210">
        <v>15.1</v>
      </c>
      <c r="BZ49" s="211"/>
      <c r="CA49" s="211"/>
      <c r="CB49" s="211"/>
      <c r="CC49" s="212"/>
      <c r="CD49" s="210">
        <v>47.9</v>
      </c>
      <c r="CE49" s="211"/>
      <c r="CF49" s="211"/>
      <c r="CG49" s="211"/>
      <c r="CH49" s="212"/>
      <c r="CI49" s="210">
        <v>61.4</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76"/>
      <c r="O50" s="342" t="s">
        <v>520</v>
      </c>
      <c r="P50" s="1228"/>
      <c r="Q50" s="1228"/>
      <c r="R50" s="1228"/>
      <c r="S50" s="1228"/>
      <c r="T50" s="1228"/>
      <c r="U50" s="1228"/>
      <c r="V50" s="1228"/>
      <c r="W50" s="1228"/>
      <c r="X50" s="1228"/>
      <c r="Y50" s="1228"/>
      <c r="Z50" s="1228"/>
      <c r="AA50" s="1228"/>
      <c r="AB50" s="1228"/>
      <c r="AC50" s="1228"/>
      <c r="AD50" s="1228"/>
      <c r="AE50" s="1228"/>
      <c r="AF50" s="1228"/>
      <c r="AG50" s="1228"/>
      <c r="AH50" s="1228"/>
      <c r="AI50" s="1228"/>
      <c r="AJ50" s="1228"/>
      <c r="AK50" s="1228"/>
      <c r="AL50" s="1229"/>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8">
    <mergeCell ref="AN1:CM1"/>
    <mergeCell ref="AN2:CM14"/>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O12:P21"/>
    <mergeCell ref="Q12:T12"/>
    <mergeCell ref="U12:X12"/>
    <mergeCell ref="Y12:AL12"/>
    <mergeCell ref="A15:E15"/>
    <mergeCell ref="F15:M15"/>
    <mergeCell ref="Q15:T15"/>
    <mergeCell ref="U15:X15"/>
    <mergeCell ref="Y15:AL15"/>
    <mergeCell ref="AN15:CM15"/>
    <mergeCell ref="F13:M14"/>
    <mergeCell ref="Q13:T13"/>
    <mergeCell ref="U13:X13"/>
    <mergeCell ref="Y13:AL13"/>
    <mergeCell ref="A14:E14"/>
    <mergeCell ref="Q14:T14"/>
    <mergeCell ref="U14:X14"/>
    <mergeCell ref="Y14:AL14"/>
    <mergeCell ref="A16:E21"/>
    <mergeCell ref="F16:M16"/>
    <mergeCell ref="Q16:T16"/>
    <mergeCell ref="U16:X16"/>
    <mergeCell ref="Y16:AL16"/>
    <mergeCell ref="AN16:AS17"/>
    <mergeCell ref="F19:M19"/>
    <mergeCell ref="Q19:T19"/>
    <mergeCell ref="U19:X19"/>
    <mergeCell ref="Y19:AL19"/>
    <mergeCell ref="F20:M21"/>
    <mergeCell ref="Q20:T20"/>
    <mergeCell ref="U20:X20"/>
    <mergeCell ref="Y20:AL20"/>
    <mergeCell ref="AN20:AS21"/>
    <mergeCell ref="AT16:CM17"/>
    <mergeCell ref="F17:M18"/>
    <mergeCell ref="Q17:T17"/>
    <mergeCell ref="U17:X17"/>
    <mergeCell ref="Y17:AL17"/>
    <mergeCell ref="Q18:T18"/>
    <mergeCell ref="U18:X18"/>
    <mergeCell ref="Y18:AL18"/>
    <mergeCell ref="AN18:AS19"/>
    <mergeCell ref="AT18:CM19"/>
    <mergeCell ref="AT20:CM21"/>
    <mergeCell ref="Q21:T21"/>
    <mergeCell ref="U21:X21"/>
    <mergeCell ref="Y21:AL21"/>
    <mergeCell ref="AN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AS23"/>
    <mergeCell ref="AT22:CM23"/>
    <mergeCell ref="F23:M24"/>
    <mergeCell ref="Q23:AL23"/>
    <mergeCell ref="O24:P25"/>
    <mergeCell ref="Q24:AL24"/>
    <mergeCell ref="AO27:CM27"/>
    <mergeCell ref="A28:AL28"/>
    <mergeCell ref="AN28:BP28"/>
    <mergeCell ref="A29:AL33"/>
    <mergeCell ref="AO29:BP29"/>
    <mergeCell ref="AO30:BP30"/>
    <mergeCell ref="BY30:CI30"/>
    <mergeCell ref="AO31:BP31"/>
    <mergeCell ref="BR31:BX32"/>
    <mergeCell ref="BY31:CG32"/>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37:M37"/>
    <mergeCell ref="O37:AL37"/>
    <mergeCell ref="AN37:AV38"/>
    <mergeCell ref="AW37:BF38"/>
    <mergeCell ref="BG37:BP38"/>
    <mergeCell ref="BR37:BX38"/>
    <mergeCell ref="BY37:CG38"/>
    <mergeCell ref="CH37:CM38"/>
    <mergeCell ref="A38:M38"/>
    <mergeCell ref="O38:AL38"/>
    <mergeCell ref="A39:M39"/>
    <mergeCell ref="O39:AL39"/>
    <mergeCell ref="AN39:AV40"/>
    <mergeCell ref="AW39:BF40"/>
    <mergeCell ref="BG39:BP40"/>
    <mergeCell ref="BR39:BX40"/>
    <mergeCell ref="BY39:CG40"/>
    <mergeCell ref="CH39:CM40"/>
    <mergeCell ref="A40:M40"/>
    <mergeCell ref="O40:AL40"/>
    <mergeCell ref="A42:M42"/>
    <mergeCell ref="O42:AL42"/>
    <mergeCell ref="AN42:AV43"/>
    <mergeCell ref="AW42:BF43"/>
    <mergeCell ref="A41:M41"/>
    <mergeCell ref="O41:AL41"/>
    <mergeCell ref="AU41:BE41"/>
    <mergeCell ref="BR41:CM41"/>
    <mergeCell ref="A43:M43"/>
    <mergeCell ref="O43:AL43"/>
    <mergeCell ref="BG42:BP43"/>
    <mergeCell ref="BR42:CB43"/>
    <mergeCell ref="CC42:CM43"/>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town.hayama.lg.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0―</oddFooter>
  </headerFooter>
  <drawing r:id="rId3"/>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13" zoomScale="70" zoomScaleNormal="8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468</v>
      </c>
      <c r="B1" s="644" ph="1"/>
      <c r="C1" s="644" ph="1"/>
      <c r="D1" s="644" ph="1"/>
      <c r="E1" s="644" ph="1"/>
      <c r="F1" s="644" ph="1"/>
      <c r="G1" s="644" ph="1"/>
      <c r="H1" s="644" ph="1"/>
      <c r="I1" s="645"/>
      <c r="J1" s="645"/>
      <c r="K1" s="645"/>
      <c r="L1" s="645"/>
      <c r="M1" s="645"/>
      <c r="N1" s="454" t="s">
        <v>469</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235</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1153" t="s">
        <v>971</v>
      </c>
      <c r="AO2" s="1153"/>
      <c r="AP2" s="1153"/>
      <c r="AQ2" s="1153"/>
      <c r="AR2" s="1153"/>
      <c r="AS2" s="1153"/>
      <c r="AT2" s="1153"/>
      <c r="AU2" s="1153"/>
      <c r="AV2" s="1153"/>
      <c r="AW2" s="1153"/>
      <c r="AX2" s="1153"/>
      <c r="AY2" s="1153"/>
      <c r="AZ2" s="1153"/>
      <c r="BA2" s="1153"/>
      <c r="BB2" s="1153"/>
      <c r="BC2" s="1153"/>
      <c r="BD2" s="1153"/>
      <c r="BE2" s="1153"/>
      <c r="BF2" s="1153"/>
      <c r="BG2" s="1153"/>
      <c r="BH2" s="1153"/>
      <c r="BI2" s="1153"/>
      <c r="BJ2" s="1153"/>
      <c r="BK2" s="1153"/>
      <c r="BL2" s="1153"/>
      <c r="BM2" s="1153"/>
      <c r="BN2" s="1153"/>
      <c r="BO2" s="1153"/>
      <c r="BP2" s="1153"/>
      <c r="BQ2" s="1153"/>
      <c r="BR2" s="1153"/>
      <c r="BS2" s="1153"/>
      <c r="BT2" s="1153"/>
      <c r="BU2" s="1153"/>
      <c r="BV2" s="1153"/>
      <c r="BW2" s="1153"/>
      <c r="BX2" s="1153"/>
      <c r="BY2" s="1153"/>
      <c r="BZ2" s="1153"/>
      <c r="CA2" s="1153"/>
      <c r="CB2" s="1153"/>
      <c r="CC2" s="1153"/>
      <c r="CD2" s="1153"/>
      <c r="CE2" s="1153"/>
      <c r="CF2" s="1153"/>
      <c r="CG2" s="1153"/>
      <c r="CH2" s="1153"/>
      <c r="CI2" s="1153"/>
      <c r="CJ2" s="1153"/>
      <c r="CK2" s="1153"/>
      <c r="CL2" s="1153"/>
      <c r="CM2" s="1153"/>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1153"/>
      <c r="AO3" s="1153"/>
      <c r="AP3" s="1153"/>
      <c r="AQ3" s="1153"/>
      <c r="AR3" s="1153"/>
      <c r="AS3" s="1153"/>
      <c r="AT3" s="1153"/>
      <c r="AU3" s="1153"/>
      <c r="AV3" s="1153"/>
      <c r="AW3" s="1153"/>
      <c r="AX3" s="1153"/>
      <c r="AY3" s="1153"/>
      <c r="AZ3" s="1153"/>
      <c r="BA3" s="1153"/>
      <c r="BB3" s="1153"/>
      <c r="BC3" s="1153"/>
      <c r="BD3" s="1153"/>
      <c r="BE3" s="1153"/>
      <c r="BF3" s="1153"/>
      <c r="BG3" s="1153"/>
      <c r="BH3" s="1153"/>
      <c r="BI3" s="1153"/>
      <c r="BJ3" s="1153"/>
      <c r="BK3" s="1153"/>
      <c r="BL3" s="1153"/>
      <c r="BM3" s="1153"/>
      <c r="BN3" s="1153"/>
      <c r="BO3" s="1153"/>
      <c r="BP3" s="1153"/>
      <c r="BQ3" s="1153"/>
      <c r="BR3" s="1153"/>
      <c r="BS3" s="1153"/>
      <c r="BT3" s="1153"/>
      <c r="BU3" s="1153"/>
      <c r="BV3" s="1153"/>
      <c r="BW3" s="1153"/>
      <c r="BX3" s="1153"/>
      <c r="BY3" s="1153"/>
      <c r="BZ3" s="1153"/>
      <c r="CA3" s="1153"/>
      <c r="CB3" s="1153"/>
      <c r="CC3" s="1153"/>
      <c r="CD3" s="1153"/>
      <c r="CE3" s="1153"/>
      <c r="CF3" s="1153"/>
      <c r="CG3" s="1153"/>
      <c r="CH3" s="1153"/>
      <c r="CI3" s="1153"/>
      <c r="CJ3" s="1153"/>
      <c r="CK3" s="1153"/>
      <c r="CL3" s="1153"/>
      <c r="CM3" s="1153"/>
      <c r="CQ3" s="3" ph="1"/>
    </row>
    <row r="4" spans="1:100" ht="17.25" customHeight="1" x14ac:dyDescent="0.15">
      <c r="A4" s="641" t="s">
        <v>236</v>
      </c>
      <c r="B4" s="641"/>
      <c r="C4" s="641"/>
      <c r="D4" s="641"/>
      <c r="E4" s="458">
        <v>143219</v>
      </c>
      <c r="F4" s="458"/>
      <c r="G4" s="458"/>
      <c r="H4" s="458"/>
      <c r="I4" s="647"/>
      <c r="J4" s="647"/>
      <c r="K4" s="647"/>
      <c r="L4" s="647"/>
      <c r="M4" s="647"/>
      <c r="N4" s="459" t="s">
        <v>470</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1153"/>
      <c r="AO4" s="1153"/>
      <c r="AP4" s="1153"/>
      <c r="AQ4" s="1153"/>
      <c r="AR4" s="1153"/>
      <c r="AS4" s="1153"/>
      <c r="AT4" s="1153"/>
      <c r="AU4" s="1153"/>
      <c r="AV4" s="1153"/>
      <c r="AW4" s="1153"/>
      <c r="AX4" s="1153"/>
      <c r="AY4" s="1153"/>
      <c r="AZ4" s="1153"/>
      <c r="BA4" s="1153"/>
      <c r="BB4" s="1153"/>
      <c r="BC4" s="1153"/>
      <c r="BD4" s="1153"/>
      <c r="BE4" s="1153"/>
      <c r="BF4" s="1153"/>
      <c r="BG4" s="1153"/>
      <c r="BH4" s="1153"/>
      <c r="BI4" s="1153"/>
      <c r="BJ4" s="1153"/>
      <c r="BK4" s="1153"/>
      <c r="BL4" s="1153"/>
      <c r="BM4" s="1153"/>
      <c r="BN4" s="1153"/>
      <c r="BO4" s="1153"/>
      <c r="BP4" s="1153"/>
      <c r="BQ4" s="1153"/>
      <c r="BR4" s="1153"/>
      <c r="BS4" s="1153"/>
      <c r="BT4" s="1153"/>
      <c r="BU4" s="1153"/>
      <c r="BV4" s="1153"/>
      <c r="BW4" s="1153"/>
      <c r="BX4" s="1153"/>
      <c r="BY4" s="1153"/>
      <c r="BZ4" s="1153"/>
      <c r="CA4" s="1153"/>
      <c r="CB4" s="1153"/>
      <c r="CC4" s="1153"/>
      <c r="CD4" s="1153"/>
      <c r="CE4" s="1153"/>
      <c r="CF4" s="1153"/>
      <c r="CG4" s="1153"/>
      <c r="CH4" s="1153"/>
      <c r="CI4" s="1153"/>
      <c r="CJ4" s="1153"/>
      <c r="CK4" s="1153"/>
      <c r="CL4" s="1153"/>
      <c r="CM4" s="1153"/>
    </row>
    <row r="5" spans="1:100" ht="17.25" customHeight="1" x14ac:dyDescent="0.15">
      <c r="A5" s="382" t="s">
        <v>237</v>
      </c>
      <c r="B5" s="484"/>
      <c r="C5" s="484"/>
      <c r="D5" s="484"/>
      <c r="E5" s="484"/>
      <c r="F5" s="484"/>
      <c r="G5" s="484"/>
      <c r="H5" s="485"/>
      <c r="I5" s="486" t="s">
        <v>1097</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1153"/>
      <c r="AO5" s="1153"/>
      <c r="AP5" s="1153"/>
      <c r="AQ5" s="1153"/>
      <c r="AR5" s="1153"/>
      <c r="AS5" s="1153"/>
      <c r="AT5" s="1153"/>
      <c r="AU5" s="1153"/>
      <c r="AV5" s="1153"/>
      <c r="AW5" s="1153"/>
      <c r="AX5" s="1153"/>
      <c r="AY5" s="1153"/>
      <c r="AZ5" s="1153"/>
      <c r="BA5" s="1153"/>
      <c r="BB5" s="1153"/>
      <c r="BC5" s="1153"/>
      <c r="BD5" s="1153"/>
      <c r="BE5" s="1153"/>
      <c r="BF5" s="1153"/>
      <c r="BG5" s="1153"/>
      <c r="BH5" s="1153"/>
      <c r="BI5" s="1153"/>
      <c r="BJ5" s="1153"/>
      <c r="BK5" s="1153"/>
      <c r="BL5" s="1153"/>
      <c r="BM5" s="1153"/>
      <c r="BN5" s="1153"/>
      <c r="BO5" s="1153"/>
      <c r="BP5" s="1153"/>
      <c r="BQ5" s="1153"/>
      <c r="BR5" s="1153"/>
      <c r="BS5" s="1153"/>
      <c r="BT5" s="1153"/>
      <c r="BU5" s="1153"/>
      <c r="BV5" s="1153"/>
      <c r="BW5" s="1153"/>
      <c r="BX5" s="1153"/>
      <c r="BY5" s="1153"/>
      <c r="BZ5" s="1153"/>
      <c r="CA5" s="1153"/>
      <c r="CB5" s="1153"/>
      <c r="CC5" s="1153"/>
      <c r="CD5" s="1153"/>
      <c r="CE5" s="1153"/>
      <c r="CF5" s="1153"/>
      <c r="CG5" s="1153"/>
      <c r="CH5" s="1153"/>
      <c r="CI5" s="1153"/>
      <c r="CJ5" s="1153"/>
      <c r="CK5" s="1153"/>
      <c r="CL5" s="1153"/>
      <c r="CM5" s="1153"/>
    </row>
    <row r="6" spans="1:100" ht="17.25" customHeight="1" x14ac:dyDescent="0.15">
      <c r="A6" s="364"/>
      <c r="B6" s="365"/>
      <c r="C6" s="365"/>
      <c r="D6" s="365"/>
      <c r="E6" s="365"/>
      <c r="F6" s="365"/>
      <c r="G6" s="365"/>
      <c r="H6" s="366"/>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1153"/>
      <c r="AO6" s="1153"/>
      <c r="AP6" s="1153"/>
      <c r="AQ6" s="1153"/>
      <c r="AR6" s="1153"/>
      <c r="AS6" s="1153"/>
      <c r="AT6" s="1153"/>
      <c r="AU6" s="1153"/>
      <c r="AV6" s="1153"/>
      <c r="AW6" s="1153"/>
      <c r="AX6" s="1153"/>
      <c r="AY6" s="1153"/>
      <c r="AZ6" s="1153"/>
      <c r="BA6" s="1153"/>
      <c r="BB6" s="1153"/>
      <c r="BC6" s="1153"/>
      <c r="BD6" s="1153"/>
      <c r="BE6" s="1153"/>
      <c r="BF6" s="1153"/>
      <c r="BG6" s="1153"/>
      <c r="BH6" s="1153"/>
      <c r="BI6" s="1153"/>
      <c r="BJ6" s="1153"/>
      <c r="BK6" s="1153"/>
      <c r="BL6" s="1153"/>
      <c r="BM6" s="1153"/>
      <c r="BN6" s="1153"/>
      <c r="BO6" s="1153"/>
      <c r="BP6" s="1153"/>
      <c r="BQ6" s="1153"/>
      <c r="BR6" s="1153"/>
      <c r="BS6" s="1153"/>
      <c r="BT6" s="1153"/>
      <c r="BU6" s="1153"/>
      <c r="BV6" s="1153"/>
      <c r="BW6" s="1153"/>
      <c r="BX6" s="1153"/>
      <c r="BY6" s="1153"/>
      <c r="BZ6" s="1153"/>
      <c r="CA6" s="1153"/>
      <c r="CB6" s="1153"/>
      <c r="CC6" s="1153"/>
      <c r="CD6" s="1153"/>
      <c r="CE6" s="1153"/>
      <c r="CF6" s="1153"/>
      <c r="CG6" s="1153"/>
      <c r="CH6" s="1153"/>
      <c r="CI6" s="1153"/>
      <c r="CJ6" s="1153"/>
      <c r="CK6" s="1153"/>
      <c r="CL6" s="1153"/>
      <c r="CM6" s="1153"/>
    </row>
    <row r="7" spans="1:100" ht="17.25" customHeight="1" x14ac:dyDescent="0.15">
      <c r="A7" s="405" t="s">
        <v>238</v>
      </c>
      <c r="B7" s="406"/>
      <c r="C7" s="406"/>
      <c r="D7" s="407"/>
      <c r="E7" s="65" t="s">
        <v>0</v>
      </c>
      <c r="F7" s="492" t="s">
        <v>471</v>
      </c>
      <c r="G7" s="492"/>
      <c r="H7" s="492"/>
      <c r="I7" s="492"/>
      <c r="J7" s="492"/>
      <c r="K7" s="492"/>
      <c r="L7" s="493"/>
      <c r="M7" s="642"/>
      <c r="N7" s="642"/>
      <c r="O7" s="642"/>
      <c r="P7" s="642"/>
      <c r="Q7" s="642"/>
      <c r="R7" s="642"/>
      <c r="S7" s="642"/>
      <c r="T7" s="642"/>
      <c r="U7" s="642"/>
      <c r="V7" s="642"/>
      <c r="W7" s="642"/>
      <c r="X7" s="642"/>
      <c r="Y7" s="643"/>
      <c r="Z7" s="332" t="s">
        <v>239</v>
      </c>
      <c r="AA7" s="332"/>
      <c r="AB7" s="332"/>
      <c r="AC7" s="431" t="s">
        <v>472</v>
      </c>
      <c r="AD7" s="431"/>
      <c r="AE7" s="431"/>
      <c r="AF7" s="431"/>
      <c r="AG7" s="431"/>
      <c r="AH7" s="431"/>
      <c r="AI7" s="431"/>
      <c r="AJ7" s="431"/>
      <c r="AK7" s="431"/>
      <c r="AL7" s="431"/>
      <c r="AM7" s="5"/>
      <c r="AN7" s="1153"/>
      <c r="AO7" s="1153"/>
      <c r="AP7" s="1153"/>
      <c r="AQ7" s="1153"/>
      <c r="AR7" s="1153"/>
      <c r="AS7" s="1153"/>
      <c r="AT7" s="1153"/>
      <c r="AU7" s="1153"/>
      <c r="AV7" s="1153"/>
      <c r="AW7" s="1153"/>
      <c r="AX7" s="1153"/>
      <c r="AY7" s="1153"/>
      <c r="AZ7" s="1153"/>
      <c r="BA7" s="1153"/>
      <c r="BB7" s="1153"/>
      <c r="BC7" s="1153"/>
      <c r="BD7" s="1153"/>
      <c r="BE7" s="1153"/>
      <c r="BF7" s="1153"/>
      <c r="BG7" s="1153"/>
      <c r="BH7" s="1153"/>
      <c r="BI7" s="1153"/>
      <c r="BJ7" s="1153"/>
      <c r="BK7" s="1153"/>
      <c r="BL7" s="1153"/>
      <c r="BM7" s="1153"/>
      <c r="BN7" s="1153"/>
      <c r="BO7" s="1153"/>
      <c r="BP7" s="1153"/>
      <c r="BQ7" s="1153"/>
      <c r="BR7" s="1153"/>
      <c r="BS7" s="1153"/>
      <c r="BT7" s="1153"/>
      <c r="BU7" s="1153"/>
      <c r="BV7" s="1153"/>
      <c r="BW7" s="1153"/>
      <c r="BX7" s="1153"/>
      <c r="BY7" s="1153"/>
      <c r="BZ7" s="1153"/>
      <c r="CA7" s="1153"/>
      <c r="CB7" s="1153"/>
      <c r="CC7" s="1153"/>
      <c r="CD7" s="1153"/>
      <c r="CE7" s="1153"/>
      <c r="CF7" s="1153"/>
      <c r="CG7" s="1153"/>
      <c r="CH7" s="1153"/>
      <c r="CI7" s="1153"/>
      <c r="CJ7" s="1153"/>
      <c r="CK7" s="1153"/>
      <c r="CL7" s="1153"/>
      <c r="CM7" s="1153"/>
    </row>
    <row r="8" spans="1:100" ht="17.25" customHeight="1" x14ac:dyDescent="0.15">
      <c r="A8" s="405"/>
      <c r="B8" s="406"/>
      <c r="C8" s="406"/>
      <c r="D8" s="407"/>
      <c r="E8" s="433" t="s">
        <v>473</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1153"/>
      <c r="AO8" s="1153"/>
      <c r="AP8" s="1153"/>
      <c r="AQ8" s="1153"/>
      <c r="AR8" s="1153"/>
      <c r="AS8" s="1153"/>
      <c r="AT8" s="1153"/>
      <c r="AU8" s="1153"/>
      <c r="AV8" s="1153"/>
      <c r="AW8" s="1153"/>
      <c r="AX8" s="1153"/>
      <c r="AY8" s="1153"/>
      <c r="AZ8" s="1153"/>
      <c r="BA8" s="1153"/>
      <c r="BB8" s="1153"/>
      <c r="BC8" s="1153"/>
      <c r="BD8" s="1153"/>
      <c r="BE8" s="1153"/>
      <c r="BF8" s="1153"/>
      <c r="BG8" s="1153"/>
      <c r="BH8" s="1153"/>
      <c r="BI8" s="1153"/>
      <c r="BJ8" s="1153"/>
      <c r="BK8" s="1153"/>
      <c r="BL8" s="1153"/>
      <c r="BM8" s="1153"/>
      <c r="BN8" s="1153"/>
      <c r="BO8" s="1153"/>
      <c r="BP8" s="1153"/>
      <c r="BQ8" s="1153"/>
      <c r="BR8" s="1153"/>
      <c r="BS8" s="1153"/>
      <c r="BT8" s="1153"/>
      <c r="BU8" s="1153"/>
      <c r="BV8" s="1153"/>
      <c r="BW8" s="1153"/>
      <c r="BX8" s="1153"/>
      <c r="BY8" s="1153"/>
      <c r="BZ8" s="1153"/>
      <c r="CA8" s="1153"/>
      <c r="CB8" s="1153"/>
      <c r="CC8" s="1153"/>
      <c r="CD8" s="1153"/>
      <c r="CE8" s="1153"/>
      <c r="CF8" s="1153"/>
      <c r="CG8" s="1153"/>
      <c r="CH8" s="1153"/>
      <c r="CI8" s="1153"/>
      <c r="CJ8" s="1153"/>
      <c r="CK8" s="1153"/>
      <c r="CL8" s="1153"/>
      <c r="CM8" s="1153"/>
    </row>
    <row r="9" spans="1:100" ht="17.25" customHeight="1" x14ac:dyDescent="0.15">
      <c r="A9" s="405" t="s">
        <v>240</v>
      </c>
      <c r="B9" s="406"/>
      <c r="C9" s="406"/>
      <c r="D9" s="407"/>
      <c r="E9" s="445" t="s">
        <v>972</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1153"/>
      <c r="AO9" s="1153"/>
      <c r="AP9" s="1153"/>
      <c r="AQ9" s="1153"/>
      <c r="AR9" s="1153"/>
      <c r="AS9" s="1153"/>
      <c r="AT9" s="1153"/>
      <c r="AU9" s="1153"/>
      <c r="AV9" s="1153"/>
      <c r="AW9" s="1153"/>
      <c r="AX9" s="1153"/>
      <c r="AY9" s="1153"/>
      <c r="AZ9" s="1153"/>
      <c r="BA9" s="1153"/>
      <c r="BB9" s="1153"/>
      <c r="BC9" s="1153"/>
      <c r="BD9" s="1153"/>
      <c r="BE9" s="1153"/>
      <c r="BF9" s="1153"/>
      <c r="BG9" s="1153"/>
      <c r="BH9" s="1153"/>
      <c r="BI9" s="1153"/>
      <c r="BJ9" s="1153"/>
      <c r="BK9" s="1153"/>
      <c r="BL9" s="1153"/>
      <c r="BM9" s="1153"/>
      <c r="BN9" s="1153"/>
      <c r="BO9" s="1153"/>
      <c r="BP9" s="1153"/>
      <c r="BQ9" s="1153"/>
      <c r="BR9" s="1153"/>
      <c r="BS9" s="1153"/>
      <c r="BT9" s="1153"/>
      <c r="BU9" s="1153"/>
      <c r="BV9" s="1153"/>
      <c r="BW9" s="1153"/>
      <c r="BX9" s="1153"/>
      <c r="BY9" s="1153"/>
      <c r="BZ9" s="1153"/>
      <c r="CA9" s="1153"/>
      <c r="CB9" s="1153"/>
      <c r="CC9" s="1153"/>
      <c r="CD9" s="1153"/>
      <c r="CE9" s="1153"/>
      <c r="CF9" s="1153"/>
      <c r="CG9" s="1153"/>
      <c r="CH9" s="1153"/>
      <c r="CI9" s="1153"/>
      <c r="CJ9" s="1153"/>
      <c r="CK9" s="1153"/>
      <c r="CL9" s="1153"/>
      <c r="CM9" s="1153"/>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1153"/>
      <c r="AO10" s="1153"/>
      <c r="AP10" s="1153"/>
      <c r="AQ10" s="1153"/>
      <c r="AR10" s="1153"/>
      <c r="AS10" s="1153"/>
      <c r="AT10" s="1153"/>
      <c r="AU10" s="1153"/>
      <c r="AV10" s="1153"/>
      <c r="AW10" s="1153"/>
      <c r="AX10" s="1153"/>
      <c r="AY10" s="1153"/>
      <c r="AZ10" s="1153"/>
      <c r="BA10" s="1153"/>
      <c r="BB10" s="1153"/>
      <c r="BC10" s="1153"/>
      <c r="BD10" s="1153"/>
      <c r="BE10" s="1153"/>
      <c r="BF10" s="1153"/>
      <c r="BG10" s="1153"/>
      <c r="BH10" s="1153"/>
      <c r="BI10" s="1153"/>
      <c r="BJ10" s="1153"/>
      <c r="BK10" s="1153"/>
      <c r="BL10" s="1153"/>
      <c r="BM10" s="1153"/>
      <c r="BN10" s="1153"/>
      <c r="BO10" s="1153"/>
      <c r="BP10" s="1153"/>
      <c r="BQ10" s="1153"/>
      <c r="BR10" s="1153"/>
      <c r="BS10" s="1153"/>
      <c r="BT10" s="1153"/>
      <c r="BU10" s="1153"/>
      <c r="BV10" s="1153"/>
      <c r="BW10" s="1153"/>
      <c r="BX10" s="1153"/>
      <c r="BY10" s="1153"/>
      <c r="BZ10" s="1153"/>
      <c r="CA10" s="1153"/>
      <c r="CB10" s="1153"/>
      <c r="CC10" s="1153"/>
      <c r="CD10" s="1153"/>
      <c r="CE10" s="1153"/>
      <c r="CF10" s="1153"/>
      <c r="CG10" s="1153"/>
      <c r="CH10" s="1153"/>
      <c r="CI10" s="1153"/>
      <c r="CJ10" s="1153"/>
      <c r="CK10" s="1153"/>
      <c r="CL10" s="1153"/>
      <c r="CM10" s="1153"/>
    </row>
    <row r="11" spans="1:100" ht="17.25" customHeight="1" x14ac:dyDescent="0.15">
      <c r="A11" s="405" t="s">
        <v>37</v>
      </c>
      <c r="B11" s="406"/>
      <c r="C11" s="406"/>
      <c r="D11" s="407"/>
      <c r="E11" s="615" t="s">
        <v>973</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1153"/>
      <c r="AO11" s="1153"/>
      <c r="AP11" s="1153"/>
      <c r="AQ11" s="1153"/>
      <c r="AR11" s="1153"/>
      <c r="AS11" s="1153"/>
      <c r="AT11" s="1153"/>
      <c r="AU11" s="1153"/>
      <c r="AV11" s="1153"/>
      <c r="AW11" s="1153"/>
      <c r="AX11" s="1153"/>
      <c r="AY11" s="1153"/>
      <c r="AZ11" s="1153"/>
      <c r="BA11" s="1153"/>
      <c r="BB11" s="1153"/>
      <c r="BC11" s="1153"/>
      <c r="BD11" s="1153"/>
      <c r="BE11" s="1153"/>
      <c r="BF11" s="1153"/>
      <c r="BG11" s="1153"/>
      <c r="BH11" s="1153"/>
      <c r="BI11" s="1153"/>
      <c r="BJ11" s="1153"/>
      <c r="BK11" s="1153"/>
      <c r="BL11" s="1153"/>
      <c r="BM11" s="1153"/>
      <c r="BN11" s="1153"/>
      <c r="BO11" s="1153"/>
      <c r="BP11" s="1153"/>
      <c r="BQ11" s="1153"/>
      <c r="BR11" s="1153"/>
      <c r="BS11" s="1153"/>
      <c r="BT11" s="1153"/>
      <c r="BU11" s="1153"/>
      <c r="BV11" s="1153"/>
      <c r="BW11" s="1153"/>
      <c r="BX11" s="1153"/>
      <c r="BY11" s="1153"/>
      <c r="BZ11" s="1153"/>
      <c r="CA11" s="1153"/>
      <c r="CB11" s="1153"/>
      <c r="CC11" s="1153"/>
      <c r="CD11" s="1153"/>
      <c r="CE11" s="1153"/>
      <c r="CF11" s="1153"/>
      <c r="CG11" s="1153"/>
      <c r="CH11" s="1153"/>
      <c r="CI11" s="1153"/>
      <c r="CJ11" s="1153"/>
      <c r="CK11" s="1153"/>
      <c r="CL11" s="1153"/>
      <c r="CM11" s="1153"/>
    </row>
    <row r="12" spans="1:100" ht="17.25" customHeight="1" x14ac:dyDescent="0.15">
      <c r="A12" s="332" t="s">
        <v>474</v>
      </c>
      <c r="B12" s="332"/>
      <c r="C12" s="332"/>
      <c r="D12" s="332"/>
      <c r="E12" s="328"/>
      <c r="F12" s="844" t="s">
        <v>974</v>
      </c>
      <c r="G12" s="845"/>
      <c r="H12" s="845"/>
      <c r="I12" s="845"/>
      <c r="J12" s="845"/>
      <c r="K12" s="845"/>
      <c r="L12" s="845"/>
      <c r="M12" s="845"/>
      <c r="N12" s="522"/>
      <c r="O12" s="416" t="s">
        <v>242</v>
      </c>
      <c r="P12" s="417"/>
      <c r="Q12" s="377">
        <v>14916</v>
      </c>
      <c r="R12" s="220"/>
      <c r="S12" s="220"/>
      <c r="T12" s="220"/>
      <c r="U12" s="371" t="s">
        <v>475</v>
      </c>
      <c r="V12" s="220"/>
      <c r="W12" s="220"/>
      <c r="X12" s="220"/>
      <c r="Y12" s="371"/>
      <c r="Z12" s="220"/>
      <c r="AA12" s="220"/>
      <c r="AB12" s="220"/>
      <c r="AC12" s="220"/>
      <c r="AD12" s="220"/>
      <c r="AE12" s="220"/>
      <c r="AF12" s="220"/>
      <c r="AG12" s="220"/>
      <c r="AH12" s="220"/>
      <c r="AI12" s="220"/>
      <c r="AJ12" s="220"/>
      <c r="AK12" s="220"/>
      <c r="AL12" s="372"/>
      <c r="AM12" s="5"/>
      <c r="AN12" s="1153"/>
      <c r="AO12" s="1153"/>
      <c r="AP12" s="1153"/>
      <c r="AQ12" s="1153"/>
      <c r="AR12" s="1153"/>
      <c r="AS12" s="1153"/>
      <c r="AT12" s="1153"/>
      <c r="AU12" s="1153"/>
      <c r="AV12" s="1153"/>
      <c r="AW12" s="1153"/>
      <c r="AX12" s="1153"/>
      <c r="AY12" s="1153"/>
      <c r="AZ12" s="1153"/>
      <c r="BA12" s="1153"/>
      <c r="BB12" s="1153"/>
      <c r="BC12" s="1153"/>
      <c r="BD12" s="1153"/>
      <c r="BE12" s="1153"/>
      <c r="BF12" s="1153"/>
      <c r="BG12" s="1153"/>
      <c r="BH12" s="1153"/>
      <c r="BI12" s="1153"/>
      <c r="BJ12" s="1153"/>
      <c r="BK12" s="1153"/>
      <c r="BL12" s="1153"/>
      <c r="BM12" s="1153"/>
      <c r="BN12" s="1153"/>
      <c r="BO12" s="1153"/>
      <c r="BP12" s="1153"/>
      <c r="BQ12" s="1153"/>
      <c r="BR12" s="1153"/>
      <c r="BS12" s="1153"/>
      <c r="BT12" s="1153"/>
      <c r="BU12" s="1153"/>
      <c r="BV12" s="1153"/>
      <c r="BW12" s="1153"/>
      <c r="BX12" s="1153"/>
      <c r="BY12" s="1153"/>
      <c r="BZ12" s="1153"/>
      <c r="CA12" s="1153"/>
      <c r="CB12" s="1153"/>
      <c r="CC12" s="1153"/>
      <c r="CD12" s="1153"/>
      <c r="CE12" s="1153"/>
      <c r="CF12" s="1153"/>
      <c r="CG12" s="1153"/>
      <c r="CH12" s="1153"/>
      <c r="CI12" s="1153"/>
      <c r="CJ12" s="1153"/>
      <c r="CK12" s="1153"/>
      <c r="CL12" s="1153"/>
      <c r="CM12" s="1153"/>
      <c r="CQ12" s="3" ph="1"/>
      <c r="CR12" s="3" ph="1"/>
      <c r="CS12" s="3" ph="1"/>
      <c r="CT12" s="3" ph="1"/>
      <c r="CU12" s="3" ph="1"/>
      <c r="CV12" s="3" ph="1"/>
    </row>
    <row r="13" spans="1:100" ht="17.25" customHeight="1" x14ac:dyDescent="0.15">
      <c r="A13" s="328"/>
      <c r="B13" s="328"/>
      <c r="C13" s="328"/>
      <c r="D13" s="328"/>
      <c r="E13" s="328"/>
      <c r="F13" s="398" t="s">
        <v>975</v>
      </c>
      <c r="G13" s="369"/>
      <c r="H13" s="369"/>
      <c r="I13" s="369"/>
      <c r="J13" s="369"/>
      <c r="K13" s="369"/>
      <c r="L13" s="369"/>
      <c r="M13" s="369"/>
      <c r="N13" s="523"/>
      <c r="O13" s="418"/>
      <c r="P13" s="419"/>
      <c r="Q13" s="377">
        <v>20285</v>
      </c>
      <c r="R13" s="220"/>
      <c r="S13" s="220"/>
      <c r="T13" s="220"/>
      <c r="U13" s="371" t="s">
        <v>476</v>
      </c>
      <c r="V13" s="220"/>
      <c r="W13" s="220"/>
      <c r="X13" s="220"/>
      <c r="Y13" s="854" t="s">
        <v>477</v>
      </c>
      <c r="Z13" s="400"/>
      <c r="AA13" s="400"/>
      <c r="AB13" s="400"/>
      <c r="AC13" s="400"/>
      <c r="AD13" s="400"/>
      <c r="AE13" s="400"/>
      <c r="AF13" s="400"/>
      <c r="AG13" s="400"/>
      <c r="AH13" s="400"/>
      <c r="AI13" s="400"/>
      <c r="AJ13" s="400"/>
      <c r="AK13" s="400"/>
      <c r="AL13" s="401"/>
      <c r="AM13" s="5"/>
      <c r="AN13" s="518" t="s">
        <v>245</v>
      </c>
      <c r="AO13" s="518"/>
      <c r="AP13" s="518"/>
      <c r="AQ13" s="518"/>
      <c r="AR13" s="518"/>
      <c r="AS13" s="518"/>
      <c r="AT13" s="518"/>
      <c r="AU13" s="518"/>
      <c r="AV13" s="518"/>
      <c r="AW13" s="518"/>
      <c r="AX13" s="518"/>
      <c r="AY13" s="518"/>
      <c r="AZ13" s="518"/>
      <c r="BA13" s="518"/>
      <c r="BB13" s="518"/>
      <c r="BC13" s="518"/>
      <c r="BD13" s="518"/>
      <c r="BE13" s="518"/>
      <c r="BF13" s="518"/>
      <c r="BG13" s="518"/>
      <c r="BH13" s="518"/>
      <c r="BI13" s="518"/>
      <c r="BJ13" s="518"/>
      <c r="BK13" s="518"/>
      <c r="BL13" s="518"/>
      <c r="BM13" s="518"/>
      <c r="BN13" s="518"/>
      <c r="BO13" s="518"/>
      <c r="BP13" s="518"/>
      <c r="BQ13" s="518"/>
      <c r="BR13" s="518"/>
      <c r="BS13" s="518"/>
      <c r="BT13" s="518"/>
      <c r="BU13" s="518"/>
      <c r="BV13" s="518"/>
      <c r="BW13" s="518"/>
      <c r="BX13" s="518"/>
      <c r="BY13" s="518"/>
      <c r="BZ13" s="518"/>
      <c r="CA13" s="518"/>
      <c r="CB13" s="518"/>
      <c r="CC13" s="518"/>
      <c r="CD13" s="518"/>
      <c r="CE13" s="518"/>
      <c r="CF13" s="518"/>
      <c r="CG13" s="518"/>
      <c r="CH13" s="518"/>
      <c r="CI13" s="518"/>
      <c r="CJ13" s="518"/>
      <c r="CK13" s="518"/>
      <c r="CL13" s="518"/>
      <c r="CM13" s="518"/>
      <c r="CQ13" s="3" ph="1"/>
      <c r="CR13" s="3" ph="1"/>
      <c r="CS13" s="3" ph="1"/>
      <c r="CT13" s="3" ph="1"/>
      <c r="CU13" s="3" ph="1"/>
      <c r="CV13" s="3" ph="1"/>
    </row>
    <row r="14" spans="1:100" ht="17.25" customHeight="1" x14ac:dyDescent="0.15">
      <c r="A14" s="426">
        <v>4</v>
      </c>
      <c r="B14" s="651"/>
      <c r="C14" s="651"/>
      <c r="D14" s="651"/>
      <c r="E14" s="651"/>
      <c r="F14" s="370"/>
      <c r="G14" s="370"/>
      <c r="H14" s="370"/>
      <c r="I14" s="370"/>
      <c r="J14" s="370"/>
      <c r="K14" s="370"/>
      <c r="L14" s="370"/>
      <c r="M14" s="370"/>
      <c r="N14" s="523"/>
      <c r="O14" s="418"/>
      <c r="P14" s="419"/>
      <c r="Q14" s="377"/>
      <c r="R14" s="220"/>
      <c r="S14" s="220"/>
      <c r="T14" s="220"/>
      <c r="U14" s="371"/>
      <c r="V14" s="220"/>
      <c r="W14" s="220"/>
      <c r="X14" s="220"/>
      <c r="Y14" s="400"/>
      <c r="Z14" s="400"/>
      <c r="AA14" s="400"/>
      <c r="AB14" s="400"/>
      <c r="AC14" s="400"/>
      <c r="AD14" s="400"/>
      <c r="AE14" s="400"/>
      <c r="AF14" s="400"/>
      <c r="AG14" s="400"/>
      <c r="AH14" s="400"/>
      <c r="AI14" s="400"/>
      <c r="AJ14" s="400"/>
      <c r="AK14" s="400"/>
      <c r="AL14" s="401"/>
      <c r="AM14" s="5"/>
      <c r="AN14" s="292" t="s">
        <v>219</v>
      </c>
      <c r="AO14" s="293"/>
      <c r="AP14" s="293"/>
      <c r="AQ14" s="293"/>
      <c r="AR14" s="293"/>
      <c r="AS14" s="294"/>
      <c r="AT14" s="987" t="s">
        <v>1444</v>
      </c>
      <c r="AU14" s="988"/>
      <c r="AV14" s="988"/>
      <c r="AW14" s="988"/>
      <c r="AX14" s="988"/>
      <c r="AY14" s="988"/>
      <c r="AZ14" s="988"/>
      <c r="BA14" s="988"/>
      <c r="BB14" s="988"/>
      <c r="BC14" s="988"/>
      <c r="BD14" s="988"/>
      <c r="BE14" s="988"/>
      <c r="BF14" s="988"/>
      <c r="BG14" s="988"/>
      <c r="BH14" s="988"/>
      <c r="BI14" s="988"/>
      <c r="BJ14" s="988"/>
      <c r="BK14" s="988"/>
      <c r="BL14" s="988"/>
      <c r="BM14" s="988"/>
      <c r="BN14" s="988"/>
      <c r="BO14" s="988"/>
      <c r="BP14" s="988"/>
      <c r="BQ14" s="988"/>
      <c r="BR14" s="988"/>
      <c r="BS14" s="988"/>
      <c r="BT14" s="988"/>
      <c r="BU14" s="988"/>
      <c r="BV14" s="988"/>
      <c r="BW14" s="988"/>
      <c r="BX14" s="988"/>
      <c r="BY14" s="988"/>
      <c r="BZ14" s="988"/>
      <c r="CA14" s="988"/>
      <c r="CB14" s="988"/>
      <c r="CC14" s="988"/>
      <c r="CD14" s="988"/>
      <c r="CE14" s="988"/>
      <c r="CF14" s="988"/>
      <c r="CG14" s="988"/>
      <c r="CH14" s="988"/>
      <c r="CI14" s="988"/>
      <c r="CJ14" s="988"/>
      <c r="CK14" s="988"/>
      <c r="CL14" s="988"/>
      <c r="CM14" s="989"/>
      <c r="CQ14" s="3" ph="1"/>
      <c r="CR14" s="3" ph="1"/>
      <c r="CS14" s="3" ph="1"/>
      <c r="CT14" s="3" ph="1"/>
      <c r="CU14" s="3" ph="1"/>
      <c r="CV14" s="3" ph="1"/>
    </row>
    <row r="15" spans="1:100" ht="17.25" customHeight="1" x14ac:dyDescent="0.15">
      <c r="A15" s="428" t="s">
        <v>246</v>
      </c>
      <c r="B15" s="428"/>
      <c r="C15" s="428"/>
      <c r="D15" s="428"/>
      <c r="E15" s="428"/>
      <c r="F15" s="429">
        <v>46640</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95"/>
      <c r="AO15" s="296"/>
      <c r="AP15" s="296"/>
      <c r="AQ15" s="296"/>
      <c r="AR15" s="296"/>
      <c r="AS15" s="297"/>
      <c r="AT15" s="990"/>
      <c r="AU15" s="991"/>
      <c r="AV15" s="991"/>
      <c r="AW15" s="991"/>
      <c r="AX15" s="991"/>
      <c r="AY15" s="991"/>
      <c r="AZ15" s="991"/>
      <c r="BA15" s="991"/>
      <c r="BB15" s="991"/>
      <c r="BC15" s="991"/>
      <c r="BD15" s="991"/>
      <c r="BE15" s="991"/>
      <c r="BF15" s="991"/>
      <c r="BG15" s="991"/>
      <c r="BH15" s="991"/>
      <c r="BI15" s="991"/>
      <c r="BJ15" s="991"/>
      <c r="BK15" s="991"/>
      <c r="BL15" s="991"/>
      <c r="BM15" s="991"/>
      <c r="BN15" s="991"/>
      <c r="BO15" s="991"/>
      <c r="BP15" s="991"/>
      <c r="BQ15" s="991"/>
      <c r="BR15" s="991"/>
      <c r="BS15" s="991"/>
      <c r="BT15" s="991"/>
      <c r="BU15" s="991"/>
      <c r="BV15" s="991"/>
      <c r="BW15" s="991"/>
      <c r="BX15" s="991"/>
      <c r="BY15" s="991"/>
      <c r="BZ15" s="991"/>
      <c r="CA15" s="991"/>
      <c r="CB15" s="991"/>
      <c r="CC15" s="991"/>
      <c r="CD15" s="991"/>
      <c r="CE15" s="991"/>
      <c r="CF15" s="991"/>
      <c r="CG15" s="991"/>
      <c r="CH15" s="991"/>
      <c r="CI15" s="991"/>
      <c r="CJ15" s="991"/>
      <c r="CK15" s="991"/>
      <c r="CL15" s="991"/>
      <c r="CM15" s="992"/>
    </row>
    <row r="16" spans="1:100" ht="17.25" customHeight="1" x14ac:dyDescent="0.15">
      <c r="A16" s="382" t="s">
        <v>213</v>
      </c>
      <c r="B16" s="484"/>
      <c r="C16" s="484"/>
      <c r="D16" s="484"/>
      <c r="E16" s="485"/>
      <c r="F16" s="666" t="s">
        <v>1289</v>
      </c>
      <c r="G16" s="667"/>
      <c r="H16" s="667"/>
      <c r="I16" s="667"/>
      <c r="J16" s="667"/>
      <c r="K16" s="667"/>
      <c r="L16" s="667"/>
      <c r="M16" s="667"/>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92" t="s">
        <v>220</v>
      </c>
      <c r="AO16" s="293"/>
      <c r="AP16" s="293"/>
      <c r="AQ16" s="293"/>
      <c r="AR16" s="293"/>
      <c r="AS16" s="294"/>
      <c r="AT16" s="460" t="s">
        <v>1373</v>
      </c>
      <c r="AU16" s="349"/>
      <c r="AV16" s="349"/>
      <c r="AW16" s="349"/>
      <c r="AX16" s="349"/>
      <c r="AY16" s="349"/>
      <c r="AZ16" s="349"/>
      <c r="BA16" s="349"/>
      <c r="BB16" s="349"/>
      <c r="BC16" s="349"/>
      <c r="BD16" s="349"/>
      <c r="BE16" s="349"/>
      <c r="BF16" s="349"/>
      <c r="BG16" s="349"/>
      <c r="BH16" s="349"/>
      <c r="BI16" s="349"/>
      <c r="BJ16" s="349"/>
      <c r="BK16" s="349"/>
      <c r="BL16" s="349"/>
      <c r="BM16" s="349"/>
      <c r="BN16" s="349"/>
      <c r="BO16" s="349"/>
      <c r="BP16" s="349"/>
      <c r="BQ16" s="349"/>
      <c r="BR16" s="349"/>
      <c r="BS16" s="349"/>
      <c r="BT16" s="349"/>
      <c r="BU16" s="349"/>
      <c r="BV16" s="349"/>
      <c r="BW16" s="349"/>
      <c r="BX16" s="349"/>
      <c r="BY16" s="349"/>
      <c r="BZ16" s="349"/>
      <c r="CA16" s="349"/>
      <c r="CB16" s="349"/>
      <c r="CC16" s="349"/>
      <c r="CD16" s="349"/>
      <c r="CE16" s="349"/>
      <c r="CF16" s="349"/>
      <c r="CG16" s="349"/>
      <c r="CH16" s="349"/>
      <c r="CI16" s="349"/>
      <c r="CJ16" s="349"/>
      <c r="CK16" s="349"/>
      <c r="CL16" s="349"/>
      <c r="CM16" s="350"/>
      <c r="CQ16" s="3" ph="1"/>
      <c r="CR16" s="3" ph="1"/>
      <c r="CS16" s="3" ph="1"/>
      <c r="CT16" s="3" ph="1"/>
      <c r="CU16" s="3" ph="1"/>
      <c r="CV16" s="3" ph="1"/>
    </row>
    <row r="17" spans="1:100" ht="17.25" customHeight="1" x14ac:dyDescent="0.15">
      <c r="A17" s="361"/>
      <c r="B17" s="362"/>
      <c r="C17" s="362"/>
      <c r="D17" s="362"/>
      <c r="E17" s="363"/>
      <c r="F17" s="398" t="s">
        <v>1288</v>
      </c>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95"/>
      <c r="AO17" s="296"/>
      <c r="AP17" s="296"/>
      <c r="AQ17" s="296"/>
      <c r="AR17" s="296"/>
      <c r="AS17" s="297"/>
      <c r="AT17" s="901"/>
      <c r="AU17" s="353"/>
      <c r="AV17" s="353"/>
      <c r="AW17" s="353"/>
      <c r="AX17" s="353"/>
      <c r="AY17" s="353"/>
      <c r="AZ17" s="353"/>
      <c r="BA17" s="353"/>
      <c r="BB17" s="353"/>
      <c r="BC17" s="353"/>
      <c r="BD17" s="353"/>
      <c r="BE17" s="353"/>
      <c r="BF17" s="353"/>
      <c r="BG17" s="353"/>
      <c r="BH17" s="353"/>
      <c r="BI17" s="353"/>
      <c r="BJ17" s="353"/>
      <c r="BK17" s="353"/>
      <c r="BL17" s="353"/>
      <c r="BM17" s="353"/>
      <c r="BN17" s="353"/>
      <c r="BO17" s="353"/>
      <c r="BP17" s="353"/>
      <c r="BQ17" s="353"/>
      <c r="BR17" s="353"/>
      <c r="BS17" s="353"/>
      <c r="BT17" s="353"/>
      <c r="BU17" s="353"/>
      <c r="BV17" s="353"/>
      <c r="BW17" s="353"/>
      <c r="BX17" s="353"/>
      <c r="BY17" s="353"/>
      <c r="BZ17" s="353"/>
      <c r="CA17" s="353"/>
      <c r="CB17" s="353"/>
      <c r="CC17" s="353"/>
      <c r="CD17" s="353"/>
      <c r="CE17" s="353"/>
      <c r="CF17" s="353"/>
      <c r="CG17" s="353"/>
      <c r="CH17" s="353"/>
      <c r="CI17" s="353"/>
      <c r="CJ17" s="353"/>
      <c r="CK17" s="353"/>
      <c r="CL17" s="353"/>
      <c r="CM17" s="354"/>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436" t="s">
        <v>221</v>
      </c>
      <c r="AO18" s="437"/>
      <c r="AP18" s="437"/>
      <c r="AQ18" s="437"/>
      <c r="AR18" s="437"/>
      <c r="AS18" s="438"/>
      <c r="AT18" s="1101" t="s">
        <v>478</v>
      </c>
      <c r="AU18" s="351"/>
      <c r="AV18" s="351"/>
      <c r="AW18" s="351"/>
      <c r="AX18" s="351"/>
      <c r="AY18" s="351"/>
      <c r="AZ18" s="351"/>
      <c r="BA18" s="351"/>
      <c r="BB18" s="351"/>
      <c r="BC18" s="351"/>
      <c r="BD18" s="351"/>
      <c r="BE18" s="351"/>
      <c r="BF18" s="351"/>
      <c r="BG18" s="351"/>
      <c r="BH18" s="351"/>
      <c r="BI18" s="351"/>
      <c r="BJ18" s="351"/>
      <c r="BK18" s="351"/>
      <c r="BL18" s="351"/>
      <c r="BM18" s="351"/>
      <c r="BN18" s="351"/>
      <c r="BO18" s="351"/>
      <c r="BP18" s="351"/>
      <c r="BQ18" s="351"/>
      <c r="BR18" s="351"/>
      <c r="BS18" s="351"/>
      <c r="BT18" s="351"/>
      <c r="BU18" s="351"/>
      <c r="BV18" s="351"/>
      <c r="BW18" s="351"/>
      <c r="BX18" s="351"/>
      <c r="BY18" s="351"/>
      <c r="BZ18" s="351"/>
      <c r="CA18" s="351"/>
      <c r="CB18" s="351"/>
      <c r="CC18" s="351"/>
      <c r="CD18" s="351"/>
      <c r="CE18" s="351"/>
      <c r="CF18" s="351"/>
      <c r="CG18" s="351"/>
      <c r="CH18" s="351"/>
      <c r="CI18" s="351"/>
      <c r="CJ18" s="351"/>
      <c r="CK18" s="351"/>
      <c r="CL18" s="351"/>
      <c r="CM18" s="352"/>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95"/>
      <c r="AO19" s="296"/>
      <c r="AP19" s="296"/>
      <c r="AQ19" s="296"/>
      <c r="AR19" s="296"/>
      <c r="AS19" s="297"/>
      <c r="AT19" s="901"/>
      <c r="AU19" s="353"/>
      <c r="AV19" s="353"/>
      <c r="AW19" s="353"/>
      <c r="AX19" s="353"/>
      <c r="AY19" s="353"/>
      <c r="AZ19" s="353"/>
      <c r="BA19" s="353"/>
      <c r="BB19" s="353"/>
      <c r="BC19" s="353"/>
      <c r="BD19" s="353"/>
      <c r="BE19" s="353"/>
      <c r="BF19" s="353"/>
      <c r="BG19" s="353"/>
      <c r="BH19" s="353"/>
      <c r="BI19" s="353"/>
      <c r="BJ19" s="353"/>
      <c r="BK19" s="353"/>
      <c r="BL19" s="353"/>
      <c r="BM19" s="353"/>
      <c r="BN19" s="353"/>
      <c r="BO19" s="353"/>
      <c r="BP19" s="353"/>
      <c r="BQ19" s="353"/>
      <c r="BR19" s="353"/>
      <c r="BS19" s="353"/>
      <c r="BT19" s="353"/>
      <c r="BU19" s="353"/>
      <c r="BV19" s="353"/>
      <c r="BW19" s="353"/>
      <c r="BX19" s="353"/>
      <c r="BY19" s="353"/>
      <c r="BZ19" s="353"/>
      <c r="CA19" s="353"/>
      <c r="CB19" s="353"/>
      <c r="CC19" s="353"/>
      <c r="CD19" s="353"/>
      <c r="CE19" s="353"/>
      <c r="CF19" s="353"/>
      <c r="CG19" s="353"/>
      <c r="CH19" s="353"/>
      <c r="CI19" s="353"/>
      <c r="CJ19" s="353"/>
      <c r="CK19" s="353"/>
      <c r="CL19" s="353"/>
      <c r="CM19" s="354"/>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92" t="s">
        <v>222</v>
      </c>
      <c r="AO20" s="293"/>
      <c r="AP20" s="293"/>
      <c r="AQ20" s="293"/>
      <c r="AR20" s="293"/>
      <c r="AS20" s="294"/>
      <c r="AT20" s="460" t="s">
        <v>1253</v>
      </c>
      <c r="AU20" s="349"/>
      <c r="AV20" s="349"/>
      <c r="AW20" s="349"/>
      <c r="AX20" s="349"/>
      <c r="AY20" s="349"/>
      <c r="AZ20" s="349"/>
      <c r="BA20" s="349"/>
      <c r="BB20" s="349"/>
      <c r="BC20" s="349"/>
      <c r="BD20" s="349"/>
      <c r="BE20" s="349"/>
      <c r="BF20" s="349"/>
      <c r="BG20" s="349"/>
      <c r="BH20" s="349"/>
      <c r="BI20" s="349"/>
      <c r="BJ20" s="349"/>
      <c r="BK20" s="349"/>
      <c r="BL20" s="349"/>
      <c r="BM20" s="349"/>
      <c r="BN20" s="349"/>
      <c r="BO20" s="349"/>
      <c r="BP20" s="349"/>
      <c r="BQ20" s="349"/>
      <c r="BR20" s="349"/>
      <c r="BS20" s="349"/>
      <c r="BT20" s="349"/>
      <c r="BU20" s="349"/>
      <c r="BV20" s="349"/>
      <c r="BW20" s="349"/>
      <c r="BX20" s="349"/>
      <c r="BY20" s="349"/>
      <c r="BZ20" s="349"/>
      <c r="CA20" s="349"/>
      <c r="CB20" s="349"/>
      <c r="CC20" s="349"/>
      <c r="CD20" s="349"/>
      <c r="CE20" s="349"/>
      <c r="CF20" s="349"/>
      <c r="CG20" s="349"/>
      <c r="CH20" s="349"/>
      <c r="CI20" s="349"/>
      <c r="CJ20" s="349"/>
      <c r="CK20" s="349"/>
      <c r="CL20" s="349"/>
      <c r="CM20" s="350"/>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7"/>
      <c r="R21" s="220"/>
      <c r="S21" s="220"/>
      <c r="T21" s="220"/>
      <c r="U21" s="371"/>
      <c r="V21" s="220"/>
      <c r="W21" s="220"/>
      <c r="X21" s="220"/>
      <c r="Y21" s="371"/>
      <c r="Z21" s="220"/>
      <c r="AA21" s="220"/>
      <c r="AB21" s="220"/>
      <c r="AC21" s="220"/>
      <c r="AD21" s="220"/>
      <c r="AE21" s="220"/>
      <c r="AF21" s="220"/>
      <c r="AG21" s="220"/>
      <c r="AH21" s="220"/>
      <c r="AI21" s="220"/>
      <c r="AJ21" s="220"/>
      <c r="AK21" s="220"/>
      <c r="AL21" s="372"/>
      <c r="AM21" s="5"/>
      <c r="AN21" s="295"/>
      <c r="AO21" s="296"/>
      <c r="AP21" s="296"/>
      <c r="AQ21" s="296"/>
      <c r="AR21" s="296"/>
      <c r="AS21" s="297"/>
      <c r="AT21" s="901"/>
      <c r="AU21" s="353"/>
      <c r="AV21" s="353"/>
      <c r="AW21" s="353"/>
      <c r="AX21" s="353"/>
      <c r="AY21" s="353"/>
      <c r="AZ21" s="353"/>
      <c r="BA21" s="353"/>
      <c r="BB21" s="353"/>
      <c r="BC21" s="353"/>
      <c r="BD21" s="353"/>
      <c r="BE21" s="353"/>
      <c r="BF21" s="353"/>
      <c r="BG21" s="353"/>
      <c r="BH21" s="353"/>
      <c r="BI21" s="353"/>
      <c r="BJ21" s="353"/>
      <c r="BK21" s="353"/>
      <c r="BL21" s="353"/>
      <c r="BM21" s="353"/>
      <c r="BN21" s="353"/>
      <c r="BO21" s="353"/>
      <c r="BP21" s="353"/>
      <c r="BQ21" s="353"/>
      <c r="BR21" s="353"/>
      <c r="BS21" s="353"/>
      <c r="BT21" s="353"/>
      <c r="BU21" s="353"/>
      <c r="BV21" s="353"/>
      <c r="BW21" s="353"/>
      <c r="BX21" s="353"/>
      <c r="BY21" s="353"/>
      <c r="BZ21" s="353"/>
      <c r="CA21" s="353"/>
      <c r="CB21" s="353"/>
      <c r="CC21" s="353"/>
      <c r="CD21" s="353"/>
      <c r="CE21" s="353"/>
      <c r="CF21" s="353"/>
      <c r="CG21" s="353"/>
      <c r="CH21" s="353"/>
      <c r="CI21" s="353"/>
      <c r="CJ21" s="353"/>
      <c r="CK21" s="353"/>
      <c r="CL21" s="353"/>
      <c r="CM21" s="354"/>
      <c r="CQ21" s="3" ph="1"/>
      <c r="CR21" s="3" ph="1"/>
      <c r="CS21" s="3" ph="1"/>
      <c r="CT21" s="3" ph="1"/>
      <c r="CU21" s="3" ph="1"/>
      <c r="CV21" s="3" ph="1"/>
    </row>
    <row r="22" spans="1:100" ht="17.25" customHeight="1" x14ac:dyDescent="0.15">
      <c r="A22" s="332" t="s">
        <v>259</v>
      </c>
      <c r="B22" s="332"/>
      <c r="C22" s="332"/>
      <c r="D22" s="332"/>
      <c r="E22" s="332"/>
      <c r="F22" s="345" t="s">
        <v>1415</v>
      </c>
      <c r="G22" s="346"/>
      <c r="H22" s="346"/>
      <c r="I22" s="346"/>
      <c r="J22" s="346"/>
      <c r="K22" s="346"/>
      <c r="L22" s="346"/>
      <c r="M22" s="346"/>
      <c r="N22" s="523"/>
      <c r="O22" s="1031" t="s">
        <v>479</v>
      </c>
      <c r="P22" s="1031"/>
      <c r="Q22" s="1230" t="s">
        <v>976</v>
      </c>
      <c r="R22" s="1230"/>
      <c r="S22" s="1230"/>
      <c r="T22" s="1230"/>
      <c r="U22" s="1230"/>
      <c r="V22" s="1230"/>
      <c r="W22" s="1230"/>
      <c r="X22" s="1230"/>
      <c r="Y22" s="1230"/>
      <c r="Z22" s="1230"/>
      <c r="AA22" s="1230"/>
      <c r="AB22" s="1230"/>
      <c r="AC22" s="1230"/>
      <c r="AD22" s="1230"/>
      <c r="AE22" s="1230"/>
      <c r="AF22" s="1230"/>
      <c r="AG22" s="1230"/>
      <c r="AH22" s="1230"/>
      <c r="AI22" s="1230"/>
      <c r="AJ22" s="1230"/>
      <c r="AK22" s="1230"/>
      <c r="AL22" s="1230"/>
      <c r="AM22" s="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3" ph="1"/>
      <c r="CR22" s="3" ph="1"/>
      <c r="CS22" s="3" ph="1"/>
      <c r="CT22" s="3" ph="1"/>
      <c r="CU22" s="3" ph="1"/>
      <c r="CV22" s="3" ph="1"/>
    </row>
    <row r="23" spans="1:100" ht="17.25" customHeight="1" x14ac:dyDescent="0.15">
      <c r="A23" s="328"/>
      <c r="B23" s="328"/>
      <c r="C23" s="328"/>
      <c r="D23" s="328"/>
      <c r="E23" s="328"/>
      <c r="F23" s="336" t="s">
        <v>1414</v>
      </c>
      <c r="G23" s="337"/>
      <c r="H23" s="337"/>
      <c r="I23" s="337"/>
      <c r="J23" s="337"/>
      <c r="K23" s="337"/>
      <c r="L23" s="337"/>
      <c r="M23" s="338"/>
      <c r="N23" s="523"/>
      <c r="O23" s="1031"/>
      <c r="P23" s="1031"/>
      <c r="Q23" s="355">
        <v>26756</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 t="s">
        <v>16</v>
      </c>
      <c r="AO23" s="1240" t="s">
        <v>1445</v>
      </c>
      <c r="AP23" s="1240"/>
      <c r="AQ23" s="1240"/>
      <c r="AR23" s="1240"/>
      <c r="AS23" s="1240"/>
      <c r="AT23" s="1240"/>
      <c r="AU23" s="1240"/>
      <c r="AV23" s="1240"/>
      <c r="AW23" s="1240"/>
      <c r="AX23" s="1240"/>
      <c r="AY23" s="1240"/>
      <c r="AZ23" s="1240"/>
      <c r="BA23" s="1240"/>
      <c r="BB23" s="1240"/>
      <c r="BC23" s="1240"/>
      <c r="BD23" s="1240"/>
      <c r="BE23" s="1240"/>
      <c r="BF23" s="1240"/>
      <c r="BG23" s="1240"/>
      <c r="BH23" s="1240"/>
      <c r="BI23" s="1240"/>
      <c r="BJ23" s="1240"/>
      <c r="BK23" s="1240"/>
      <c r="BL23" s="1240"/>
      <c r="BM23" s="1240"/>
      <c r="BN23" s="1240"/>
      <c r="BO23" s="1240"/>
      <c r="BP23" s="1240"/>
      <c r="BQ23" s="1240"/>
      <c r="BR23" s="1240"/>
      <c r="BS23" s="1240"/>
      <c r="BT23" s="1240"/>
      <c r="BU23" s="1240"/>
      <c r="BV23" s="1240"/>
      <c r="BW23" s="1240"/>
      <c r="BX23" s="1240"/>
      <c r="BY23" s="1240"/>
      <c r="BZ23" s="1240"/>
      <c r="CA23" s="1240"/>
      <c r="CB23" s="1240"/>
      <c r="CC23" s="1240"/>
      <c r="CD23" s="1240"/>
      <c r="CE23" s="1240"/>
      <c r="CF23" s="1240"/>
      <c r="CG23" s="1240"/>
      <c r="CH23" s="1240"/>
      <c r="CI23" s="1240"/>
      <c r="CJ23" s="1240"/>
      <c r="CK23" s="1240"/>
      <c r="CL23" s="1240"/>
      <c r="CM23" s="1241"/>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231" t="s">
        <v>977</v>
      </c>
      <c r="R24" s="1231"/>
      <c r="S24" s="1231"/>
      <c r="T24" s="1231"/>
      <c r="U24" s="1231"/>
      <c r="V24" s="1231"/>
      <c r="W24" s="1231"/>
      <c r="X24" s="1231"/>
      <c r="Y24" s="1231"/>
      <c r="Z24" s="1231"/>
      <c r="AA24" s="1231"/>
      <c r="AB24" s="1231"/>
      <c r="AC24" s="1231"/>
      <c r="AD24" s="1231"/>
      <c r="AE24" s="1231"/>
      <c r="AF24" s="1231"/>
      <c r="AG24" s="1231"/>
      <c r="AH24" s="1231"/>
      <c r="AI24" s="1231"/>
      <c r="AJ24" s="1231"/>
      <c r="AK24" s="1231"/>
      <c r="AL24" s="1231"/>
      <c r="AM24" s="5"/>
      <c r="AN24" s="37" t="s">
        <v>16</v>
      </c>
      <c r="AO24" s="1234" t="s">
        <v>1446</v>
      </c>
      <c r="AP24" s="1235"/>
      <c r="AQ24" s="1235"/>
      <c r="AR24" s="1235"/>
      <c r="AS24" s="1235"/>
      <c r="AT24" s="1235"/>
      <c r="AU24" s="1235"/>
      <c r="AV24" s="1235"/>
      <c r="AW24" s="1235"/>
      <c r="AX24" s="1235"/>
      <c r="AY24" s="1235"/>
      <c r="AZ24" s="1235"/>
      <c r="BA24" s="1235"/>
      <c r="BB24" s="1235"/>
      <c r="BC24" s="1235"/>
      <c r="BD24" s="1235"/>
      <c r="BE24" s="1235"/>
      <c r="BF24" s="1235"/>
      <c r="BG24" s="1235"/>
      <c r="BH24" s="1235"/>
      <c r="BI24" s="1235"/>
      <c r="BJ24" s="1235"/>
      <c r="BK24" s="1235"/>
      <c r="BL24" s="1235"/>
      <c r="BM24" s="1235"/>
      <c r="BN24" s="1235"/>
      <c r="BO24" s="1235"/>
      <c r="BP24" s="1235"/>
      <c r="BQ24" s="1235"/>
      <c r="BR24" s="1235"/>
      <c r="BS24" s="1235"/>
      <c r="BT24" s="1235"/>
      <c r="BU24" s="1235"/>
      <c r="BV24" s="1235"/>
      <c r="BW24" s="1235"/>
      <c r="BX24" s="1235"/>
      <c r="BY24" s="1235"/>
      <c r="BZ24" s="1235"/>
      <c r="CA24" s="1235"/>
      <c r="CB24" s="1235"/>
      <c r="CC24" s="1235"/>
      <c r="CD24" s="1235"/>
      <c r="CE24" s="1235"/>
      <c r="CF24" s="1235"/>
      <c r="CG24" s="1235"/>
      <c r="CH24" s="1235"/>
      <c r="CI24" s="1235"/>
      <c r="CJ24" s="1235"/>
      <c r="CK24" s="1235"/>
      <c r="CL24" s="1235"/>
      <c r="CM24" s="1236"/>
      <c r="CQ24" s="3" ph="1"/>
      <c r="CR24" s="3" ph="1"/>
      <c r="CS24" s="3" ph="1"/>
      <c r="CT24" s="3" ph="1"/>
      <c r="CU24" s="3" ph="1"/>
      <c r="CV24" s="3" ph="1"/>
    </row>
    <row r="25" spans="1:100" ht="17.25" customHeight="1" x14ac:dyDescent="0.15">
      <c r="A25" s="328" t="s">
        <v>263</v>
      </c>
      <c r="B25" s="328"/>
      <c r="C25" s="328"/>
      <c r="D25" s="328"/>
      <c r="E25" s="328"/>
      <c r="F25" s="345" t="s">
        <v>1417</v>
      </c>
      <c r="G25" s="346"/>
      <c r="H25" s="346"/>
      <c r="I25" s="346"/>
      <c r="J25" s="346"/>
      <c r="K25" s="346"/>
      <c r="L25" s="346"/>
      <c r="M25" s="346"/>
      <c r="N25" s="523"/>
      <c r="O25" s="428"/>
      <c r="P25" s="428"/>
      <c r="Q25" s="355">
        <v>26756</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16</v>
      </c>
      <c r="AO25" s="1237" t="s">
        <v>1447</v>
      </c>
      <c r="AP25" s="1237"/>
      <c r="AQ25" s="1237"/>
      <c r="AR25" s="1237"/>
      <c r="AS25" s="1237"/>
      <c r="AT25" s="1237"/>
      <c r="AU25" s="1237"/>
      <c r="AV25" s="1237"/>
      <c r="AW25" s="1237"/>
      <c r="AX25" s="1237"/>
      <c r="AY25" s="1237"/>
      <c r="AZ25" s="1237"/>
      <c r="BA25" s="1237"/>
      <c r="BB25" s="1237"/>
      <c r="BC25" s="1237"/>
      <c r="BD25" s="1237"/>
      <c r="BE25" s="1237"/>
      <c r="BF25" s="1237"/>
      <c r="BG25" s="1237"/>
      <c r="BH25" s="1237"/>
      <c r="BI25" s="1237"/>
      <c r="BJ25" s="1237"/>
      <c r="BK25" s="1237"/>
      <c r="BL25" s="1237"/>
      <c r="BM25" s="1237"/>
      <c r="BN25" s="1237"/>
      <c r="BO25" s="1237"/>
      <c r="BP25" s="1237"/>
      <c r="BQ25" s="1237"/>
      <c r="BR25" s="1237"/>
      <c r="BS25" s="1237"/>
      <c r="BT25" s="1237"/>
      <c r="BU25" s="1237"/>
      <c r="BV25" s="1237"/>
      <c r="BW25" s="1237"/>
      <c r="BX25" s="1237"/>
      <c r="BY25" s="1237"/>
      <c r="BZ25" s="1237"/>
      <c r="CA25" s="1237"/>
      <c r="CB25" s="1237"/>
      <c r="CC25" s="1237"/>
      <c r="CD25" s="1237"/>
      <c r="CE25" s="1237"/>
      <c r="CF25" s="1237"/>
      <c r="CG25" s="1237"/>
      <c r="CH25" s="1237"/>
      <c r="CI25" s="1237"/>
      <c r="CJ25" s="1237"/>
      <c r="CK25" s="1237"/>
      <c r="CL25" s="1237"/>
      <c r="CM25" s="1238"/>
      <c r="CQ25" s="3" ph="1"/>
      <c r="CR25" s="3" ph="1"/>
      <c r="CS25" s="3" ph="1"/>
      <c r="CT25" s="3" ph="1"/>
      <c r="CU25" s="3" ph="1"/>
      <c r="CV25" s="3" ph="1"/>
    </row>
    <row r="26" spans="1:100" ht="17.25" customHeight="1" x14ac:dyDescent="0.15">
      <c r="A26" s="328"/>
      <c r="B26" s="328"/>
      <c r="C26" s="328"/>
      <c r="D26" s="328"/>
      <c r="E26" s="328"/>
      <c r="F26" s="336" t="s">
        <v>1416</v>
      </c>
      <c r="G26" s="337"/>
      <c r="H26" s="337"/>
      <c r="I26" s="337"/>
      <c r="J26" s="337"/>
      <c r="K26" s="337"/>
      <c r="L26" s="337"/>
      <c r="M26" s="338"/>
      <c r="N26" s="523"/>
      <c r="O26" s="428" t="s">
        <v>480</v>
      </c>
      <c r="P26" s="428"/>
      <c r="Q26" s="965" t="s">
        <v>978</v>
      </c>
      <c r="R26" s="965"/>
      <c r="S26" s="965"/>
      <c r="T26" s="965"/>
      <c r="U26" s="965"/>
      <c r="V26" s="965"/>
      <c r="W26" s="965"/>
      <c r="X26" s="965"/>
      <c r="Y26" s="965"/>
      <c r="Z26" s="965"/>
      <c r="AA26" s="965"/>
      <c r="AB26" s="965"/>
      <c r="AC26" s="965"/>
      <c r="AD26" s="965"/>
      <c r="AE26" s="965"/>
      <c r="AF26" s="965"/>
      <c r="AG26" s="965"/>
      <c r="AH26" s="965"/>
      <c r="AI26" s="965"/>
      <c r="AJ26" s="965"/>
      <c r="AK26" s="965"/>
      <c r="AL26" s="965"/>
      <c r="AM26" s="5"/>
      <c r="AN26" s="37" t="s">
        <v>16</v>
      </c>
      <c r="AO26" s="1234" t="s">
        <v>1448</v>
      </c>
      <c r="AP26" s="1234"/>
      <c r="AQ26" s="1234"/>
      <c r="AR26" s="1234"/>
      <c r="AS26" s="1234"/>
      <c r="AT26" s="1234"/>
      <c r="AU26" s="1234"/>
      <c r="AV26" s="1234"/>
      <c r="AW26" s="1234"/>
      <c r="AX26" s="1234"/>
      <c r="AY26" s="1234"/>
      <c r="AZ26" s="1234"/>
      <c r="BA26" s="1234"/>
      <c r="BB26" s="1234"/>
      <c r="BC26" s="1234"/>
      <c r="BD26" s="1234"/>
      <c r="BE26" s="1234"/>
      <c r="BF26" s="1234"/>
      <c r="BG26" s="1234"/>
      <c r="BH26" s="1234"/>
      <c r="BI26" s="1234"/>
      <c r="BJ26" s="1234"/>
      <c r="BK26" s="1234"/>
      <c r="BL26" s="1234"/>
      <c r="BM26" s="1234"/>
      <c r="BN26" s="1234"/>
      <c r="BO26" s="1234"/>
      <c r="BP26" s="1234"/>
      <c r="BQ26" s="1234"/>
      <c r="BR26" s="1234"/>
      <c r="BS26" s="1234"/>
      <c r="BT26" s="1234"/>
      <c r="BU26" s="1234"/>
      <c r="BV26" s="1234"/>
      <c r="BW26" s="1234"/>
      <c r="BX26" s="1234"/>
      <c r="BY26" s="1234"/>
      <c r="BZ26" s="1234"/>
      <c r="CA26" s="1234"/>
      <c r="CB26" s="1234"/>
      <c r="CC26" s="1234"/>
      <c r="CD26" s="1234"/>
      <c r="CE26" s="1234"/>
      <c r="CF26" s="1234"/>
      <c r="CG26" s="1234"/>
      <c r="CH26" s="1234"/>
      <c r="CI26" s="1234"/>
      <c r="CJ26" s="1234"/>
      <c r="CK26" s="1234"/>
      <c r="CL26" s="1234"/>
      <c r="CM26" s="1239"/>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55">
        <v>36100</v>
      </c>
      <c r="R27" s="355"/>
      <c r="S27" s="355"/>
      <c r="T27" s="355"/>
      <c r="U27" s="355"/>
      <c r="V27" s="355"/>
      <c r="W27" s="355"/>
      <c r="X27" s="355"/>
      <c r="Y27" s="355"/>
      <c r="Z27" s="355"/>
      <c r="AA27" s="355"/>
      <c r="AB27" s="355"/>
      <c r="AC27" s="355"/>
      <c r="AD27" s="355"/>
      <c r="AE27" s="355"/>
      <c r="AF27" s="355"/>
      <c r="AG27" s="355"/>
      <c r="AH27" s="355"/>
      <c r="AI27" s="355"/>
      <c r="AJ27" s="355"/>
      <c r="AK27" s="355"/>
      <c r="AL27" s="355"/>
      <c r="AM27" s="5"/>
      <c r="AN27" s="17" t="s">
        <v>952</v>
      </c>
      <c r="AO27" s="1232" t="s">
        <v>1449</v>
      </c>
      <c r="AP27" s="1232"/>
      <c r="AQ27" s="1232"/>
      <c r="AR27" s="1232"/>
      <c r="AS27" s="1232"/>
      <c r="AT27" s="1232"/>
      <c r="AU27" s="1232"/>
      <c r="AV27" s="1232"/>
      <c r="AW27" s="1232"/>
      <c r="AX27" s="1232"/>
      <c r="AY27" s="1232"/>
      <c r="AZ27" s="1232"/>
      <c r="BA27" s="1232"/>
      <c r="BB27" s="1232"/>
      <c r="BC27" s="1232"/>
      <c r="BD27" s="1232"/>
      <c r="BE27" s="1232"/>
      <c r="BF27" s="1232"/>
      <c r="BG27" s="1232"/>
      <c r="BH27" s="1232"/>
      <c r="BI27" s="1232"/>
      <c r="BJ27" s="1232"/>
      <c r="BK27" s="1232"/>
      <c r="BL27" s="1232"/>
      <c r="BM27" s="1232"/>
      <c r="BN27" s="1232"/>
      <c r="BO27" s="1232"/>
      <c r="BP27" s="1232"/>
      <c r="BQ27" s="1232"/>
      <c r="BR27" s="1232"/>
      <c r="BS27" s="1232"/>
      <c r="BT27" s="1232"/>
      <c r="BU27" s="1232"/>
      <c r="BV27" s="1232"/>
      <c r="BW27" s="1232"/>
      <c r="BX27" s="1232"/>
      <c r="BY27" s="1232"/>
      <c r="BZ27" s="1232"/>
      <c r="CA27" s="1232"/>
      <c r="CB27" s="1232"/>
      <c r="CC27" s="1232"/>
      <c r="CD27" s="1232"/>
      <c r="CE27" s="1232"/>
      <c r="CF27" s="1232"/>
      <c r="CG27" s="1232"/>
      <c r="CH27" s="1232"/>
      <c r="CI27" s="1232"/>
      <c r="CJ27" s="1232"/>
      <c r="CK27" s="1232"/>
      <c r="CL27" s="1232"/>
      <c r="CM27" s="1233"/>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481</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8" t="s">
        <v>16</v>
      </c>
      <c r="AO29" s="1219" t="s">
        <v>1450</v>
      </c>
      <c r="AP29" s="1219"/>
      <c r="AQ29" s="1219"/>
      <c r="AR29" s="1219"/>
      <c r="AS29" s="1219"/>
      <c r="AT29" s="1219"/>
      <c r="AU29" s="1219"/>
      <c r="AV29" s="1219"/>
      <c r="AW29" s="1219"/>
      <c r="AX29" s="1219"/>
      <c r="AY29" s="1219"/>
      <c r="AZ29" s="1219"/>
      <c r="BA29" s="1219"/>
      <c r="BB29" s="1219"/>
      <c r="BC29" s="1219"/>
      <c r="BD29" s="1219"/>
      <c r="BE29" s="1219"/>
      <c r="BF29" s="1219"/>
      <c r="BG29" s="1219"/>
      <c r="BH29" s="1219"/>
      <c r="BI29" s="1219"/>
      <c r="BJ29" s="1219"/>
      <c r="BK29" s="1219"/>
      <c r="BL29" s="1219"/>
      <c r="BM29" s="1219"/>
      <c r="BN29" s="1219"/>
      <c r="BO29" s="1219"/>
      <c r="BP29" s="1220"/>
      <c r="BQ29" s="84"/>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9" t="s">
        <v>16</v>
      </c>
      <c r="AO30" s="1242" t="s">
        <v>1451</v>
      </c>
      <c r="AP30" s="1242"/>
      <c r="AQ30" s="1242"/>
      <c r="AR30" s="1242"/>
      <c r="AS30" s="1242"/>
      <c r="AT30" s="1242"/>
      <c r="AU30" s="1242"/>
      <c r="AV30" s="1242"/>
      <c r="AW30" s="1242"/>
      <c r="AX30" s="1242"/>
      <c r="AY30" s="1242"/>
      <c r="AZ30" s="1242"/>
      <c r="BA30" s="1242"/>
      <c r="BB30" s="1242"/>
      <c r="BC30" s="1242"/>
      <c r="BD30" s="1242"/>
      <c r="BE30" s="1242"/>
      <c r="BF30" s="1242"/>
      <c r="BG30" s="1242"/>
      <c r="BH30" s="1242"/>
      <c r="BI30" s="1242"/>
      <c r="BJ30" s="1242"/>
      <c r="BK30" s="1242"/>
      <c r="BL30" s="1242"/>
      <c r="BM30" s="1242"/>
      <c r="BN30" s="1242"/>
      <c r="BO30" s="1242"/>
      <c r="BP30" s="1243"/>
      <c r="BQ30" s="84"/>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9" t="s">
        <v>16</v>
      </c>
      <c r="AO31" s="1219" t="s">
        <v>1452</v>
      </c>
      <c r="AP31" s="1219"/>
      <c r="AQ31" s="1219"/>
      <c r="AR31" s="1219"/>
      <c r="AS31" s="1219"/>
      <c r="AT31" s="1219"/>
      <c r="AU31" s="1219"/>
      <c r="AV31" s="1219"/>
      <c r="AW31" s="1219"/>
      <c r="AX31" s="1219"/>
      <c r="AY31" s="1219"/>
      <c r="AZ31" s="1219"/>
      <c r="BA31" s="1219"/>
      <c r="BB31" s="1219"/>
      <c r="BC31" s="1219"/>
      <c r="BD31" s="1219"/>
      <c r="BE31" s="1219"/>
      <c r="BF31" s="1219"/>
      <c r="BG31" s="1219"/>
      <c r="BH31" s="1219"/>
      <c r="BI31" s="1219"/>
      <c r="BJ31" s="1219"/>
      <c r="BK31" s="1219"/>
      <c r="BL31" s="1219"/>
      <c r="BM31" s="1219"/>
      <c r="BN31" s="1219"/>
      <c r="BO31" s="1219"/>
      <c r="BP31" s="1220"/>
      <c r="BQ31" s="119"/>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9" t="s">
        <v>16</v>
      </c>
      <c r="AO32" s="1219" t="s">
        <v>1453</v>
      </c>
      <c r="AP32" s="1219"/>
      <c r="AQ32" s="1219"/>
      <c r="AR32" s="1219"/>
      <c r="AS32" s="1219"/>
      <c r="AT32" s="1219"/>
      <c r="AU32" s="1219"/>
      <c r="AV32" s="1219"/>
      <c r="AW32" s="1219"/>
      <c r="AX32" s="1219"/>
      <c r="AY32" s="1219"/>
      <c r="AZ32" s="1219"/>
      <c r="BA32" s="1219"/>
      <c r="BB32" s="1219"/>
      <c r="BC32" s="1219"/>
      <c r="BD32" s="1219"/>
      <c r="BE32" s="1219"/>
      <c r="BF32" s="1219"/>
      <c r="BG32" s="1219"/>
      <c r="BH32" s="1219"/>
      <c r="BI32" s="1219"/>
      <c r="BJ32" s="1219"/>
      <c r="BK32" s="1219"/>
      <c r="BL32" s="1219"/>
      <c r="BM32" s="1219"/>
      <c r="BN32" s="1219"/>
      <c r="BO32" s="1219"/>
      <c r="BP32" s="1220"/>
      <c r="BQ32" s="118"/>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72"/>
      <c r="B33" s="473"/>
      <c r="C33" s="473"/>
      <c r="D33" s="473"/>
      <c r="E33" s="473"/>
      <c r="F33" s="473"/>
      <c r="G33" s="473"/>
      <c r="H33" s="473"/>
      <c r="I33" s="473"/>
      <c r="J33" s="473"/>
      <c r="K33" s="473"/>
      <c r="L33" s="473"/>
      <c r="M33" s="473"/>
      <c r="N33" s="473"/>
      <c r="O33" s="473"/>
      <c r="P33" s="473"/>
      <c r="Q33" s="473"/>
      <c r="R33" s="473"/>
      <c r="S33" s="473"/>
      <c r="T33" s="473"/>
      <c r="U33" s="473"/>
      <c r="V33" s="473"/>
      <c r="W33" s="473"/>
      <c r="X33" s="473"/>
      <c r="Y33" s="473"/>
      <c r="Z33" s="473"/>
      <c r="AA33" s="473"/>
      <c r="AB33" s="473"/>
      <c r="AC33" s="473"/>
      <c r="AD33" s="473"/>
      <c r="AE33" s="473"/>
      <c r="AF33" s="473"/>
      <c r="AG33" s="473"/>
      <c r="AH33" s="473"/>
      <c r="AI33" s="473"/>
      <c r="AJ33" s="473"/>
      <c r="AK33" s="473"/>
      <c r="AL33" s="474"/>
      <c r="AM33" s="5"/>
      <c r="AN33" s="40" t="s">
        <v>16</v>
      </c>
      <c r="AO33" s="1221" t="s">
        <v>1454</v>
      </c>
      <c r="AP33" s="1221"/>
      <c r="AQ33" s="1221"/>
      <c r="AR33" s="1221"/>
      <c r="AS33" s="1221"/>
      <c r="AT33" s="1221"/>
      <c r="AU33" s="1221"/>
      <c r="AV33" s="1221"/>
      <c r="AW33" s="1221"/>
      <c r="AX33" s="1221"/>
      <c r="AY33" s="1221"/>
      <c r="AZ33" s="1221"/>
      <c r="BA33" s="1221"/>
      <c r="BB33" s="1221"/>
      <c r="BC33" s="1221"/>
      <c r="BD33" s="1221"/>
      <c r="BE33" s="1221"/>
      <c r="BF33" s="1221"/>
      <c r="BG33" s="1221"/>
      <c r="BH33" s="1221"/>
      <c r="BI33" s="1221"/>
      <c r="BJ33" s="1221"/>
      <c r="BK33" s="1221"/>
      <c r="BL33" s="1221"/>
      <c r="BM33" s="1221"/>
      <c r="BN33" s="1221"/>
      <c r="BO33" s="1221"/>
      <c r="BP33" s="1222"/>
      <c r="BQ33" s="160"/>
      <c r="BR33" s="292" t="s">
        <v>267</v>
      </c>
      <c r="BS33" s="293"/>
      <c r="BT33" s="293"/>
      <c r="BU33" s="293"/>
      <c r="BV33" s="293"/>
      <c r="BW33" s="293"/>
      <c r="BX33" s="294"/>
      <c r="BY33" s="284">
        <v>426</v>
      </c>
      <c r="BZ33" s="285"/>
      <c r="CA33" s="285"/>
      <c r="CB33" s="285"/>
      <c r="CC33" s="285"/>
      <c r="CD33" s="285"/>
      <c r="CE33" s="285"/>
      <c r="CF33" s="285"/>
      <c r="CG33" s="288"/>
      <c r="CH33" s="286">
        <v>1.9064700000000001</v>
      </c>
      <c r="CI33" s="286"/>
      <c r="CJ33" s="286"/>
      <c r="CK33" s="286"/>
      <c r="CL33" s="286"/>
      <c r="CM33" s="286"/>
      <c r="CQ33" s="3" ph="1"/>
      <c r="CR33" s="3" ph="1"/>
      <c r="CS33" s="3" ph="1"/>
      <c r="CT33" s="3" ph="1"/>
      <c r="CU33" s="3" ph="1"/>
      <c r="CV33" s="3" ph="1"/>
    </row>
    <row r="34" spans="1:100" ht="17.25" customHeight="1" x14ac:dyDescent="0.15">
      <c r="A34" s="255" t="s">
        <v>274</v>
      </c>
      <c r="B34" s="255"/>
      <c r="C34" s="255"/>
      <c r="D34" s="255"/>
      <c r="E34" s="255"/>
      <c r="F34" s="255"/>
      <c r="G34" s="255"/>
      <c r="H34" s="255"/>
      <c r="I34" s="255"/>
      <c r="J34" s="255"/>
      <c r="K34" s="255"/>
      <c r="L34" s="255"/>
      <c r="M34" s="255"/>
      <c r="N34" s="129"/>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11" t="s">
        <v>482</v>
      </c>
      <c r="B35" s="312"/>
      <c r="C35" s="312"/>
      <c r="D35" s="312"/>
      <c r="E35" s="312"/>
      <c r="F35" s="312"/>
      <c r="G35" s="312"/>
      <c r="H35" s="312"/>
      <c r="I35" s="312"/>
      <c r="J35" s="312"/>
      <c r="K35" s="312"/>
      <c r="L35" s="312"/>
      <c r="M35" s="313"/>
      <c r="N35" s="129"/>
      <c r="O35" s="486" t="s">
        <v>144</v>
      </c>
      <c r="P35" s="487"/>
      <c r="Q35" s="487"/>
      <c r="R35" s="487"/>
      <c r="S35" s="487"/>
      <c r="T35" s="487"/>
      <c r="U35" s="487"/>
      <c r="V35" s="487"/>
      <c r="W35" s="487"/>
      <c r="X35" s="487"/>
      <c r="Y35" s="487"/>
      <c r="Z35" s="487"/>
      <c r="AA35" s="487"/>
      <c r="AB35" s="487"/>
      <c r="AC35" s="487"/>
      <c r="AD35" s="487"/>
      <c r="AE35" s="487"/>
      <c r="AF35" s="487"/>
      <c r="AG35" s="487"/>
      <c r="AH35" s="487"/>
      <c r="AI35" s="487"/>
      <c r="AJ35" s="487"/>
      <c r="AK35" s="487"/>
      <c r="AL35" s="488"/>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7293</v>
      </c>
      <c r="BZ35" s="681"/>
      <c r="CA35" s="682"/>
      <c r="CB35" s="682"/>
      <c r="CC35" s="682"/>
      <c r="CD35" s="682"/>
      <c r="CE35" s="682"/>
      <c r="CF35" s="682"/>
      <c r="CG35" s="682"/>
      <c r="CH35" s="683">
        <v>32.638170000000002</v>
      </c>
      <c r="CI35" s="683"/>
      <c r="CJ35" s="683"/>
      <c r="CK35" s="683"/>
      <c r="CL35" s="683"/>
      <c r="CM35" s="683"/>
      <c r="CQ35" s="3" ph="1"/>
    </row>
    <row r="36" spans="1:100" ht="17.25" customHeight="1" x14ac:dyDescent="0.15">
      <c r="A36" s="251">
        <v>31211</v>
      </c>
      <c r="B36" s="690"/>
      <c r="C36" s="690"/>
      <c r="D36" s="690"/>
      <c r="E36" s="690"/>
      <c r="F36" s="690"/>
      <c r="G36" s="690"/>
      <c r="H36" s="690"/>
      <c r="I36" s="690"/>
      <c r="J36" s="690"/>
      <c r="K36" s="690"/>
      <c r="L36" s="690"/>
      <c r="M36" s="691"/>
      <c r="N36" s="129"/>
      <c r="O36" s="1067" t="s">
        <v>230</v>
      </c>
      <c r="P36" s="556"/>
      <c r="Q36" s="556"/>
      <c r="R36" s="556"/>
      <c r="S36" s="556"/>
      <c r="T36" s="556"/>
      <c r="U36" s="556"/>
      <c r="V36" s="556"/>
      <c r="W36" s="556"/>
      <c r="X36" s="556"/>
      <c r="Y36" s="556"/>
      <c r="Z36" s="556"/>
      <c r="AA36" s="556"/>
      <c r="AB36" s="556"/>
      <c r="AC36" s="556"/>
      <c r="AD36" s="556"/>
      <c r="AE36" s="556"/>
      <c r="AF36" s="556"/>
      <c r="AG36" s="556"/>
      <c r="AH36" s="556"/>
      <c r="AI36" s="556"/>
      <c r="AJ36" s="556"/>
      <c r="AK36" s="556"/>
      <c r="AL36" s="557"/>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24" t="s">
        <v>340</v>
      </c>
      <c r="B37" s="692"/>
      <c r="C37" s="692"/>
      <c r="D37" s="692"/>
      <c r="E37" s="692"/>
      <c r="F37" s="692"/>
      <c r="G37" s="692"/>
      <c r="H37" s="692"/>
      <c r="I37" s="692"/>
      <c r="J37" s="692"/>
      <c r="K37" s="692"/>
      <c r="L37" s="692"/>
      <c r="M37" s="693"/>
      <c r="N37" s="129"/>
      <c r="O37" s="1067" t="s">
        <v>209</v>
      </c>
      <c r="P37" s="556"/>
      <c r="Q37" s="556"/>
      <c r="R37" s="556"/>
      <c r="S37" s="556"/>
      <c r="T37" s="556"/>
      <c r="U37" s="556"/>
      <c r="V37" s="556"/>
      <c r="W37" s="556"/>
      <c r="X37" s="556"/>
      <c r="Y37" s="556"/>
      <c r="Z37" s="556"/>
      <c r="AA37" s="556"/>
      <c r="AB37" s="556"/>
      <c r="AC37" s="556"/>
      <c r="AD37" s="556"/>
      <c r="AE37" s="556"/>
      <c r="AF37" s="556"/>
      <c r="AG37" s="556"/>
      <c r="AH37" s="556"/>
      <c r="AI37" s="556"/>
      <c r="AJ37" s="556"/>
      <c r="AK37" s="556"/>
      <c r="AL37" s="557"/>
      <c r="AM37" s="5"/>
      <c r="AN37" s="287" t="s">
        <v>399</v>
      </c>
      <c r="AO37" s="287"/>
      <c r="AP37" s="287"/>
      <c r="AQ37" s="287"/>
      <c r="AR37" s="287"/>
      <c r="AS37" s="287"/>
      <c r="AT37" s="287"/>
      <c r="AU37" s="287"/>
      <c r="AV37" s="287"/>
      <c r="AW37" s="681">
        <v>47936</v>
      </c>
      <c r="AX37" s="681"/>
      <c r="AY37" s="681"/>
      <c r="AZ37" s="681"/>
      <c r="BA37" s="681"/>
      <c r="BB37" s="681"/>
      <c r="BC37" s="681"/>
      <c r="BD37" s="681"/>
      <c r="BE37" s="681"/>
      <c r="BF37" s="681"/>
      <c r="BG37" s="681">
        <v>18744</v>
      </c>
      <c r="BH37" s="681"/>
      <c r="BI37" s="681"/>
      <c r="BJ37" s="681"/>
      <c r="BK37" s="681"/>
      <c r="BL37" s="681"/>
      <c r="BM37" s="681"/>
      <c r="BN37" s="681"/>
      <c r="BO37" s="681"/>
      <c r="BP37" s="681"/>
      <c r="BQ37" s="149"/>
      <c r="BR37" s="680" t="s">
        <v>273</v>
      </c>
      <c r="BS37" s="680"/>
      <c r="BT37" s="680"/>
      <c r="BU37" s="680"/>
      <c r="BV37" s="680"/>
      <c r="BW37" s="680"/>
      <c r="BX37" s="680"/>
      <c r="BY37" s="681">
        <v>14626</v>
      </c>
      <c r="BZ37" s="681"/>
      <c r="CA37" s="682"/>
      <c r="CB37" s="682"/>
      <c r="CC37" s="682"/>
      <c r="CD37" s="682"/>
      <c r="CE37" s="682"/>
      <c r="CF37" s="682"/>
      <c r="CG37" s="682"/>
      <c r="CH37" s="683">
        <v>65.455359999999999</v>
      </c>
      <c r="CI37" s="683"/>
      <c r="CJ37" s="683"/>
      <c r="CK37" s="683"/>
      <c r="CL37" s="683"/>
      <c r="CM37" s="683"/>
      <c r="CQ37" s="3" ph="1"/>
    </row>
    <row r="38" spans="1:100" ht="17.25" customHeight="1" x14ac:dyDescent="0.15">
      <c r="A38" s="251">
        <v>32048</v>
      </c>
      <c r="B38" s="690"/>
      <c r="C38" s="690"/>
      <c r="D38" s="690"/>
      <c r="E38" s="690"/>
      <c r="F38" s="690"/>
      <c r="G38" s="690"/>
      <c r="H38" s="690"/>
      <c r="I38" s="690"/>
      <c r="J38" s="690"/>
      <c r="K38" s="690"/>
      <c r="L38" s="690"/>
      <c r="M38" s="691"/>
      <c r="N38" s="152"/>
      <c r="O38" s="1067" t="s">
        <v>1576</v>
      </c>
      <c r="P38" s="556"/>
      <c r="Q38" s="556"/>
      <c r="R38" s="556"/>
      <c r="S38" s="556"/>
      <c r="T38" s="556"/>
      <c r="U38" s="556"/>
      <c r="V38" s="556"/>
      <c r="W38" s="556"/>
      <c r="X38" s="556"/>
      <c r="Y38" s="556"/>
      <c r="Z38" s="556"/>
      <c r="AA38" s="556"/>
      <c r="AB38" s="556"/>
      <c r="AC38" s="556"/>
      <c r="AD38" s="556"/>
      <c r="AE38" s="556"/>
      <c r="AF38" s="556"/>
      <c r="AG38" s="556"/>
      <c r="AH38" s="556"/>
      <c r="AI38" s="556"/>
      <c r="AJ38" s="556"/>
      <c r="AK38" s="556"/>
      <c r="AL38" s="557"/>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16" t="s">
        <v>483</v>
      </c>
      <c r="B39" s="692"/>
      <c r="C39" s="692"/>
      <c r="D39" s="692"/>
      <c r="E39" s="692"/>
      <c r="F39" s="692"/>
      <c r="G39" s="692"/>
      <c r="H39" s="692"/>
      <c r="I39" s="692"/>
      <c r="J39" s="692"/>
      <c r="K39" s="692"/>
      <c r="L39" s="692"/>
      <c r="M39" s="693"/>
      <c r="N39" s="144"/>
      <c r="O39" s="1067" t="s">
        <v>1714</v>
      </c>
      <c r="P39" s="556"/>
      <c r="Q39" s="556"/>
      <c r="R39" s="556"/>
      <c r="S39" s="556"/>
      <c r="T39" s="556"/>
      <c r="U39" s="556"/>
      <c r="V39" s="556"/>
      <c r="W39" s="556"/>
      <c r="X39" s="556"/>
      <c r="Y39" s="556"/>
      <c r="Z39" s="556"/>
      <c r="AA39" s="556"/>
      <c r="AB39" s="556"/>
      <c r="AC39" s="556"/>
      <c r="AD39" s="556"/>
      <c r="AE39" s="556"/>
      <c r="AF39" s="556"/>
      <c r="AG39" s="556"/>
      <c r="AH39" s="556"/>
      <c r="AI39" s="556"/>
      <c r="AJ39" s="556"/>
      <c r="AK39" s="556"/>
      <c r="AL39" s="557"/>
      <c r="AM39" s="5"/>
      <c r="AN39" s="300" t="s">
        <v>1059</v>
      </c>
      <c r="AO39" s="300"/>
      <c r="AP39" s="300"/>
      <c r="AQ39" s="300"/>
      <c r="AR39" s="300"/>
      <c r="AS39" s="300"/>
      <c r="AT39" s="300"/>
      <c r="AU39" s="300"/>
      <c r="AV39" s="300"/>
      <c r="AW39" s="681">
        <v>48348</v>
      </c>
      <c r="AX39" s="681"/>
      <c r="AY39" s="681"/>
      <c r="AZ39" s="682"/>
      <c r="BA39" s="682"/>
      <c r="BB39" s="682"/>
      <c r="BC39" s="682"/>
      <c r="BD39" s="682"/>
      <c r="BE39" s="682"/>
      <c r="BF39" s="682"/>
      <c r="BG39" s="681">
        <v>19862</v>
      </c>
      <c r="BH39" s="681"/>
      <c r="BI39" s="681"/>
      <c r="BJ39" s="681"/>
      <c r="BK39" s="681"/>
      <c r="BL39" s="681"/>
      <c r="BM39" s="681"/>
      <c r="BN39" s="681"/>
      <c r="BO39" s="681"/>
      <c r="BP39" s="681"/>
      <c r="BQ39" s="149"/>
      <c r="BR39" s="301" t="s">
        <v>1119</v>
      </c>
      <c r="BS39" s="293"/>
      <c r="BT39" s="293"/>
      <c r="BU39" s="293"/>
      <c r="BV39" s="293"/>
      <c r="BW39" s="293"/>
      <c r="BX39" s="294"/>
      <c r="BY39" s="681">
        <v>23151</v>
      </c>
      <c r="BZ39" s="681"/>
      <c r="CA39" s="682"/>
      <c r="CB39" s="682"/>
      <c r="CC39" s="682"/>
      <c r="CD39" s="682"/>
      <c r="CE39" s="682"/>
      <c r="CF39" s="682"/>
      <c r="CG39" s="682"/>
      <c r="CH39" s="683">
        <v>100</v>
      </c>
      <c r="CI39" s="683"/>
      <c r="CJ39" s="683"/>
      <c r="CK39" s="683"/>
      <c r="CL39" s="683"/>
      <c r="CM39" s="683"/>
    </row>
    <row r="40" spans="1:100" ht="17.25" customHeight="1" x14ac:dyDescent="0.15">
      <c r="A40" s="251">
        <v>34054</v>
      </c>
      <c r="B40" s="690"/>
      <c r="C40" s="690"/>
      <c r="D40" s="690"/>
      <c r="E40" s="690"/>
      <c r="F40" s="690"/>
      <c r="G40" s="690"/>
      <c r="H40" s="690"/>
      <c r="I40" s="690"/>
      <c r="J40" s="690"/>
      <c r="K40" s="690"/>
      <c r="L40" s="690"/>
      <c r="M40" s="691"/>
      <c r="N40" s="143"/>
      <c r="O40" s="1148" t="s">
        <v>484</v>
      </c>
      <c r="P40" s="655"/>
      <c r="Q40" s="655"/>
      <c r="R40" s="655"/>
      <c r="S40" s="655"/>
      <c r="T40" s="655"/>
      <c r="U40" s="655"/>
      <c r="V40" s="655"/>
      <c r="W40" s="655"/>
      <c r="X40" s="655"/>
      <c r="Y40" s="655"/>
      <c r="Z40" s="655"/>
      <c r="AA40" s="655"/>
      <c r="AB40" s="655"/>
      <c r="AC40" s="655"/>
      <c r="AD40" s="655"/>
      <c r="AE40" s="655"/>
      <c r="AF40" s="655"/>
      <c r="AG40" s="655"/>
      <c r="AH40" s="655"/>
      <c r="AI40" s="655"/>
      <c r="AJ40" s="655"/>
      <c r="AK40" s="655"/>
      <c r="AL40" s="656"/>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16" t="s">
        <v>1191</v>
      </c>
      <c r="B41" s="692"/>
      <c r="C41" s="692"/>
      <c r="D41" s="692"/>
      <c r="E41" s="692"/>
      <c r="F41" s="692"/>
      <c r="G41" s="692"/>
      <c r="H41" s="692"/>
      <c r="I41" s="692"/>
      <c r="J41" s="692"/>
      <c r="K41" s="692"/>
      <c r="L41" s="692"/>
      <c r="M41" s="693"/>
      <c r="N41" s="143"/>
      <c r="O41" s="1148" t="s">
        <v>1577</v>
      </c>
      <c r="P41" s="655"/>
      <c r="Q41" s="655"/>
      <c r="R41" s="655"/>
      <c r="S41" s="655"/>
      <c r="T41" s="655"/>
      <c r="U41" s="655"/>
      <c r="V41" s="655"/>
      <c r="W41" s="655"/>
      <c r="X41" s="655"/>
      <c r="Y41" s="655"/>
      <c r="Z41" s="655"/>
      <c r="AA41" s="655"/>
      <c r="AB41" s="655"/>
      <c r="AC41" s="655"/>
      <c r="AD41" s="655"/>
      <c r="AE41" s="655"/>
      <c r="AF41" s="655"/>
      <c r="AG41" s="655"/>
      <c r="AH41" s="655"/>
      <c r="AI41" s="655"/>
      <c r="AJ41" s="655"/>
      <c r="AK41" s="655"/>
      <c r="AL41" s="656"/>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v>44287</v>
      </c>
      <c r="B42" s="690"/>
      <c r="C42" s="690"/>
      <c r="D42" s="690"/>
      <c r="E42" s="690"/>
      <c r="F42" s="690"/>
      <c r="G42" s="690"/>
      <c r="H42" s="690"/>
      <c r="I42" s="690"/>
      <c r="J42" s="690"/>
      <c r="K42" s="690"/>
      <c r="L42" s="690"/>
      <c r="M42" s="691"/>
      <c r="N42" s="143"/>
      <c r="O42" s="1148" t="s">
        <v>1554</v>
      </c>
      <c r="P42" s="655"/>
      <c r="Q42" s="655"/>
      <c r="R42" s="655"/>
      <c r="S42" s="655"/>
      <c r="T42" s="655"/>
      <c r="U42" s="655"/>
      <c r="V42" s="655"/>
      <c r="W42" s="655"/>
      <c r="X42" s="655"/>
      <c r="Y42" s="655"/>
      <c r="Z42" s="655"/>
      <c r="AA42" s="655"/>
      <c r="AB42" s="655"/>
      <c r="AC42" s="655"/>
      <c r="AD42" s="655"/>
      <c r="AE42" s="655"/>
      <c r="AF42" s="655"/>
      <c r="AG42" s="655"/>
      <c r="AH42" s="655"/>
      <c r="AI42" s="655"/>
      <c r="AJ42" s="655"/>
      <c r="AK42" s="655"/>
      <c r="AL42" s="656"/>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c r="B43" s="692"/>
      <c r="C43" s="692"/>
      <c r="D43" s="692"/>
      <c r="E43" s="692"/>
      <c r="F43" s="692"/>
      <c r="G43" s="692"/>
      <c r="H43" s="692"/>
      <c r="I43" s="692"/>
      <c r="J43" s="692"/>
      <c r="K43" s="692"/>
      <c r="L43" s="692"/>
      <c r="M43" s="693"/>
      <c r="N43" s="144"/>
      <c r="O43" s="1148" t="s">
        <v>96</v>
      </c>
      <c r="P43" s="655"/>
      <c r="Q43" s="655"/>
      <c r="R43" s="655"/>
      <c r="S43" s="655"/>
      <c r="T43" s="655"/>
      <c r="U43" s="655"/>
      <c r="V43" s="655"/>
      <c r="W43" s="655"/>
      <c r="X43" s="655"/>
      <c r="Y43" s="655"/>
      <c r="Z43" s="655"/>
      <c r="AA43" s="655"/>
      <c r="AB43" s="655"/>
      <c r="AC43" s="655"/>
      <c r="AD43" s="655"/>
      <c r="AE43" s="655"/>
      <c r="AF43" s="655"/>
      <c r="AG43" s="655"/>
      <c r="AH43" s="655"/>
      <c r="AI43" s="655"/>
      <c r="AJ43" s="655"/>
      <c r="AK43" s="655"/>
      <c r="AL43" s="656"/>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c r="B44" s="690"/>
      <c r="C44" s="690"/>
      <c r="D44" s="690"/>
      <c r="E44" s="690"/>
      <c r="F44" s="690"/>
      <c r="G44" s="690"/>
      <c r="H44" s="690"/>
      <c r="I44" s="690"/>
      <c r="J44" s="690"/>
      <c r="K44" s="690"/>
      <c r="L44" s="690"/>
      <c r="M44" s="691"/>
      <c r="N44" s="143"/>
      <c r="O44" s="1148" t="s">
        <v>146</v>
      </c>
      <c r="P44" s="655"/>
      <c r="Q44" s="655"/>
      <c r="R44" s="655"/>
      <c r="S44" s="655"/>
      <c r="T44" s="655"/>
      <c r="U44" s="655"/>
      <c r="V44" s="655"/>
      <c r="W44" s="655"/>
      <c r="X44" s="655"/>
      <c r="Y44" s="655"/>
      <c r="Z44" s="655"/>
      <c r="AA44" s="655"/>
      <c r="AB44" s="655"/>
      <c r="AC44" s="655"/>
      <c r="AD44" s="655"/>
      <c r="AE44" s="655"/>
      <c r="AF44" s="655"/>
      <c r="AG44" s="655"/>
      <c r="AH44" s="655"/>
      <c r="AI44" s="655"/>
      <c r="AJ44" s="655"/>
      <c r="AK44" s="655"/>
      <c r="AL44" s="656"/>
      <c r="AM44" s="5"/>
      <c r="AN44" s="764">
        <v>3624.3</v>
      </c>
      <c r="AO44" s="765"/>
      <c r="AP44" s="765"/>
      <c r="AQ44" s="765"/>
      <c r="AR44" s="765"/>
      <c r="AS44" s="727" t="s">
        <v>383</v>
      </c>
      <c r="AT44" s="727"/>
      <c r="AU44" s="727"/>
      <c r="AV44" s="728"/>
      <c r="AW44" s="879">
        <v>27.7</v>
      </c>
      <c r="AX44" s="880"/>
      <c r="AY44" s="880"/>
      <c r="AZ44" s="880"/>
      <c r="BA44" s="880"/>
      <c r="BB44" s="880"/>
      <c r="BC44" s="706" t="s">
        <v>384</v>
      </c>
      <c r="BD44" s="706"/>
      <c r="BE44" s="706"/>
      <c r="BF44" s="707"/>
      <c r="BG44" s="710">
        <v>94.7</v>
      </c>
      <c r="BH44" s="711"/>
      <c r="BI44" s="711"/>
      <c r="BJ44" s="711"/>
      <c r="BK44" s="711"/>
      <c r="BL44" s="711"/>
      <c r="BM44" s="706" t="s">
        <v>384</v>
      </c>
      <c r="BN44" s="706"/>
      <c r="BO44" s="706"/>
      <c r="BP44" s="707"/>
      <c r="BQ44" s="130"/>
      <c r="BR44" s="714">
        <v>13.34</v>
      </c>
      <c r="BS44" s="715"/>
      <c r="BT44" s="715"/>
      <c r="BU44" s="715"/>
      <c r="BV44" s="715"/>
      <c r="BW44" s="715"/>
      <c r="BX44" s="715"/>
      <c r="BY44" s="696" t="s">
        <v>385</v>
      </c>
      <c r="BZ44" s="696"/>
      <c r="CA44" s="696"/>
      <c r="CB44" s="697"/>
      <c r="CC44" s="718">
        <v>723</v>
      </c>
      <c r="CD44" s="719"/>
      <c r="CE44" s="719"/>
      <c r="CF44" s="719"/>
      <c r="CG44" s="719"/>
      <c r="CH44" s="719"/>
      <c r="CI44" s="719"/>
      <c r="CJ44" s="696" t="s">
        <v>386</v>
      </c>
      <c r="CK44" s="696"/>
      <c r="CL44" s="696"/>
      <c r="CM44" s="697"/>
    </row>
    <row r="45" spans="1:100" ht="17.25" customHeight="1" x14ac:dyDescent="0.15">
      <c r="A45" s="216"/>
      <c r="B45" s="692"/>
      <c r="C45" s="692"/>
      <c r="D45" s="692"/>
      <c r="E45" s="692"/>
      <c r="F45" s="692"/>
      <c r="G45" s="692"/>
      <c r="H45" s="692"/>
      <c r="I45" s="692"/>
      <c r="J45" s="692"/>
      <c r="K45" s="692"/>
      <c r="L45" s="692"/>
      <c r="M45" s="693"/>
      <c r="N45" s="144"/>
      <c r="O45" s="1148" t="s">
        <v>318</v>
      </c>
      <c r="P45" s="655"/>
      <c r="Q45" s="655"/>
      <c r="R45" s="655"/>
      <c r="S45" s="655"/>
      <c r="T45" s="655"/>
      <c r="U45" s="655"/>
      <c r="V45" s="655"/>
      <c r="W45" s="655"/>
      <c r="X45" s="655"/>
      <c r="Y45" s="655"/>
      <c r="Z45" s="655"/>
      <c r="AA45" s="655"/>
      <c r="AB45" s="655"/>
      <c r="AC45" s="655"/>
      <c r="AD45" s="655"/>
      <c r="AE45" s="655"/>
      <c r="AF45" s="655"/>
      <c r="AG45" s="655"/>
      <c r="AH45" s="655"/>
      <c r="AI45" s="655"/>
      <c r="AJ45" s="655"/>
      <c r="AK45" s="655"/>
      <c r="AL45" s="656"/>
      <c r="AM45" s="5"/>
      <c r="AN45" s="766"/>
      <c r="AO45" s="767"/>
      <c r="AP45" s="767"/>
      <c r="AQ45" s="767"/>
      <c r="AR45" s="767"/>
      <c r="AS45" s="282"/>
      <c r="AT45" s="282"/>
      <c r="AU45" s="282"/>
      <c r="AV45" s="283"/>
      <c r="AW45" s="881"/>
      <c r="AX45" s="882"/>
      <c r="AY45" s="882"/>
      <c r="AZ45" s="882"/>
      <c r="BA45" s="882"/>
      <c r="BB45" s="882"/>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c r="B46" s="690"/>
      <c r="C46" s="690"/>
      <c r="D46" s="690"/>
      <c r="E46" s="690"/>
      <c r="F46" s="690"/>
      <c r="G46" s="690"/>
      <c r="H46" s="690"/>
      <c r="I46" s="690"/>
      <c r="J46" s="690"/>
      <c r="K46" s="690"/>
      <c r="L46" s="690"/>
      <c r="M46" s="691"/>
      <c r="N46" s="143"/>
      <c r="O46" s="1067" t="s">
        <v>485</v>
      </c>
      <c r="P46" s="556"/>
      <c r="Q46" s="556"/>
      <c r="R46" s="556"/>
      <c r="S46" s="556"/>
      <c r="T46" s="556"/>
      <c r="U46" s="556"/>
      <c r="V46" s="556"/>
      <c r="W46" s="556"/>
      <c r="X46" s="556"/>
      <c r="Y46" s="556"/>
      <c r="Z46" s="556"/>
      <c r="AA46" s="556"/>
      <c r="AB46" s="556"/>
      <c r="AC46" s="556"/>
      <c r="AD46" s="556"/>
      <c r="AE46" s="556"/>
      <c r="AF46" s="556"/>
      <c r="AG46" s="556"/>
      <c r="AH46" s="556"/>
      <c r="AI46" s="556"/>
      <c r="AJ46" s="556"/>
      <c r="AK46" s="556"/>
      <c r="AL46" s="557"/>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692"/>
      <c r="C47" s="692"/>
      <c r="D47" s="692"/>
      <c r="E47" s="692"/>
      <c r="F47" s="692"/>
      <c r="G47" s="692"/>
      <c r="H47" s="692"/>
      <c r="I47" s="692"/>
      <c r="J47" s="692"/>
      <c r="K47" s="692"/>
      <c r="L47" s="692"/>
      <c r="M47" s="693"/>
      <c r="N47" s="144"/>
      <c r="O47" s="1067" t="s">
        <v>1575</v>
      </c>
      <c r="P47" s="556"/>
      <c r="Q47" s="556"/>
      <c r="R47" s="556"/>
      <c r="S47" s="556"/>
      <c r="T47" s="556"/>
      <c r="U47" s="556"/>
      <c r="V47" s="556"/>
      <c r="W47" s="556"/>
      <c r="X47" s="556"/>
      <c r="Y47" s="556"/>
      <c r="Z47" s="556"/>
      <c r="AA47" s="556"/>
      <c r="AB47" s="556"/>
      <c r="AC47" s="556"/>
      <c r="AD47" s="556"/>
      <c r="AE47" s="556"/>
      <c r="AF47" s="556"/>
      <c r="AG47" s="556"/>
      <c r="AH47" s="556"/>
      <c r="AI47" s="556"/>
      <c r="AJ47" s="556"/>
      <c r="AK47" s="556"/>
      <c r="AL47" s="557"/>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690"/>
      <c r="C48" s="690"/>
      <c r="D48" s="690"/>
      <c r="E48" s="690"/>
      <c r="F48" s="690"/>
      <c r="G48" s="690"/>
      <c r="H48" s="690"/>
      <c r="I48" s="690"/>
      <c r="J48" s="690"/>
      <c r="K48" s="690"/>
      <c r="L48" s="690"/>
      <c r="M48" s="691"/>
      <c r="N48" s="143"/>
      <c r="O48" s="1067" t="s">
        <v>486</v>
      </c>
      <c r="P48" s="556"/>
      <c r="Q48" s="556"/>
      <c r="R48" s="556"/>
      <c r="S48" s="556"/>
      <c r="T48" s="556"/>
      <c r="U48" s="556"/>
      <c r="V48" s="556"/>
      <c r="W48" s="556"/>
      <c r="X48" s="556"/>
      <c r="Y48" s="556"/>
      <c r="Z48" s="556"/>
      <c r="AA48" s="556"/>
      <c r="AB48" s="556"/>
      <c r="AC48" s="556"/>
      <c r="AD48" s="556"/>
      <c r="AE48" s="556"/>
      <c r="AF48" s="556"/>
      <c r="AG48" s="556"/>
      <c r="AH48" s="556"/>
      <c r="AI48" s="556"/>
      <c r="AJ48" s="556"/>
      <c r="AK48" s="556"/>
      <c r="AL48" s="557"/>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144"/>
      <c r="O49" s="1067"/>
      <c r="P49" s="556"/>
      <c r="Q49" s="556"/>
      <c r="R49" s="556"/>
      <c r="S49" s="556"/>
      <c r="T49" s="556"/>
      <c r="U49" s="556"/>
      <c r="V49" s="556"/>
      <c r="W49" s="556"/>
      <c r="X49" s="556"/>
      <c r="Y49" s="556"/>
      <c r="Z49" s="556"/>
      <c r="AA49" s="556"/>
      <c r="AB49" s="556"/>
      <c r="AC49" s="556"/>
      <c r="AD49" s="556"/>
      <c r="AE49" s="556"/>
      <c r="AF49" s="556"/>
      <c r="AG49" s="556"/>
      <c r="AH49" s="556"/>
      <c r="AI49" s="556"/>
      <c r="AJ49" s="556"/>
      <c r="AK49" s="556"/>
      <c r="AL49" s="557"/>
      <c r="AM49" s="5"/>
      <c r="AN49" s="223">
        <v>10520.875</v>
      </c>
      <c r="AO49" s="224"/>
      <c r="AP49" s="224"/>
      <c r="AQ49" s="224"/>
      <c r="AR49" s="224"/>
      <c r="AS49" s="224"/>
      <c r="AT49" s="225"/>
      <c r="AU49" s="229">
        <v>1.0780000000000001</v>
      </c>
      <c r="AV49" s="230"/>
      <c r="AW49" s="230"/>
      <c r="AX49" s="230"/>
      <c r="AY49" s="231"/>
      <c r="AZ49" s="210">
        <v>6.5</v>
      </c>
      <c r="BA49" s="211"/>
      <c r="BB49" s="211"/>
      <c r="BC49" s="211"/>
      <c r="BD49" s="212"/>
      <c r="BE49" s="210">
        <v>6.4</v>
      </c>
      <c r="BF49" s="211"/>
      <c r="BG49" s="211"/>
      <c r="BH49" s="211"/>
      <c r="BI49" s="212"/>
      <c r="BJ49" s="210" t="s">
        <v>227</v>
      </c>
      <c r="BK49" s="211"/>
      <c r="BL49" s="211"/>
      <c r="BM49" s="211"/>
      <c r="BN49" s="212"/>
      <c r="BO49" s="210">
        <v>18.2</v>
      </c>
      <c r="BP49" s="211"/>
      <c r="BQ49" s="211"/>
      <c r="BR49" s="211"/>
      <c r="BS49" s="212"/>
      <c r="BT49" s="210">
        <v>92.6</v>
      </c>
      <c r="BU49" s="211"/>
      <c r="BV49" s="211"/>
      <c r="BW49" s="211"/>
      <c r="BX49" s="212"/>
      <c r="BY49" s="210">
        <v>19.899999999999999</v>
      </c>
      <c r="BZ49" s="211"/>
      <c r="CA49" s="211"/>
      <c r="CB49" s="211"/>
      <c r="CC49" s="212"/>
      <c r="CD49" s="210">
        <v>41.5</v>
      </c>
      <c r="CE49" s="211"/>
      <c r="CF49" s="211"/>
      <c r="CG49" s="211"/>
      <c r="CH49" s="212"/>
      <c r="CI49" s="210">
        <v>65.099999999999994</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143"/>
      <c r="O50" s="1052"/>
      <c r="P50" s="860"/>
      <c r="Q50" s="860"/>
      <c r="R50" s="860"/>
      <c r="S50" s="860"/>
      <c r="T50" s="860"/>
      <c r="U50" s="860"/>
      <c r="V50" s="860"/>
      <c r="W50" s="860"/>
      <c r="X50" s="860"/>
      <c r="Y50" s="860"/>
      <c r="Z50" s="860"/>
      <c r="AA50" s="860"/>
      <c r="AB50" s="860"/>
      <c r="AC50" s="860"/>
      <c r="AD50" s="860"/>
      <c r="AE50" s="860"/>
      <c r="AF50" s="860"/>
      <c r="AG50" s="860"/>
      <c r="AH50" s="860"/>
      <c r="AI50" s="860"/>
      <c r="AJ50" s="860"/>
      <c r="AK50" s="860"/>
      <c r="AL50" s="86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200">
    <mergeCell ref="AT14:CM15"/>
    <mergeCell ref="AO27:CM27"/>
    <mergeCell ref="AO24:CM24"/>
    <mergeCell ref="AO25:CM25"/>
    <mergeCell ref="AO26:CM26"/>
    <mergeCell ref="AO23:CM23"/>
    <mergeCell ref="AO32:BP32"/>
    <mergeCell ref="AO33:BP33"/>
    <mergeCell ref="AO29:BP29"/>
    <mergeCell ref="AO30:BP30"/>
    <mergeCell ref="AO31:BP31"/>
    <mergeCell ref="AT16:CM17"/>
    <mergeCell ref="AT18:CM19"/>
    <mergeCell ref="AT20:CM21"/>
    <mergeCell ref="AN22:CM22"/>
    <mergeCell ref="AN16:AS17"/>
    <mergeCell ref="AN18:AS19"/>
    <mergeCell ref="AN20:AS21"/>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 ref="F13:M14"/>
    <mergeCell ref="Q13:T13"/>
    <mergeCell ref="U13:X13"/>
    <mergeCell ref="Y13:AL14"/>
    <mergeCell ref="AN13:CM13"/>
    <mergeCell ref="A9:D10"/>
    <mergeCell ref="E9:AL10"/>
    <mergeCell ref="A11:D11"/>
    <mergeCell ref="E11:AL11"/>
    <mergeCell ref="A12:E13"/>
    <mergeCell ref="F12:M12"/>
    <mergeCell ref="N12:N27"/>
    <mergeCell ref="O12:P21"/>
    <mergeCell ref="Q12:T12"/>
    <mergeCell ref="U12:X12"/>
    <mergeCell ref="A14:E14"/>
    <mergeCell ref="Q14:T14"/>
    <mergeCell ref="U14:X14"/>
    <mergeCell ref="AN14:AS15"/>
    <mergeCell ref="A15:E15"/>
    <mergeCell ref="F15:M15"/>
    <mergeCell ref="Q15:T15"/>
    <mergeCell ref="U15:X15"/>
    <mergeCell ref="Y15:AL15"/>
    <mergeCell ref="O24:P25"/>
    <mergeCell ref="Q24:AL24"/>
    <mergeCell ref="F17:M18"/>
    <mergeCell ref="Q17:T17"/>
    <mergeCell ref="U17:X17"/>
    <mergeCell ref="Y17:AL17"/>
    <mergeCell ref="Q18:T18"/>
    <mergeCell ref="U18:X18"/>
    <mergeCell ref="Y18:AL18"/>
    <mergeCell ref="Q21:T21"/>
    <mergeCell ref="U21:X21"/>
    <mergeCell ref="Y21:AL21"/>
    <mergeCell ref="F19:M19"/>
    <mergeCell ref="Q19:T19"/>
    <mergeCell ref="U19:X19"/>
    <mergeCell ref="Y19:AL19"/>
    <mergeCell ref="F20:M21"/>
    <mergeCell ref="Q20:T20"/>
    <mergeCell ref="U20:X20"/>
    <mergeCell ref="Y20:AL20"/>
    <mergeCell ref="A16:E21"/>
    <mergeCell ref="F16:M16"/>
    <mergeCell ref="Q16:T16"/>
    <mergeCell ref="U16:X16"/>
    <mergeCell ref="Y16:AL16"/>
    <mergeCell ref="A28:AL28"/>
    <mergeCell ref="AN28:BP28"/>
    <mergeCell ref="A29:AL33"/>
    <mergeCell ref="BY30:CI30"/>
    <mergeCell ref="BR31:BX32"/>
    <mergeCell ref="BY31:CG32"/>
    <mergeCell ref="A25:E27"/>
    <mergeCell ref="F25:M25"/>
    <mergeCell ref="Q25:AL25"/>
    <mergeCell ref="F26:M27"/>
    <mergeCell ref="O26:P27"/>
    <mergeCell ref="Q26:AL26"/>
    <mergeCell ref="Q27:AL27"/>
    <mergeCell ref="A22:E24"/>
    <mergeCell ref="F22:M22"/>
    <mergeCell ref="O22:P23"/>
    <mergeCell ref="Q22:AL22"/>
    <mergeCell ref="F23:M24"/>
    <mergeCell ref="Q23:AL23"/>
    <mergeCell ref="A34:M34"/>
    <mergeCell ref="O34:AL34"/>
    <mergeCell ref="AN34:BO34"/>
    <mergeCell ref="A35:M35"/>
    <mergeCell ref="O35:AL35"/>
    <mergeCell ref="AN35:AV36"/>
    <mergeCell ref="AW35:BF36"/>
    <mergeCell ref="BG35:BP36"/>
    <mergeCell ref="CH31:CM32"/>
    <mergeCell ref="BR33:BX34"/>
    <mergeCell ref="BY33:CG34"/>
    <mergeCell ref="CH33:CM34"/>
    <mergeCell ref="BR35:BX36"/>
    <mergeCell ref="BY35:CG36"/>
    <mergeCell ref="CH35:CM36"/>
    <mergeCell ref="A36:M36"/>
    <mergeCell ref="O36:AL36"/>
    <mergeCell ref="A37:M37"/>
    <mergeCell ref="O37:AL37"/>
    <mergeCell ref="AN37:AV38"/>
    <mergeCell ref="AW37:BF38"/>
    <mergeCell ref="BG37:BP38"/>
    <mergeCell ref="BR37:BX38"/>
    <mergeCell ref="BY37:CG38"/>
    <mergeCell ref="CH37:CM38"/>
    <mergeCell ref="A38:M38"/>
    <mergeCell ref="O38:AL38"/>
    <mergeCell ref="A39:M39"/>
    <mergeCell ref="O39:AL39"/>
    <mergeCell ref="AN39:AV40"/>
    <mergeCell ref="AW39:BF40"/>
    <mergeCell ref="BG39:BP40"/>
    <mergeCell ref="BR39:BX40"/>
    <mergeCell ref="BY39:CG40"/>
    <mergeCell ref="CH39:CM40"/>
    <mergeCell ref="A40:M40"/>
    <mergeCell ref="O40:AL40"/>
    <mergeCell ref="A42:M42"/>
    <mergeCell ref="O42:AL42"/>
    <mergeCell ref="AN42:AV43"/>
    <mergeCell ref="AW42:BF43"/>
    <mergeCell ref="A41:M41"/>
    <mergeCell ref="O41:AL41"/>
    <mergeCell ref="AU41:BE41"/>
    <mergeCell ref="BR41:CM41"/>
    <mergeCell ref="A43:M43"/>
    <mergeCell ref="O43:AL43"/>
    <mergeCell ref="BG42:BP43"/>
    <mergeCell ref="BR42:CB43"/>
    <mergeCell ref="CC42:CM43"/>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town.samukaw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1―</oddFooter>
  </headerFooter>
  <drawing r:id="rId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17"/>
  <sheetViews>
    <sheetView showZeros="0" tabSelected="1" view="pageBreakPreview" topLeftCell="A8"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16384" width="9" style="3"/>
  </cols>
  <sheetData>
    <row r="1" spans="1:100" ht="17.25" customHeight="1" x14ac:dyDescent="0.15">
      <c r="A1" s="644" t="s" ph="1">
        <v>487</v>
      </c>
      <c r="B1" s="644" ph="1"/>
      <c r="C1" s="644" ph="1"/>
      <c r="D1" s="644" ph="1"/>
      <c r="E1" s="644" ph="1"/>
      <c r="F1" s="644" ph="1"/>
      <c r="G1" s="644" ph="1"/>
      <c r="H1" s="644" ph="1"/>
      <c r="I1" s="645"/>
      <c r="J1" s="645"/>
      <c r="K1" s="645"/>
      <c r="L1" s="645"/>
      <c r="M1" s="645"/>
      <c r="N1" s="454" t="s">
        <v>979</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488</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302" t="s">
        <v>718</v>
      </c>
      <c r="AO2" s="303"/>
      <c r="AP2" s="303"/>
      <c r="AQ2" s="303"/>
      <c r="AR2" s="303"/>
      <c r="AS2" s="303"/>
      <c r="AT2" s="303"/>
      <c r="AU2" s="303"/>
      <c r="AV2" s="303"/>
      <c r="AW2" s="303"/>
      <c r="AX2" s="303"/>
      <c r="AY2" s="303"/>
      <c r="AZ2" s="303"/>
      <c r="BA2" s="303"/>
      <c r="BB2" s="303"/>
      <c r="BC2" s="303"/>
      <c r="BD2" s="303"/>
      <c r="BE2" s="303"/>
      <c r="BF2" s="303"/>
      <c r="BG2" s="303"/>
      <c r="BH2" s="303"/>
      <c r="BI2" s="303"/>
      <c r="BJ2" s="303"/>
      <c r="BK2" s="303"/>
      <c r="BL2" s="303"/>
      <c r="BM2" s="303"/>
      <c r="BN2" s="303"/>
      <c r="BO2" s="303"/>
      <c r="BP2" s="303"/>
      <c r="BQ2" s="303"/>
      <c r="BR2" s="303"/>
      <c r="BS2" s="303"/>
      <c r="BT2" s="303"/>
      <c r="BU2" s="303"/>
      <c r="BV2" s="303"/>
      <c r="BW2" s="303"/>
      <c r="BX2" s="303"/>
      <c r="BY2" s="303"/>
      <c r="BZ2" s="303"/>
      <c r="CA2" s="303"/>
      <c r="CB2" s="303"/>
      <c r="CC2" s="303"/>
      <c r="CD2" s="303"/>
      <c r="CE2" s="303"/>
      <c r="CF2" s="303"/>
      <c r="CG2" s="303"/>
      <c r="CH2" s="303"/>
      <c r="CI2" s="303"/>
      <c r="CJ2" s="303"/>
      <c r="CK2" s="303"/>
      <c r="CL2" s="303"/>
      <c r="CM2" s="304"/>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305"/>
      <c r="AO3" s="306"/>
      <c r="AP3" s="306"/>
      <c r="AQ3" s="306"/>
      <c r="AR3" s="306"/>
      <c r="AS3" s="306"/>
      <c r="AT3" s="306"/>
      <c r="AU3" s="306"/>
      <c r="AV3" s="306"/>
      <c r="AW3" s="306"/>
      <c r="AX3" s="306"/>
      <c r="AY3" s="306"/>
      <c r="AZ3" s="306"/>
      <c r="BA3" s="306"/>
      <c r="BB3" s="306"/>
      <c r="BC3" s="306"/>
      <c r="BD3" s="306"/>
      <c r="BE3" s="306"/>
      <c r="BF3" s="306"/>
      <c r="BG3" s="306"/>
      <c r="BH3" s="306"/>
      <c r="BI3" s="306"/>
      <c r="BJ3" s="306"/>
      <c r="BK3" s="306"/>
      <c r="BL3" s="306"/>
      <c r="BM3" s="306"/>
      <c r="BN3" s="306"/>
      <c r="BO3" s="306"/>
      <c r="BP3" s="306"/>
      <c r="BQ3" s="306"/>
      <c r="BR3" s="306"/>
      <c r="BS3" s="306"/>
      <c r="BT3" s="306"/>
      <c r="BU3" s="306"/>
      <c r="BV3" s="306"/>
      <c r="BW3" s="306"/>
      <c r="BX3" s="306"/>
      <c r="BY3" s="306"/>
      <c r="BZ3" s="306"/>
      <c r="CA3" s="306"/>
      <c r="CB3" s="306"/>
      <c r="CC3" s="306"/>
      <c r="CD3" s="306"/>
      <c r="CE3" s="306"/>
      <c r="CF3" s="306"/>
      <c r="CG3" s="306"/>
      <c r="CH3" s="306"/>
      <c r="CI3" s="306"/>
      <c r="CJ3" s="306"/>
      <c r="CK3" s="306"/>
      <c r="CL3" s="306"/>
      <c r="CM3" s="307"/>
      <c r="CQ3" s="3" ph="1"/>
    </row>
    <row r="4" spans="1:100" ht="17.25" customHeight="1" x14ac:dyDescent="0.15">
      <c r="A4" s="641" t="s">
        <v>236</v>
      </c>
      <c r="B4" s="641"/>
      <c r="C4" s="641"/>
      <c r="D4" s="641"/>
      <c r="E4" s="458">
        <v>143413</v>
      </c>
      <c r="F4" s="458"/>
      <c r="G4" s="458"/>
      <c r="H4" s="458"/>
      <c r="I4" s="647"/>
      <c r="J4" s="647"/>
      <c r="K4" s="647"/>
      <c r="L4" s="647"/>
      <c r="M4" s="647"/>
      <c r="N4" s="459" t="s">
        <v>489</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305"/>
      <c r="AO4" s="306"/>
      <c r="AP4" s="306"/>
      <c r="AQ4" s="306"/>
      <c r="AR4" s="306"/>
      <c r="AS4" s="306"/>
      <c r="AT4" s="306"/>
      <c r="AU4" s="306"/>
      <c r="AV4" s="306"/>
      <c r="AW4" s="306"/>
      <c r="AX4" s="306"/>
      <c r="AY4" s="306"/>
      <c r="AZ4" s="306"/>
      <c r="BA4" s="306"/>
      <c r="BB4" s="306"/>
      <c r="BC4" s="306"/>
      <c r="BD4" s="306"/>
      <c r="BE4" s="306"/>
      <c r="BF4" s="306"/>
      <c r="BG4" s="306"/>
      <c r="BH4" s="306"/>
      <c r="BI4" s="306"/>
      <c r="BJ4" s="306"/>
      <c r="BK4" s="306"/>
      <c r="BL4" s="306"/>
      <c r="BM4" s="306"/>
      <c r="BN4" s="306"/>
      <c r="BO4" s="306"/>
      <c r="BP4" s="306"/>
      <c r="BQ4" s="306"/>
      <c r="BR4" s="306"/>
      <c r="BS4" s="306"/>
      <c r="BT4" s="306"/>
      <c r="BU4" s="306"/>
      <c r="BV4" s="306"/>
      <c r="BW4" s="306"/>
      <c r="BX4" s="306"/>
      <c r="BY4" s="306"/>
      <c r="BZ4" s="306"/>
      <c r="CA4" s="306"/>
      <c r="CB4" s="306"/>
      <c r="CC4" s="306"/>
      <c r="CD4" s="306"/>
      <c r="CE4" s="306"/>
      <c r="CF4" s="306"/>
      <c r="CG4" s="306"/>
      <c r="CH4" s="306"/>
      <c r="CI4" s="306"/>
      <c r="CJ4" s="306"/>
      <c r="CK4" s="306"/>
      <c r="CL4" s="306"/>
      <c r="CM4" s="307"/>
    </row>
    <row r="5" spans="1:100" ht="17.25" customHeight="1" x14ac:dyDescent="0.15">
      <c r="A5" s="382" t="s">
        <v>237</v>
      </c>
      <c r="B5" s="484"/>
      <c r="C5" s="484"/>
      <c r="D5" s="484"/>
      <c r="E5" s="484"/>
      <c r="F5" s="484"/>
      <c r="G5" s="484"/>
      <c r="H5" s="485"/>
      <c r="I5" s="486" t="s">
        <v>490</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305"/>
      <c r="AO5" s="306"/>
      <c r="AP5" s="306"/>
      <c r="AQ5" s="306"/>
      <c r="AR5" s="306"/>
      <c r="AS5" s="306"/>
      <c r="AT5" s="306"/>
      <c r="AU5" s="306"/>
      <c r="AV5" s="306"/>
      <c r="AW5" s="306"/>
      <c r="AX5" s="306"/>
      <c r="AY5" s="306"/>
      <c r="AZ5" s="306"/>
      <c r="BA5" s="306"/>
      <c r="BB5" s="306"/>
      <c r="BC5" s="306"/>
      <c r="BD5" s="306"/>
      <c r="BE5" s="306"/>
      <c r="BF5" s="306"/>
      <c r="BG5" s="306"/>
      <c r="BH5" s="306"/>
      <c r="BI5" s="306"/>
      <c r="BJ5" s="306"/>
      <c r="BK5" s="306"/>
      <c r="BL5" s="306"/>
      <c r="BM5" s="306"/>
      <c r="BN5" s="306"/>
      <c r="BO5" s="306"/>
      <c r="BP5" s="306"/>
      <c r="BQ5" s="306"/>
      <c r="BR5" s="306"/>
      <c r="BS5" s="306"/>
      <c r="BT5" s="306"/>
      <c r="BU5" s="306"/>
      <c r="BV5" s="306"/>
      <c r="BW5" s="306"/>
      <c r="BX5" s="306"/>
      <c r="BY5" s="306"/>
      <c r="BZ5" s="306"/>
      <c r="CA5" s="306"/>
      <c r="CB5" s="306"/>
      <c r="CC5" s="306"/>
      <c r="CD5" s="306"/>
      <c r="CE5" s="306"/>
      <c r="CF5" s="306"/>
      <c r="CG5" s="306"/>
      <c r="CH5" s="306"/>
      <c r="CI5" s="306"/>
      <c r="CJ5" s="306"/>
      <c r="CK5" s="306"/>
      <c r="CL5" s="306"/>
      <c r="CM5" s="307"/>
    </row>
    <row r="6" spans="1:100" ht="17.25" customHeight="1" x14ac:dyDescent="0.15">
      <c r="A6" s="364"/>
      <c r="B6" s="365"/>
      <c r="C6" s="365"/>
      <c r="D6" s="365"/>
      <c r="E6" s="365"/>
      <c r="F6" s="365"/>
      <c r="G6" s="365"/>
      <c r="H6" s="366"/>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305"/>
      <c r="AO6" s="306"/>
      <c r="AP6" s="306"/>
      <c r="AQ6" s="306"/>
      <c r="AR6" s="306"/>
      <c r="AS6" s="306"/>
      <c r="AT6" s="306"/>
      <c r="AU6" s="306"/>
      <c r="AV6" s="306"/>
      <c r="AW6" s="306"/>
      <c r="AX6" s="306"/>
      <c r="AY6" s="306"/>
      <c r="AZ6" s="306"/>
      <c r="BA6" s="306"/>
      <c r="BB6" s="306"/>
      <c r="BC6" s="306"/>
      <c r="BD6" s="306"/>
      <c r="BE6" s="306"/>
      <c r="BF6" s="306"/>
      <c r="BG6" s="306"/>
      <c r="BH6" s="306"/>
      <c r="BI6" s="306"/>
      <c r="BJ6" s="306"/>
      <c r="BK6" s="306"/>
      <c r="BL6" s="306"/>
      <c r="BM6" s="306"/>
      <c r="BN6" s="306"/>
      <c r="BO6" s="306"/>
      <c r="BP6" s="306"/>
      <c r="BQ6" s="306"/>
      <c r="BR6" s="306"/>
      <c r="BS6" s="306"/>
      <c r="BT6" s="306"/>
      <c r="BU6" s="306"/>
      <c r="BV6" s="306"/>
      <c r="BW6" s="306"/>
      <c r="BX6" s="306"/>
      <c r="BY6" s="306"/>
      <c r="BZ6" s="306"/>
      <c r="CA6" s="306"/>
      <c r="CB6" s="306"/>
      <c r="CC6" s="306"/>
      <c r="CD6" s="306"/>
      <c r="CE6" s="306"/>
      <c r="CF6" s="306"/>
      <c r="CG6" s="306"/>
      <c r="CH6" s="306"/>
      <c r="CI6" s="306"/>
      <c r="CJ6" s="306"/>
      <c r="CK6" s="306"/>
      <c r="CL6" s="306"/>
      <c r="CM6" s="307"/>
    </row>
    <row r="7" spans="1:100" ht="17.25" customHeight="1" x14ac:dyDescent="0.15">
      <c r="A7" s="405" t="s">
        <v>238</v>
      </c>
      <c r="B7" s="406"/>
      <c r="C7" s="406"/>
      <c r="D7" s="407"/>
      <c r="E7" s="65" t="s">
        <v>0</v>
      </c>
      <c r="F7" s="492" t="s">
        <v>491</v>
      </c>
      <c r="G7" s="492"/>
      <c r="H7" s="492"/>
      <c r="I7" s="492"/>
      <c r="J7" s="492"/>
      <c r="K7" s="492"/>
      <c r="L7" s="493"/>
      <c r="M7" s="642"/>
      <c r="N7" s="642"/>
      <c r="O7" s="642"/>
      <c r="P7" s="642"/>
      <c r="Q7" s="642"/>
      <c r="R7" s="642"/>
      <c r="S7" s="642"/>
      <c r="T7" s="642"/>
      <c r="U7" s="642"/>
      <c r="V7" s="642"/>
      <c r="W7" s="642"/>
      <c r="X7" s="642"/>
      <c r="Y7" s="643"/>
      <c r="Z7" s="332" t="s">
        <v>239</v>
      </c>
      <c r="AA7" s="332"/>
      <c r="AB7" s="332"/>
      <c r="AC7" s="431" t="s">
        <v>492</v>
      </c>
      <c r="AD7" s="431"/>
      <c r="AE7" s="431"/>
      <c r="AF7" s="431"/>
      <c r="AG7" s="431"/>
      <c r="AH7" s="431"/>
      <c r="AI7" s="431"/>
      <c r="AJ7" s="431"/>
      <c r="AK7" s="431"/>
      <c r="AL7" s="431"/>
      <c r="AM7" s="5"/>
      <c r="AN7" s="305"/>
      <c r="AO7" s="306"/>
      <c r="AP7" s="306"/>
      <c r="AQ7" s="306"/>
      <c r="AR7" s="306"/>
      <c r="AS7" s="306"/>
      <c r="AT7" s="306"/>
      <c r="AU7" s="306"/>
      <c r="AV7" s="306"/>
      <c r="AW7" s="306"/>
      <c r="AX7" s="306"/>
      <c r="AY7" s="306"/>
      <c r="AZ7" s="306"/>
      <c r="BA7" s="306"/>
      <c r="BB7" s="306"/>
      <c r="BC7" s="306"/>
      <c r="BD7" s="306"/>
      <c r="BE7" s="306"/>
      <c r="BF7" s="306"/>
      <c r="BG7" s="306"/>
      <c r="BH7" s="306"/>
      <c r="BI7" s="306"/>
      <c r="BJ7" s="306"/>
      <c r="BK7" s="306"/>
      <c r="BL7" s="306"/>
      <c r="BM7" s="306"/>
      <c r="BN7" s="306"/>
      <c r="BO7" s="306"/>
      <c r="BP7" s="306"/>
      <c r="BQ7" s="306"/>
      <c r="BR7" s="306"/>
      <c r="BS7" s="306"/>
      <c r="BT7" s="306"/>
      <c r="BU7" s="306"/>
      <c r="BV7" s="306"/>
      <c r="BW7" s="306"/>
      <c r="BX7" s="306"/>
      <c r="BY7" s="306"/>
      <c r="BZ7" s="306"/>
      <c r="CA7" s="306"/>
      <c r="CB7" s="306"/>
      <c r="CC7" s="306"/>
      <c r="CD7" s="306"/>
      <c r="CE7" s="306"/>
      <c r="CF7" s="306"/>
      <c r="CG7" s="306"/>
      <c r="CH7" s="306"/>
      <c r="CI7" s="306"/>
      <c r="CJ7" s="306"/>
      <c r="CK7" s="306"/>
      <c r="CL7" s="306"/>
      <c r="CM7" s="307"/>
    </row>
    <row r="8" spans="1:100" ht="17.25" customHeight="1" x14ac:dyDescent="0.15">
      <c r="A8" s="405"/>
      <c r="B8" s="406"/>
      <c r="C8" s="406"/>
      <c r="D8" s="407"/>
      <c r="E8" s="433" t="s">
        <v>493</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518" t="s">
        <v>245</v>
      </c>
      <c r="AO8" s="518"/>
      <c r="AP8" s="518"/>
      <c r="AQ8" s="518"/>
      <c r="AR8" s="518"/>
      <c r="AS8" s="518"/>
      <c r="AT8" s="518"/>
      <c r="AU8" s="518"/>
      <c r="AV8" s="518"/>
      <c r="AW8" s="518"/>
      <c r="AX8" s="518"/>
      <c r="AY8" s="518"/>
      <c r="AZ8" s="518"/>
      <c r="BA8" s="518"/>
      <c r="BB8" s="518"/>
      <c r="BC8" s="518"/>
      <c r="BD8" s="518"/>
      <c r="BE8" s="518"/>
      <c r="BF8" s="518"/>
      <c r="BG8" s="518"/>
      <c r="BH8" s="518"/>
      <c r="BI8" s="518"/>
      <c r="BJ8" s="518"/>
      <c r="BK8" s="518"/>
      <c r="BL8" s="518"/>
      <c r="BM8" s="518"/>
      <c r="BN8" s="518"/>
      <c r="BO8" s="518"/>
      <c r="BP8" s="518"/>
      <c r="BQ8" s="518"/>
      <c r="BR8" s="518"/>
      <c r="BS8" s="518"/>
      <c r="BT8" s="518"/>
      <c r="BU8" s="518"/>
      <c r="BV8" s="518"/>
      <c r="BW8" s="518"/>
      <c r="BX8" s="518"/>
      <c r="BY8" s="518"/>
      <c r="BZ8" s="518"/>
      <c r="CA8" s="518"/>
      <c r="CB8" s="518"/>
      <c r="CC8" s="518"/>
      <c r="CD8" s="518"/>
      <c r="CE8" s="518"/>
      <c r="CF8" s="518"/>
      <c r="CG8" s="518"/>
      <c r="CH8" s="518"/>
      <c r="CI8" s="518"/>
      <c r="CJ8" s="518"/>
      <c r="CK8" s="518"/>
      <c r="CL8" s="518"/>
      <c r="CM8" s="518"/>
    </row>
    <row r="9" spans="1:100" ht="17.25" customHeight="1" x14ac:dyDescent="0.15">
      <c r="A9" s="405" t="s">
        <v>240</v>
      </c>
      <c r="B9" s="406"/>
      <c r="C9" s="406"/>
      <c r="D9" s="407"/>
      <c r="E9" s="445" t="s">
        <v>494</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292" t="s">
        <v>219</v>
      </c>
      <c r="AO9" s="293"/>
      <c r="AP9" s="293"/>
      <c r="AQ9" s="293"/>
      <c r="AR9" s="293"/>
      <c r="AS9" s="294"/>
      <c r="AT9" s="392" t="s">
        <v>754</v>
      </c>
      <c r="AU9" s="393"/>
      <c r="AV9" s="393"/>
      <c r="AW9" s="393"/>
      <c r="AX9" s="393"/>
      <c r="AY9" s="393"/>
      <c r="AZ9" s="393"/>
      <c r="BA9" s="393"/>
      <c r="BB9" s="393"/>
      <c r="BC9" s="393"/>
      <c r="BD9" s="393"/>
      <c r="BE9" s="393"/>
      <c r="BF9" s="393"/>
      <c r="BG9" s="393"/>
      <c r="BH9" s="393"/>
      <c r="BI9" s="393"/>
      <c r="BJ9" s="393"/>
      <c r="BK9" s="393"/>
      <c r="BL9" s="393"/>
      <c r="BM9" s="393"/>
      <c r="BN9" s="393"/>
      <c r="BO9" s="393"/>
      <c r="BP9" s="393"/>
      <c r="BQ9" s="393"/>
      <c r="BR9" s="393"/>
      <c r="BS9" s="393"/>
      <c r="BT9" s="393"/>
      <c r="BU9" s="393"/>
      <c r="BV9" s="393"/>
      <c r="BW9" s="393"/>
      <c r="BX9" s="393"/>
      <c r="BY9" s="393"/>
      <c r="BZ9" s="393"/>
      <c r="CA9" s="393"/>
      <c r="CB9" s="393"/>
      <c r="CC9" s="393"/>
      <c r="CD9" s="393"/>
      <c r="CE9" s="393"/>
      <c r="CF9" s="393"/>
      <c r="CG9" s="393"/>
      <c r="CH9" s="393"/>
      <c r="CI9" s="393"/>
      <c r="CJ9" s="393"/>
      <c r="CK9" s="393"/>
      <c r="CL9" s="393"/>
      <c r="CM9" s="394"/>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436"/>
      <c r="AO10" s="437"/>
      <c r="AP10" s="437"/>
      <c r="AQ10" s="437"/>
      <c r="AR10" s="437"/>
      <c r="AS10" s="438"/>
      <c r="AT10" s="402"/>
      <c r="AU10" s="403"/>
      <c r="AV10" s="403"/>
      <c r="AW10" s="403"/>
      <c r="AX10" s="403"/>
      <c r="AY10" s="403"/>
      <c r="AZ10" s="403"/>
      <c r="BA10" s="403"/>
      <c r="BB10" s="403"/>
      <c r="BC10" s="403"/>
      <c r="BD10" s="403"/>
      <c r="BE10" s="403"/>
      <c r="BF10" s="403"/>
      <c r="BG10" s="403"/>
      <c r="BH10" s="403"/>
      <c r="BI10" s="403"/>
      <c r="BJ10" s="403"/>
      <c r="BK10" s="403"/>
      <c r="BL10" s="403"/>
      <c r="BM10" s="403"/>
      <c r="BN10" s="403"/>
      <c r="BO10" s="403"/>
      <c r="BP10" s="403"/>
      <c r="BQ10" s="403"/>
      <c r="BR10" s="403"/>
      <c r="BS10" s="403"/>
      <c r="BT10" s="403"/>
      <c r="BU10" s="403"/>
      <c r="BV10" s="403"/>
      <c r="BW10" s="403"/>
      <c r="BX10" s="403"/>
      <c r="BY10" s="403"/>
      <c r="BZ10" s="403"/>
      <c r="CA10" s="403"/>
      <c r="CB10" s="403"/>
      <c r="CC10" s="403"/>
      <c r="CD10" s="403"/>
      <c r="CE10" s="403"/>
      <c r="CF10" s="403"/>
      <c r="CG10" s="403"/>
      <c r="CH10" s="403"/>
      <c r="CI10" s="403"/>
      <c r="CJ10" s="403"/>
      <c r="CK10" s="403"/>
      <c r="CL10" s="403"/>
      <c r="CM10" s="404"/>
    </row>
    <row r="11" spans="1:100" ht="17.25" customHeight="1" x14ac:dyDescent="0.15">
      <c r="A11" s="405" t="s">
        <v>37</v>
      </c>
      <c r="B11" s="406"/>
      <c r="C11" s="406"/>
      <c r="D11" s="407"/>
      <c r="E11" s="615" t="s">
        <v>1520</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295"/>
      <c r="AO11" s="296"/>
      <c r="AP11" s="296"/>
      <c r="AQ11" s="296"/>
      <c r="AR11" s="296"/>
      <c r="AS11" s="297"/>
      <c r="AT11" s="395"/>
      <c r="AU11" s="396"/>
      <c r="AV11" s="396"/>
      <c r="AW11" s="396"/>
      <c r="AX11" s="396"/>
      <c r="AY11" s="396"/>
      <c r="AZ11" s="396"/>
      <c r="BA11" s="396"/>
      <c r="BB11" s="396"/>
      <c r="BC11" s="396"/>
      <c r="BD11" s="396"/>
      <c r="BE11" s="396"/>
      <c r="BF11" s="396"/>
      <c r="BG11" s="396"/>
      <c r="BH11" s="396"/>
      <c r="BI11" s="396"/>
      <c r="BJ11" s="396"/>
      <c r="BK11" s="396"/>
      <c r="BL11" s="396"/>
      <c r="BM11" s="396"/>
      <c r="BN11" s="396"/>
      <c r="BO11" s="396"/>
      <c r="BP11" s="396"/>
      <c r="BQ11" s="396"/>
      <c r="BR11" s="396"/>
      <c r="BS11" s="396"/>
      <c r="BT11" s="396"/>
      <c r="BU11" s="396"/>
      <c r="BV11" s="396"/>
      <c r="BW11" s="396"/>
      <c r="BX11" s="396"/>
      <c r="BY11" s="396"/>
      <c r="BZ11" s="396"/>
      <c r="CA11" s="396"/>
      <c r="CB11" s="396"/>
      <c r="CC11" s="396"/>
      <c r="CD11" s="396"/>
      <c r="CE11" s="396"/>
      <c r="CF11" s="396"/>
      <c r="CG11" s="396"/>
      <c r="CH11" s="396"/>
      <c r="CI11" s="396"/>
      <c r="CJ11" s="396"/>
      <c r="CK11" s="396"/>
      <c r="CL11" s="396"/>
      <c r="CM11" s="397"/>
    </row>
    <row r="12" spans="1:100" ht="17.25" customHeight="1" x14ac:dyDescent="0.15">
      <c r="A12" s="332" t="s">
        <v>474</v>
      </c>
      <c r="B12" s="332"/>
      <c r="C12" s="332"/>
      <c r="D12" s="332"/>
      <c r="E12" s="328"/>
      <c r="F12" s="850" t="s">
        <v>1270</v>
      </c>
      <c r="G12" s="851"/>
      <c r="H12" s="851"/>
      <c r="I12" s="851"/>
      <c r="J12" s="851"/>
      <c r="K12" s="851"/>
      <c r="L12" s="851"/>
      <c r="M12" s="851"/>
      <c r="N12" s="522"/>
      <c r="O12" s="416" t="s">
        <v>242</v>
      </c>
      <c r="P12" s="417"/>
      <c r="Q12" s="377">
        <v>20059</v>
      </c>
      <c r="R12" s="220"/>
      <c r="S12" s="220"/>
      <c r="T12" s="220"/>
      <c r="U12" s="371" t="s">
        <v>148</v>
      </c>
      <c r="V12" s="220"/>
      <c r="W12" s="220"/>
      <c r="X12" s="220"/>
      <c r="Y12" s="371" t="s">
        <v>495</v>
      </c>
      <c r="Z12" s="220"/>
      <c r="AA12" s="220"/>
      <c r="AB12" s="220"/>
      <c r="AC12" s="220"/>
      <c r="AD12" s="220"/>
      <c r="AE12" s="220"/>
      <c r="AF12" s="220"/>
      <c r="AG12" s="220"/>
      <c r="AH12" s="220"/>
      <c r="AI12" s="220"/>
      <c r="AJ12" s="220"/>
      <c r="AK12" s="220"/>
      <c r="AL12" s="372"/>
      <c r="AM12" s="5"/>
      <c r="AN12" s="292" t="s">
        <v>220</v>
      </c>
      <c r="AO12" s="293"/>
      <c r="AP12" s="293"/>
      <c r="AQ12" s="293"/>
      <c r="AR12" s="293"/>
      <c r="AS12" s="294"/>
      <c r="AT12" s="392" t="s">
        <v>1374</v>
      </c>
      <c r="AU12" s="393"/>
      <c r="AV12" s="393"/>
      <c r="AW12" s="393"/>
      <c r="AX12" s="393"/>
      <c r="AY12" s="393"/>
      <c r="AZ12" s="393"/>
      <c r="BA12" s="393"/>
      <c r="BB12" s="393"/>
      <c r="BC12" s="393"/>
      <c r="BD12" s="393"/>
      <c r="BE12" s="393"/>
      <c r="BF12" s="393"/>
      <c r="BG12" s="393"/>
      <c r="BH12" s="393"/>
      <c r="BI12" s="393"/>
      <c r="BJ12" s="393"/>
      <c r="BK12" s="393"/>
      <c r="BL12" s="393"/>
      <c r="BM12" s="393"/>
      <c r="BN12" s="393"/>
      <c r="BO12" s="393"/>
      <c r="BP12" s="393"/>
      <c r="BQ12" s="393"/>
      <c r="BR12" s="393"/>
      <c r="BS12" s="393"/>
      <c r="BT12" s="393"/>
      <c r="BU12" s="393"/>
      <c r="BV12" s="393"/>
      <c r="BW12" s="393"/>
      <c r="BX12" s="393"/>
      <c r="BY12" s="393"/>
      <c r="BZ12" s="393"/>
      <c r="CA12" s="393"/>
      <c r="CB12" s="393"/>
      <c r="CC12" s="393"/>
      <c r="CD12" s="393"/>
      <c r="CE12" s="393"/>
      <c r="CF12" s="393"/>
      <c r="CG12" s="393"/>
      <c r="CH12" s="393"/>
      <c r="CI12" s="393"/>
      <c r="CJ12" s="393"/>
      <c r="CK12" s="393"/>
      <c r="CL12" s="393"/>
      <c r="CM12" s="394"/>
      <c r="CQ12" s="3" ph="1"/>
      <c r="CR12" s="3" ph="1"/>
      <c r="CS12" s="3" ph="1"/>
      <c r="CT12" s="3" ph="1"/>
      <c r="CU12" s="3" ph="1"/>
      <c r="CV12" s="3" ph="1"/>
    </row>
    <row r="13" spans="1:100" ht="17.25" customHeight="1" x14ac:dyDescent="0.15">
      <c r="A13" s="328"/>
      <c r="B13" s="328"/>
      <c r="C13" s="328"/>
      <c r="D13" s="328"/>
      <c r="E13" s="328"/>
      <c r="F13" s="373" t="s">
        <v>1267</v>
      </c>
      <c r="G13" s="374"/>
      <c r="H13" s="374"/>
      <c r="I13" s="374"/>
      <c r="J13" s="374"/>
      <c r="K13" s="374"/>
      <c r="L13" s="374"/>
      <c r="M13" s="374"/>
      <c r="N13" s="523"/>
      <c r="O13" s="418"/>
      <c r="P13" s="419"/>
      <c r="Q13" s="377"/>
      <c r="R13" s="220"/>
      <c r="S13" s="220"/>
      <c r="T13" s="220"/>
      <c r="U13" s="371"/>
      <c r="V13" s="220"/>
      <c r="W13" s="220"/>
      <c r="X13" s="220"/>
      <c r="Y13" s="371"/>
      <c r="Z13" s="852"/>
      <c r="AA13" s="852"/>
      <c r="AB13" s="852"/>
      <c r="AC13" s="852"/>
      <c r="AD13" s="852"/>
      <c r="AE13" s="852"/>
      <c r="AF13" s="852"/>
      <c r="AG13" s="852"/>
      <c r="AH13" s="852"/>
      <c r="AI13" s="852"/>
      <c r="AJ13" s="852"/>
      <c r="AK13" s="852"/>
      <c r="AL13" s="853"/>
      <c r="AM13" s="5"/>
      <c r="AN13" s="436"/>
      <c r="AO13" s="437"/>
      <c r="AP13" s="437"/>
      <c r="AQ13" s="437"/>
      <c r="AR13" s="437"/>
      <c r="AS13" s="438"/>
      <c r="AT13" s="402"/>
      <c r="AU13" s="403"/>
      <c r="AV13" s="403"/>
      <c r="AW13" s="403"/>
      <c r="AX13" s="403"/>
      <c r="AY13" s="403"/>
      <c r="AZ13" s="403"/>
      <c r="BA13" s="403"/>
      <c r="BB13" s="403"/>
      <c r="BC13" s="403"/>
      <c r="BD13" s="403"/>
      <c r="BE13" s="403"/>
      <c r="BF13" s="403"/>
      <c r="BG13" s="403"/>
      <c r="BH13" s="403"/>
      <c r="BI13" s="403"/>
      <c r="BJ13" s="403"/>
      <c r="BK13" s="403"/>
      <c r="BL13" s="403"/>
      <c r="BM13" s="403"/>
      <c r="BN13" s="403"/>
      <c r="BO13" s="403"/>
      <c r="BP13" s="403"/>
      <c r="BQ13" s="403"/>
      <c r="BR13" s="403"/>
      <c r="BS13" s="403"/>
      <c r="BT13" s="403"/>
      <c r="BU13" s="403"/>
      <c r="BV13" s="403"/>
      <c r="BW13" s="403"/>
      <c r="BX13" s="403"/>
      <c r="BY13" s="403"/>
      <c r="BZ13" s="403"/>
      <c r="CA13" s="403"/>
      <c r="CB13" s="403"/>
      <c r="CC13" s="403"/>
      <c r="CD13" s="403"/>
      <c r="CE13" s="403"/>
      <c r="CF13" s="403"/>
      <c r="CG13" s="403"/>
      <c r="CH13" s="403"/>
      <c r="CI13" s="403"/>
      <c r="CJ13" s="403"/>
      <c r="CK13" s="403"/>
      <c r="CL13" s="403"/>
      <c r="CM13" s="404"/>
      <c r="CQ13" s="3" ph="1"/>
      <c r="CR13" s="3" ph="1"/>
      <c r="CS13" s="3" ph="1"/>
      <c r="CT13" s="3" ph="1"/>
      <c r="CU13" s="3" ph="1"/>
      <c r="CV13" s="3" ph="1"/>
    </row>
    <row r="14" spans="1:100" ht="17.25" customHeight="1" x14ac:dyDescent="0.15">
      <c r="A14" s="426">
        <v>1</v>
      </c>
      <c r="B14" s="651"/>
      <c r="C14" s="651"/>
      <c r="D14" s="651"/>
      <c r="E14" s="651"/>
      <c r="F14" s="375"/>
      <c r="G14" s="375"/>
      <c r="H14" s="375"/>
      <c r="I14" s="375"/>
      <c r="J14" s="375"/>
      <c r="K14" s="375"/>
      <c r="L14" s="375"/>
      <c r="M14" s="375"/>
      <c r="N14" s="523"/>
      <c r="O14" s="418"/>
      <c r="P14" s="419"/>
      <c r="Q14" s="377"/>
      <c r="R14" s="220"/>
      <c r="S14" s="220"/>
      <c r="T14" s="220"/>
      <c r="U14" s="371"/>
      <c r="V14" s="220"/>
      <c r="W14" s="220"/>
      <c r="X14" s="220"/>
      <c r="Y14" s="371"/>
      <c r="Z14" s="220"/>
      <c r="AA14" s="220"/>
      <c r="AB14" s="220"/>
      <c r="AC14" s="220"/>
      <c r="AD14" s="220"/>
      <c r="AE14" s="220"/>
      <c r="AF14" s="220"/>
      <c r="AG14" s="220"/>
      <c r="AH14" s="220"/>
      <c r="AI14" s="220"/>
      <c r="AJ14" s="220"/>
      <c r="AK14" s="220"/>
      <c r="AL14" s="372"/>
      <c r="AM14" s="5"/>
      <c r="AN14" s="295"/>
      <c r="AO14" s="296"/>
      <c r="AP14" s="296"/>
      <c r="AQ14" s="296"/>
      <c r="AR14" s="296"/>
      <c r="AS14" s="297"/>
      <c r="AT14" s="395"/>
      <c r="AU14" s="396"/>
      <c r="AV14" s="396"/>
      <c r="AW14" s="396"/>
      <c r="AX14" s="396"/>
      <c r="AY14" s="396"/>
      <c r="AZ14" s="396"/>
      <c r="BA14" s="396"/>
      <c r="BB14" s="396"/>
      <c r="BC14" s="396"/>
      <c r="BD14" s="396"/>
      <c r="BE14" s="396"/>
      <c r="BF14" s="396"/>
      <c r="BG14" s="396"/>
      <c r="BH14" s="396"/>
      <c r="BI14" s="396"/>
      <c r="BJ14" s="396"/>
      <c r="BK14" s="396"/>
      <c r="BL14" s="396"/>
      <c r="BM14" s="396"/>
      <c r="BN14" s="396"/>
      <c r="BO14" s="396"/>
      <c r="BP14" s="396"/>
      <c r="BQ14" s="396"/>
      <c r="BR14" s="396"/>
      <c r="BS14" s="396"/>
      <c r="BT14" s="396"/>
      <c r="BU14" s="396"/>
      <c r="BV14" s="396"/>
      <c r="BW14" s="396"/>
      <c r="BX14" s="396"/>
      <c r="BY14" s="396"/>
      <c r="BZ14" s="396"/>
      <c r="CA14" s="396"/>
      <c r="CB14" s="396"/>
      <c r="CC14" s="396"/>
      <c r="CD14" s="396"/>
      <c r="CE14" s="396"/>
      <c r="CF14" s="396"/>
      <c r="CG14" s="396"/>
      <c r="CH14" s="396"/>
      <c r="CI14" s="396"/>
      <c r="CJ14" s="396"/>
      <c r="CK14" s="396"/>
      <c r="CL14" s="396"/>
      <c r="CM14" s="397"/>
      <c r="CQ14" s="3" ph="1"/>
      <c r="CR14" s="3" ph="1"/>
      <c r="CS14" s="3" ph="1"/>
      <c r="CT14" s="3" ph="1"/>
      <c r="CU14" s="3" ph="1"/>
      <c r="CV14" s="3" ph="1"/>
    </row>
    <row r="15" spans="1:100" ht="17.25" customHeight="1" x14ac:dyDescent="0.15">
      <c r="A15" s="428" t="s">
        <v>246</v>
      </c>
      <c r="B15" s="428"/>
      <c r="C15" s="428"/>
      <c r="D15" s="428"/>
      <c r="E15" s="428"/>
      <c r="F15" s="429">
        <v>46370</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92" t="s">
        <v>221</v>
      </c>
      <c r="AO15" s="293"/>
      <c r="AP15" s="293"/>
      <c r="AQ15" s="293"/>
      <c r="AR15" s="293"/>
      <c r="AS15" s="294"/>
      <c r="AT15" s="392" t="s">
        <v>1336</v>
      </c>
      <c r="AU15" s="393"/>
      <c r="AV15" s="393"/>
      <c r="AW15" s="393"/>
      <c r="AX15" s="393"/>
      <c r="AY15" s="393"/>
      <c r="AZ15" s="393"/>
      <c r="BA15" s="393"/>
      <c r="BB15" s="393"/>
      <c r="BC15" s="393"/>
      <c r="BD15" s="393"/>
      <c r="BE15" s="393"/>
      <c r="BF15" s="393"/>
      <c r="BG15" s="393"/>
      <c r="BH15" s="393"/>
      <c r="BI15" s="393"/>
      <c r="BJ15" s="393"/>
      <c r="BK15" s="393"/>
      <c r="BL15" s="393"/>
      <c r="BM15" s="393"/>
      <c r="BN15" s="393"/>
      <c r="BO15" s="393"/>
      <c r="BP15" s="393"/>
      <c r="BQ15" s="393"/>
      <c r="BR15" s="393"/>
      <c r="BS15" s="393"/>
      <c r="BT15" s="393"/>
      <c r="BU15" s="393"/>
      <c r="BV15" s="393"/>
      <c r="BW15" s="393"/>
      <c r="BX15" s="393"/>
      <c r="BY15" s="393"/>
      <c r="BZ15" s="393"/>
      <c r="CA15" s="393"/>
      <c r="CB15" s="393"/>
      <c r="CC15" s="393"/>
      <c r="CD15" s="393"/>
      <c r="CE15" s="393"/>
      <c r="CF15" s="393"/>
      <c r="CG15" s="393"/>
      <c r="CH15" s="393"/>
      <c r="CI15" s="393"/>
      <c r="CJ15" s="393"/>
      <c r="CK15" s="393"/>
      <c r="CL15" s="393"/>
      <c r="CM15" s="394"/>
    </row>
    <row r="16" spans="1:100" ht="17.25" customHeight="1" x14ac:dyDescent="0.15">
      <c r="A16" s="382" t="s">
        <v>213</v>
      </c>
      <c r="B16" s="484"/>
      <c r="C16" s="484"/>
      <c r="D16" s="484"/>
      <c r="E16" s="485"/>
      <c r="F16" s="345" t="s">
        <v>1269</v>
      </c>
      <c r="G16" s="346"/>
      <c r="H16" s="346"/>
      <c r="I16" s="346"/>
      <c r="J16" s="346"/>
      <c r="K16" s="346"/>
      <c r="L16" s="346"/>
      <c r="M16" s="346"/>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436"/>
      <c r="AO16" s="437"/>
      <c r="AP16" s="437"/>
      <c r="AQ16" s="437"/>
      <c r="AR16" s="437"/>
      <c r="AS16" s="438"/>
      <c r="AT16" s="402"/>
      <c r="AU16" s="403"/>
      <c r="AV16" s="403"/>
      <c r="AW16" s="403"/>
      <c r="AX16" s="403"/>
      <c r="AY16" s="403"/>
      <c r="AZ16" s="403"/>
      <c r="BA16" s="403"/>
      <c r="BB16" s="403"/>
      <c r="BC16" s="403"/>
      <c r="BD16" s="403"/>
      <c r="BE16" s="403"/>
      <c r="BF16" s="403"/>
      <c r="BG16" s="403"/>
      <c r="BH16" s="403"/>
      <c r="BI16" s="403"/>
      <c r="BJ16" s="403"/>
      <c r="BK16" s="403"/>
      <c r="BL16" s="403"/>
      <c r="BM16" s="403"/>
      <c r="BN16" s="403"/>
      <c r="BO16" s="403"/>
      <c r="BP16" s="403"/>
      <c r="BQ16" s="403"/>
      <c r="BR16" s="403"/>
      <c r="BS16" s="403"/>
      <c r="BT16" s="403"/>
      <c r="BU16" s="403"/>
      <c r="BV16" s="403"/>
      <c r="BW16" s="403"/>
      <c r="BX16" s="403"/>
      <c r="BY16" s="403"/>
      <c r="BZ16" s="403"/>
      <c r="CA16" s="403"/>
      <c r="CB16" s="403"/>
      <c r="CC16" s="403"/>
      <c r="CD16" s="403"/>
      <c r="CE16" s="403"/>
      <c r="CF16" s="403"/>
      <c r="CG16" s="403"/>
      <c r="CH16" s="403"/>
      <c r="CI16" s="403"/>
      <c r="CJ16" s="403"/>
      <c r="CK16" s="403"/>
      <c r="CL16" s="403"/>
      <c r="CM16" s="404"/>
      <c r="CQ16" s="3" ph="1"/>
      <c r="CR16" s="3" ph="1"/>
      <c r="CS16" s="3" ph="1"/>
      <c r="CT16" s="3" ph="1"/>
      <c r="CU16" s="3" ph="1"/>
      <c r="CV16" s="3" ph="1"/>
    </row>
    <row r="17" spans="1:100" ht="17.25" customHeight="1" x14ac:dyDescent="0.15">
      <c r="A17" s="361"/>
      <c r="B17" s="362"/>
      <c r="C17" s="362"/>
      <c r="D17" s="362"/>
      <c r="E17" s="363"/>
      <c r="F17" s="398" t="s">
        <v>1268</v>
      </c>
      <c r="G17" s="1244"/>
      <c r="H17" s="1244"/>
      <c r="I17" s="1244"/>
      <c r="J17" s="1244"/>
      <c r="K17" s="1244"/>
      <c r="L17" s="1244"/>
      <c r="M17" s="1244"/>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95"/>
      <c r="AO17" s="296"/>
      <c r="AP17" s="296"/>
      <c r="AQ17" s="296"/>
      <c r="AR17" s="296"/>
      <c r="AS17" s="297"/>
      <c r="AT17" s="395"/>
      <c r="AU17" s="396"/>
      <c r="AV17" s="396"/>
      <c r="AW17" s="396"/>
      <c r="AX17" s="396"/>
      <c r="AY17" s="396"/>
      <c r="AZ17" s="396"/>
      <c r="BA17" s="396"/>
      <c r="BB17" s="396"/>
      <c r="BC17" s="396"/>
      <c r="BD17" s="396"/>
      <c r="BE17" s="396"/>
      <c r="BF17" s="396"/>
      <c r="BG17" s="396"/>
      <c r="BH17" s="396"/>
      <c r="BI17" s="396"/>
      <c r="BJ17" s="396"/>
      <c r="BK17" s="396"/>
      <c r="BL17" s="396"/>
      <c r="BM17" s="396"/>
      <c r="BN17" s="396"/>
      <c r="BO17" s="396"/>
      <c r="BP17" s="396"/>
      <c r="BQ17" s="396"/>
      <c r="BR17" s="396"/>
      <c r="BS17" s="396"/>
      <c r="BT17" s="396"/>
      <c r="BU17" s="396"/>
      <c r="BV17" s="396"/>
      <c r="BW17" s="396"/>
      <c r="BX17" s="396"/>
      <c r="BY17" s="396"/>
      <c r="BZ17" s="396"/>
      <c r="CA17" s="396"/>
      <c r="CB17" s="396"/>
      <c r="CC17" s="396"/>
      <c r="CD17" s="396"/>
      <c r="CE17" s="396"/>
      <c r="CF17" s="396"/>
      <c r="CG17" s="396"/>
      <c r="CH17" s="396"/>
      <c r="CI17" s="396"/>
      <c r="CJ17" s="396"/>
      <c r="CK17" s="396"/>
      <c r="CL17" s="396"/>
      <c r="CM17" s="397"/>
      <c r="CQ17" s="3" ph="1"/>
      <c r="CR17" s="3" ph="1"/>
      <c r="CS17" s="3" ph="1"/>
      <c r="CT17" s="3" ph="1"/>
      <c r="CU17" s="3" ph="1"/>
      <c r="CV17" s="3" ph="1"/>
    </row>
    <row r="18" spans="1:100" ht="17.25" customHeight="1" x14ac:dyDescent="0.15">
      <c r="A18" s="361"/>
      <c r="B18" s="362"/>
      <c r="C18" s="362"/>
      <c r="D18" s="362"/>
      <c r="E18" s="363"/>
      <c r="F18" s="1245"/>
      <c r="G18" s="1245"/>
      <c r="H18" s="1245"/>
      <c r="I18" s="1245"/>
      <c r="J18" s="1245"/>
      <c r="K18" s="1245"/>
      <c r="L18" s="1245"/>
      <c r="M18" s="1245"/>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92" t="s">
        <v>222</v>
      </c>
      <c r="AO18" s="293"/>
      <c r="AP18" s="293"/>
      <c r="AQ18" s="293"/>
      <c r="AR18" s="293"/>
      <c r="AS18" s="294"/>
      <c r="AT18" s="392" t="s">
        <v>1375</v>
      </c>
      <c r="AU18" s="393"/>
      <c r="AV18" s="393"/>
      <c r="AW18" s="393"/>
      <c r="AX18" s="393"/>
      <c r="AY18" s="393"/>
      <c r="AZ18" s="393"/>
      <c r="BA18" s="393"/>
      <c r="BB18" s="393"/>
      <c r="BC18" s="393"/>
      <c r="BD18" s="393"/>
      <c r="BE18" s="393"/>
      <c r="BF18" s="393"/>
      <c r="BG18" s="393"/>
      <c r="BH18" s="393"/>
      <c r="BI18" s="393"/>
      <c r="BJ18" s="393"/>
      <c r="BK18" s="393"/>
      <c r="BL18" s="393"/>
      <c r="BM18" s="393"/>
      <c r="BN18" s="393"/>
      <c r="BO18" s="393"/>
      <c r="BP18" s="393"/>
      <c r="BQ18" s="393"/>
      <c r="BR18" s="393"/>
      <c r="BS18" s="393"/>
      <c r="BT18" s="393"/>
      <c r="BU18" s="393"/>
      <c r="BV18" s="393"/>
      <c r="BW18" s="393"/>
      <c r="BX18" s="393"/>
      <c r="BY18" s="393"/>
      <c r="BZ18" s="393"/>
      <c r="CA18" s="393"/>
      <c r="CB18" s="393"/>
      <c r="CC18" s="393"/>
      <c r="CD18" s="393"/>
      <c r="CE18" s="393"/>
      <c r="CF18" s="393"/>
      <c r="CG18" s="393"/>
      <c r="CH18" s="393"/>
      <c r="CI18" s="393"/>
      <c r="CJ18" s="393"/>
      <c r="CK18" s="393"/>
      <c r="CL18" s="393"/>
      <c r="CM18" s="394"/>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436"/>
      <c r="AO19" s="437"/>
      <c r="AP19" s="437"/>
      <c r="AQ19" s="437"/>
      <c r="AR19" s="437"/>
      <c r="AS19" s="438"/>
      <c r="AT19" s="402"/>
      <c r="AU19" s="403"/>
      <c r="AV19" s="403"/>
      <c r="AW19" s="403"/>
      <c r="AX19" s="403"/>
      <c r="AY19" s="403"/>
      <c r="AZ19" s="403"/>
      <c r="BA19" s="403"/>
      <c r="BB19" s="403"/>
      <c r="BC19" s="403"/>
      <c r="BD19" s="403"/>
      <c r="BE19" s="403"/>
      <c r="BF19" s="403"/>
      <c r="BG19" s="403"/>
      <c r="BH19" s="403"/>
      <c r="BI19" s="403"/>
      <c r="BJ19" s="403"/>
      <c r="BK19" s="403"/>
      <c r="BL19" s="403"/>
      <c r="BM19" s="403"/>
      <c r="BN19" s="403"/>
      <c r="BO19" s="403"/>
      <c r="BP19" s="403"/>
      <c r="BQ19" s="403"/>
      <c r="BR19" s="403"/>
      <c r="BS19" s="403"/>
      <c r="BT19" s="403"/>
      <c r="BU19" s="403"/>
      <c r="BV19" s="403"/>
      <c r="BW19" s="403"/>
      <c r="BX19" s="403"/>
      <c r="BY19" s="403"/>
      <c r="BZ19" s="403"/>
      <c r="CA19" s="403"/>
      <c r="CB19" s="403"/>
      <c r="CC19" s="403"/>
      <c r="CD19" s="403"/>
      <c r="CE19" s="403"/>
      <c r="CF19" s="403"/>
      <c r="CG19" s="403"/>
      <c r="CH19" s="403"/>
      <c r="CI19" s="403"/>
      <c r="CJ19" s="403"/>
      <c r="CK19" s="403"/>
      <c r="CL19" s="403"/>
      <c r="CM19" s="404"/>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95"/>
      <c r="AO20" s="296"/>
      <c r="AP20" s="296"/>
      <c r="AQ20" s="296"/>
      <c r="AR20" s="296"/>
      <c r="AS20" s="297"/>
      <c r="AT20" s="395"/>
      <c r="AU20" s="396"/>
      <c r="AV20" s="396"/>
      <c r="AW20" s="396"/>
      <c r="AX20" s="396"/>
      <c r="AY20" s="396"/>
      <c r="AZ20" s="396"/>
      <c r="BA20" s="396"/>
      <c r="BB20" s="396"/>
      <c r="BC20" s="396"/>
      <c r="BD20" s="396"/>
      <c r="BE20" s="396"/>
      <c r="BF20" s="396"/>
      <c r="BG20" s="396"/>
      <c r="BH20" s="396"/>
      <c r="BI20" s="396"/>
      <c r="BJ20" s="396"/>
      <c r="BK20" s="396"/>
      <c r="BL20" s="396"/>
      <c r="BM20" s="396"/>
      <c r="BN20" s="396"/>
      <c r="BO20" s="396"/>
      <c r="BP20" s="396"/>
      <c r="BQ20" s="396"/>
      <c r="BR20" s="396"/>
      <c r="BS20" s="396"/>
      <c r="BT20" s="396"/>
      <c r="BU20" s="396"/>
      <c r="BV20" s="396"/>
      <c r="BW20" s="396"/>
      <c r="BX20" s="396"/>
      <c r="BY20" s="396"/>
      <c r="BZ20" s="396"/>
      <c r="CA20" s="396"/>
      <c r="CB20" s="396"/>
      <c r="CC20" s="396"/>
      <c r="CD20" s="396"/>
      <c r="CE20" s="396"/>
      <c r="CF20" s="396"/>
      <c r="CG20" s="396"/>
      <c r="CH20" s="396"/>
      <c r="CI20" s="396"/>
      <c r="CJ20" s="396"/>
      <c r="CK20" s="396"/>
      <c r="CL20" s="396"/>
      <c r="CM20" s="397"/>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7"/>
      <c r="R21" s="220"/>
      <c r="S21" s="220"/>
      <c r="T21" s="220"/>
      <c r="U21" s="371"/>
      <c r="V21" s="220"/>
      <c r="W21" s="220"/>
      <c r="X21" s="220"/>
      <c r="Y21" s="371"/>
      <c r="Z21" s="220"/>
      <c r="AA21" s="220"/>
      <c r="AB21" s="220"/>
      <c r="AC21" s="220"/>
      <c r="AD21" s="220"/>
      <c r="AE21" s="220"/>
      <c r="AF21" s="220"/>
      <c r="AG21" s="220"/>
      <c r="AH21" s="220"/>
      <c r="AI21" s="220"/>
      <c r="AJ21" s="220"/>
      <c r="AK21" s="220"/>
      <c r="AL21" s="372"/>
      <c r="AM21" s="5"/>
      <c r="AN21" s="166" t="s">
        <v>257</v>
      </c>
      <c r="AO21" s="166"/>
      <c r="AP21" s="166"/>
      <c r="AQ21" s="166"/>
      <c r="AR21" s="166"/>
      <c r="AS21" s="166"/>
      <c r="AT21" s="166"/>
      <c r="AU21" s="166"/>
      <c r="AV21" s="166"/>
      <c r="AW21" s="166"/>
      <c r="AX21" s="166"/>
      <c r="AY21" s="166"/>
      <c r="AZ21" s="166"/>
      <c r="BA21" s="166"/>
      <c r="BB21" s="166"/>
      <c r="BC21" s="166"/>
      <c r="BD21" s="166"/>
      <c r="BE21" s="166"/>
      <c r="BF21" s="166"/>
      <c r="BG21" s="166"/>
      <c r="BH21" s="166"/>
      <c r="BI21" s="166"/>
      <c r="BJ21" s="166"/>
      <c r="BK21" s="166"/>
      <c r="BL21" s="166"/>
      <c r="BM21" s="166"/>
      <c r="BN21" s="166"/>
      <c r="BO21" s="166"/>
      <c r="BP21" s="166"/>
      <c r="BQ21" s="166"/>
      <c r="BR21" s="166"/>
      <c r="BS21" s="166"/>
      <c r="BT21" s="166"/>
      <c r="BU21" s="166"/>
      <c r="BV21" s="166"/>
      <c r="BW21" s="166"/>
      <c r="BX21" s="166"/>
      <c r="BY21" s="166"/>
      <c r="BZ21" s="166"/>
      <c r="CA21" s="166"/>
      <c r="CB21" s="166"/>
      <c r="CC21" s="166"/>
      <c r="CD21" s="166"/>
      <c r="CE21" s="166"/>
      <c r="CF21" s="166"/>
      <c r="CG21" s="166"/>
      <c r="CH21" s="166"/>
      <c r="CI21" s="166"/>
      <c r="CJ21" s="166"/>
      <c r="CK21" s="166"/>
      <c r="CL21" s="166"/>
      <c r="CM21" s="166"/>
      <c r="CQ21" s="3" ph="1"/>
      <c r="CR21" s="3" ph="1"/>
      <c r="CS21" s="3" ph="1"/>
      <c r="CT21" s="3" ph="1"/>
      <c r="CU21" s="3" ph="1"/>
      <c r="CV21" s="3" ph="1"/>
    </row>
    <row r="22" spans="1:100" ht="17.25" customHeight="1" x14ac:dyDescent="0.15">
      <c r="A22" s="332" t="s">
        <v>259</v>
      </c>
      <c r="B22" s="332"/>
      <c r="C22" s="332"/>
      <c r="D22" s="332"/>
      <c r="E22" s="332"/>
      <c r="F22" s="330" t="s">
        <v>1692</v>
      </c>
      <c r="G22" s="331"/>
      <c r="H22" s="331"/>
      <c r="I22" s="331"/>
      <c r="J22" s="331"/>
      <c r="K22" s="331"/>
      <c r="L22" s="331"/>
      <c r="M22" s="331"/>
      <c r="N22" s="523"/>
      <c r="O22" s="1031" t="s">
        <v>258</v>
      </c>
      <c r="P22" s="1031"/>
      <c r="Q22" s="1230" t="s">
        <v>980</v>
      </c>
      <c r="R22" s="1230"/>
      <c r="S22" s="1230"/>
      <c r="T22" s="1230"/>
      <c r="U22" s="1230"/>
      <c r="V22" s="1230"/>
      <c r="W22" s="1230"/>
      <c r="X22" s="1230"/>
      <c r="Y22" s="1230"/>
      <c r="Z22" s="1230"/>
      <c r="AA22" s="1230"/>
      <c r="AB22" s="1230"/>
      <c r="AC22" s="1230"/>
      <c r="AD22" s="1230"/>
      <c r="AE22" s="1230"/>
      <c r="AF22" s="1230"/>
      <c r="AG22" s="1230"/>
      <c r="AH22" s="1230"/>
      <c r="AI22" s="1230"/>
      <c r="AJ22" s="1230"/>
      <c r="AK22" s="1230"/>
      <c r="AL22" s="1230"/>
      <c r="AM22" s="5"/>
      <c r="AN22" s="2" t="s">
        <v>738</v>
      </c>
      <c r="AO22" s="1246" t="s">
        <v>1192</v>
      </c>
      <c r="AP22" s="1246"/>
      <c r="AQ22" s="1246"/>
      <c r="AR22" s="1246"/>
      <c r="AS22" s="1246"/>
      <c r="AT22" s="1246"/>
      <c r="AU22" s="1246"/>
      <c r="AV22" s="1246"/>
      <c r="AW22" s="1246"/>
      <c r="AX22" s="1246"/>
      <c r="AY22" s="1246"/>
      <c r="AZ22" s="1246"/>
      <c r="BA22" s="1246"/>
      <c r="BB22" s="1246"/>
      <c r="BC22" s="1246"/>
      <c r="BD22" s="1246"/>
      <c r="BE22" s="1246"/>
      <c r="BF22" s="1246"/>
      <c r="BG22" s="1246"/>
      <c r="BH22" s="1246"/>
      <c r="BI22" s="1246"/>
      <c r="BJ22" s="1246"/>
      <c r="BK22" s="1246"/>
      <c r="BL22" s="1246"/>
      <c r="BM22" s="1246"/>
      <c r="BN22" s="1246"/>
      <c r="BO22" s="1246"/>
      <c r="BP22" s="1246"/>
      <c r="BQ22" s="1246"/>
      <c r="BR22" s="1246"/>
      <c r="BS22" s="1246"/>
      <c r="BT22" s="1246"/>
      <c r="BU22" s="1246"/>
      <c r="BV22" s="1246"/>
      <c r="BW22" s="1246"/>
      <c r="BX22" s="1246"/>
      <c r="BY22" s="1246"/>
      <c r="BZ22" s="1246"/>
      <c r="CA22" s="1246"/>
      <c r="CB22" s="1246"/>
      <c r="CC22" s="1246"/>
      <c r="CD22" s="1246"/>
      <c r="CE22" s="1246"/>
      <c r="CF22" s="1246"/>
      <c r="CG22" s="1246"/>
      <c r="CH22" s="1246"/>
      <c r="CI22" s="1246"/>
      <c r="CJ22" s="1246"/>
      <c r="CK22" s="1246"/>
      <c r="CL22" s="1246"/>
      <c r="CM22" s="1247"/>
      <c r="CQ22" s="3" ph="1"/>
      <c r="CR22" s="3" ph="1"/>
      <c r="CS22" s="3" ph="1"/>
      <c r="CT22" s="3" ph="1"/>
      <c r="CU22" s="3" ph="1"/>
      <c r="CV22" s="3" ph="1"/>
    </row>
    <row r="23" spans="1:100" ht="17.25" customHeight="1" x14ac:dyDescent="0.15">
      <c r="A23" s="328"/>
      <c r="B23" s="328"/>
      <c r="C23" s="328"/>
      <c r="D23" s="328"/>
      <c r="E23" s="328"/>
      <c r="F23" s="336" t="s">
        <v>1691</v>
      </c>
      <c r="G23" s="337"/>
      <c r="H23" s="337"/>
      <c r="I23" s="337"/>
      <c r="J23" s="337"/>
      <c r="K23" s="337"/>
      <c r="L23" s="337"/>
      <c r="M23" s="338"/>
      <c r="N23" s="523"/>
      <c r="O23" s="1031"/>
      <c r="P23" s="1031"/>
      <c r="Q23" s="355">
        <v>35827</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37" t="s">
        <v>738</v>
      </c>
      <c r="AO23" s="273" t="s">
        <v>1521</v>
      </c>
      <c r="AP23" s="273"/>
      <c r="AQ23" s="273"/>
      <c r="AR23" s="273"/>
      <c r="AS23" s="273"/>
      <c r="AT23" s="273"/>
      <c r="AU23" s="273"/>
      <c r="AV23" s="273"/>
      <c r="AW23" s="273"/>
      <c r="AX23" s="273"/>
      <c r="AY23" s="273"/>
      <c r="AZ23" s="273"/>
      <c r="BA23" s="273"/>
      <c r="BB23" s="273"/>
      <c r="BC23" s="273"/>
      <c r="BD23" s="273"/>
      <c r="BE23" s="273"/>
      <c r="BF23" s="273"/>
      <c r="BG23" s="273"/>
      <c r="BH23" s="273"/>
      <c r="BI23" s="273"/>
      <c r="BJ23" s="273"/>
      <c r="BK23" s="273"/>
      <c r="BL23" s="273"/>
      <c r="BM23" s="273"/>
      <c r="BN23" s="273"/>
      <c r="BO23" s="273"/>
      <c r="BP23" s="273"/>
      <c r="BQ23" s="273"/>
      <c r="BR23" s="273"/>
      <c r="BS23" s="273"/>
      <c r="BT23" s="273"/>
      <c r="BU23" s="273"/>
      <c r="BV23" s="273"/>
      <c r="BW23" s="273"/>
      <c r="BX23" s="273"/>
      <c r="BY23" s="273"/>
      <c r="BZ23" s="273"/>
      <c r="CA23" s="273"/>
      <c r="CB23" s="273"/>
      <c r="CC23" s="273"/>
      <c r="CD23" s="273"/>
      <c r="CE23" s="273"/>
      <c r="CF23" s="273"/>
      <c r="CG23" s="273"/>
      <c r="CH23" s="273"/>
      <c r="CI23" s="273"/>
      <c r="CJ23" s="273"/>
      <c r="CK23" s="273"/>
      <c r="CL23" s="273"/>
      <c r="CM23" s="274"/>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231" t="s">
        <v>981</v>
      </c>
      <c r="R24" s="1231"/>
      <c r="S24" s="1231"/>
      <c r="T24" s="1231"/>
      <c r="U24" s="1231"/>
      <c r="V24" s="1231"/>
      <c r="W24" s="1231"/>
      <c r="X24" s="1231"/>
      <c r="Y24" s="1231"/>
      <c r="Z24" s="1231"/>
      <c r="AA24" s="1231"/>
      <c r="AB24" s="1231"/>
      <c r="AC24" s="1231"/>
      <c r="AD24" s="1231"/>
      <c r="AE24" s="1231"/>
      <c r="AF24" s="1231"/>
      <c r="AG24" s="1231"/>
      <c r="AH24" s="1231"/>
      <c r="AI24" s="1231"/>
      <c r="AJ24" s="1231"/>
      <c r="AK24" s="1231"/>
      <c r="AL24" s="1231"/>
      <c r="AM24" s="5"/>
      <c r="AN24" s="37" t="s">
        <v>738</v>
      </c>
      <c r="AO24" s="993" t="s">
        <v>1193</v>
      </c>
      <c r="AP24" s="993"/>
      <c r="AQ24" s="993"/>
      <c r="AR24" s="993"/>
      <c r="AS24" s="993"/>
      <c r="AT24" s="993"/>
      <c r="AU24" s="993"/>
      <c r="AV24" s="993"/>
      <c r="AW24" s="993"/>
      <c r="AX24" s="993"/>
      <c r="AY24" s="993"/>
      <c r="AZ24" s="993"/>
      <c r="BA24" s="993"/>
      <c r="BB24" s="993"/>
      <c r="BC24" s="993"/>
      <c r="BD24" s="993"/>
      <c r="BE24" s="993"/>
      <c r="BF24" s="993"/>
      <c r="BG24" s="993"/>
      <c r="BH24" s="993"/>
      <c r="BI24" s="993"/>
      <c r="BJ24" s="993"/>
      <c r="BK24" s="993"/>
      <c r="BL24" s="993"/>
      <c r="BM24" s="993"/>
      <c r="BN24" s="993"/>
      <c r="BO24" s="993"/>
      <c r="BP24" s="993"/>
      <c r="BQ24" s="993"/>
      <c r="BR24" s="993"/>
      <c r="BS24" s="993"/>
      <c r="BT24" s="993"/>
      <c r="BU24" s="993"/>
      <c r="BV24" s="993"/>
      <c r="BW24" s="993"/>
      <c r="BX24" s="993"/>
      <c r="BY24" s="993"/>
      <c r="BZ24" s="993"/>
      <c r="CA24" s="993"/>
      <c r="CB24" s="993"/>
      <c r="CC24" s="993"/>
      <c r="CD24" s="993"/>
      <c r="CE24" s="993"/>
      <c r="CF24" s="993"/>
      <c r="CG24" s="993"/>
      <c r="CH24" s="993"/>
      <c r="CI24" s="993"/>
      <c r="CJ24" s="993"/>
      <c r="CK24" s="993"/>
      <c r="CL24" s="993"/>
      <c r="CM24" s="994"/>
      <c r="CQ24" s="3" ph="1"/>
      <c r="CR24" s="3" ph="1"/>
      <c r="CS24" s="3" ph="1"/>
      <c r="CT24" s="3" ph="1"/>
      <c r="CU24" s="3" ph="1"/>
      <c r="CV24" s="3" ph="1"/>
    </row>
    <row r="25" spans="1:100" ht="17.25" customHeight="1" x14ac:dyDescent="0.15">
      <c r="A25" s="328" t="s">
        <v>263</v>
      </c>
      <c r="B25" s="328"/>
      <c r="C25" s="328"/>
      <c r="D25" s="328"/>
      <c r="E25" s="328"/>
      <c r="F25" s="844" t="s">
        <v>1693</v>
      </c>
      <c r="G25" s="845"/>
      <c r="H25" s="845"/>
      <c r="I25" s="845"/>
      <c r="J25" s="845"/>
      <c r="K25" s="845"/>
      <c r="L25" s="845"/>
      <c r="M25" s="845"/>
      <c r="N25" s="523"/>
      <c r="O25" s="428"/>
      <c r="P25" s="428"/>
      <c r="Q25" s="355">
        <v>27485</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738</v>
      </c>
      <c r="AO25" s="993" t="s">
        <v>1337</v>
      </c>
      <c r="AP25" s="993"/>
      <c r="AQ25" s="993"/>
      <c r="AR25" s="993"/>
      <c r="AS25" s="993"/>
      <c r="AT25" s="993"/>
      <c r="AU25" s="993"/>
      <c r="AV25" s="993"/>
      <c r="AW25" s="993"/>
      <c r="AX25" s="993"/>
      <c r="AY25" s="993"/>
      <c r="AZ25" s="993"/>
      <c r="BA25" s="993"/>
      <c r="BB25" s="993"/>
      <c r="BC25" s="993"/>
      <c r="BD25" s="993"/>
      <c r="BE25" s="993"/>
      <c r="BF25" s="993"/>
      <c r="BG25" s="993"/>
      <c r="BH25" s="993"/>
      <c r="BI25" s="993"/>
      <c r="BJ25" s="993"/>
      <c r="BK25" s="993"/>
      <c r="BL25" s="993"/>
      <c r="BM25" s="993"/>
      <c r="BN25" s="993"/>
      <c r="BO25" s="993"/>
      <c r="BP25" s="993"/>
      <c r="BQ25" s="993"/>
      <c r="BR25" s="993"/>
      <c r="BS25" s="993"/>
      <c r="BT25" s="993"/>
      <c r="BU25" s="993"/>
      <c r="BV25" s="993"/>
      <c r="BW25" s="993"/>
      <c r="BX25" s="993"/>
      <c r="BY25" s="993"/>
      <c r="BZ25" s="993"/>
      <c r="CA25" s="993"/>
      <c r="CB25" s="993"/>
      <c r="CC25" s="993"/>
      <c r="CD25" s="993"/>
      <c r="CE25" s="993"/>
      <c r="CF25" s="993"/>
      <c r="CG25" s="993"/>
      <c r="CH25" s="993"/>
      <c r="CI25" s="993"/>
      <c r="CJ25" s="993"/>
      <c r="CK25" s="993"/>
      <c r="CL25" s="993"/>
      <c r="CM25" s="994"/>
      <c r="CQ25" s="3" ph="1"/>
      <c r="CR25" s="3" ph="1"/>
      <c r="CS25" s="3" ph="1"/>
      <c r="CT25" s="3" ph="1"/>
      <c r="CU25" s="3" ph="1"/>
      <c r="CV25" s="3" ph="1"/>
    </row>
    <row r="26" spans="1:100" ht="17.25" customHeight="1" x14ac:dyDescent="0.15">
      <c r="A26" s="328"/>
      <c r="B26" s="328"/>
      <c r="C26" s="328"/>
      <c r="D26" s="328"/>
      <c r="E26" s="328"/>
      <c r="F26" s="564" t="s">
        <v>1694</v>
      </c>
      <c r="G26" s="565"/>
      <c r="H26" s="565"/>
      <c r="I26" s="565"/>
      <c r="J26" s="565"/>
      <c r="K26" s="565"/>
      <c r="L26" s="565"/>
      <c r="M26" s="566"/>
      <c r="N26" s="523"/>
      <c r="O26" s="428" t="s">
        <v>264</v>
      </c>
      <c r="P26" s="428"/>
      <c r="Q26" s="965" t="s">
        <v>982</v>
      </c>
      <c r="R26" s="965"/>
      <c r="S26" s="965"/>
      <c r="T26" s="965"/>
      <c r="U26" s="965"/>
      <c r="V26" s="965"/>
      <c r="W26" s="965"/>
      <c r="X26" s="965"/>
      <c r="Y26" s="965"/>
      <c r="Z26" s="965"/>
      <c r="AA26" s="965"/>
      <c r="AB26" s="965"/>
      <c r="AC26" s="965"/>
      <c r="AD26" s="965"/>
      <c r="AE26" s="965"/>
      <c r="AF26" s="965"/>
      <c r="AG26" s="965"/>
      <c r="AH26" s="965"/>
      <c r="AI26" s="965"/>
      <c r="AJ26" s="965"/>
      <c r="AK26" s="965"/>
      <c r="AL26" s="965"/>
      <c r="AM26" s="5"/>
      <c r="AN26" s="17" t="s">
        <v>16</v>
      </c>
      <c r="AO26" s="1001" t="s">
        <v>1338</v>
      </c>
      <c r="AP26" s="1001"/>
      <c r="AQ26" s="1001"/>
      <c r="AR26" s="1001"/>
      <c r="AS26" s="1001"/>
      <c r="AT26" s="1001"/>
      <c r="AU26" s="1001"/>
      <c r="AV26" s="1001"/>
      <c r="AW26" s="1001"/>
      <c r="AX26" s="1001"/>
      <c r="AY26" s="1001"/>
      <c r="AZ26" s="1001"/>
      <c r="BA26" s="1001"/>
      <c r="BB26" s="1001"/>
      <c r="BC26" s="1001"/>
      <c r="BD26" s="1001"/>
      <c r="BE26" s="1001"/>
      <c r="BF26" s="1001"/>
      <c r="BG26" s="1001"/>
      <c r="BH26" s="1001"/>
      <c r="BI26" s="1001"/>
      <c r="BJ26" s="1001"/>
      <c r="BK26" s="1001"/>
      <c r="BL26" s="1001"/>
      <c r="BM26" s="1001"/>
      <c r="BN26" s="1001"/>
      <c r="BO26" s="1001"/>
      <c r="BP26" s="1001"/>
      <c r="BQ26" s="1001"/>
      <c r="BR26" s="1001"/>
      <c r="BS26" s="1001"/>
      <c r="BT26" s="1001"/>
      <c r="BU26" s="1001"/>
      <c r="BV26" s="1001"/>
      <c r="BW26" s="1001"/>
      <c r="BX26" s="1001"/>
      <c r="BY26" s="1001"/>
      <c r="BZ26" s="1001"/>
      <c r="CA26" s="1001"/>
      <c r="CB26" s="1001"/>
      <c r="CC26" s="1001"/>
      <c r="CD26" s="1001"/>
      <c r="CE26" s="1001"/>
      <c r="CF26" s="1001"/>
      <c r="CG26" s="1001"/>
      <c r="CH26" s="1001"/>
      <c r="CI26" s="1001"/>
      <c r="CJ26" s="1001"/>
      <c r="CK26" s="1001"/>
      <c r="CL26" s="1001"/>
      <c r="CM26" s="1002"/>
      <c r="CQ26" s="3" ph="1"/>
      <c r="CR26" s="3" ph="1"/>
      <c r="CS26" s="3" ph="1"/>
      <c r="CT26" s="3" ph="1"/>
      <c r="CU26" s="3" ph="1"/>
      <c r="CV26" s="3" ph="1"/>
    </row>
    <row r="27" spans="1:100" ht="17.25" customHeight="1" x14ac:dyDescent="0.15">
      <c r="A27" s="329"/>
      <c r="B27" s="329"/>
      <c r="C27" s="329"/>
      <c r="D27" s="329"/>
      <c r="E27" s="329"/>
      <c r="F27" s="567"/>
      <c r="G27" s="568"/>
      <c r="H27" s="568"/>
      <c r="I27" s="568"/>
      <c r="J27" s="568"/>
      <c r="K27" s="568"/>
      <c r="L27" s="568"/>
      <c r="M27" s="569"/>
      <c r="N27" s="523"/>
      <c r="O27" s="428"/>
      <c r="P27" s="428"/>
      <c r="Q27" s="355" t="s">
        <v>983</v>
      </c>
      <c r="R27" s="355"/>
      <c r="S27" s="355"/>
      <c r="T27" s="355"/>
      <c r="U27" s="355"/>
      <c r="V27" s="355"/>
      <c r="W27" s="355"/>
      <c r="X27" s="355"/>
      <c r="Y27" s="355"/>
      <c r="Z27" s="355"/>
      <c r="AA27" s="355"/>
      <c r="AB27" s="355"/>
      <c r="AC27" s="355"/>
      <c r="AD27" s="355"/>
      <c r="AE27" s="355"/>
      <c r="AF27" s="355"/>
      <c r="AG27" s="355"/>
      <c r="AH27" s="355"/>
      <c r="AI27" s="355"/>
      <c r="AJ27" s="355"/>
      <c r="AK27" s="355"/>
      <c r="AL27" s="355"/>
      <c r="AM27" s="5"/>
      <c r="AN27" s="166" t="s">
        <v>261</v>
      </c>
      <c r="AO27" s="166"/>
      <c r="AP27" s="166"/>
      <c r="AQ27" s="166"/>
      <c r="AR27" s="166"/>
      <c r="AS27" s="166"/>
      <c r="AT27" s="166"/>
      <c r="AU27" s="166"/>
      <c r="AV27" s="166"/>
      <c r="AW27" s="166"/>
      <c r="AX27" s="166"/>
      <c r="AY27" s="166"/>
      <c r="AZ27" s="166"/>
      <c r="BA27" s="166"/>
      <c r="BB27" s="166"/>
      <c r="BC27" s="166"/>
      <c r="BD27" s="166"/>
      <c r="BE27" s="166"/>
      <c r="BF27" s="166"/>
      <c r="BG27" s="166"/>
      <c r="BH27" s="166"/>
      <c r="BI27" s="166"/>
      <c r="BJ27" s="166"/>
      <c r="BK27" s="166"/>
      <c r="BL27" s="166"/>
      <c r="BM27" s="166"/>
      <c r="BN27" s="166"/>
      <c r="BO27" s="166"/>
      <c r="BP27" s="166"/>
      <c r="BQ27" s="134"/>
      <c r="BR27" s="135"/>
      <c r="BS27" s="1"/>
      <c r="BT27" s="1"/>
      <c r="BU27" s="1"/>
      <c r="BV27" s="1"/>
      <c r="BW27" s="1"/>
      <c r="BX27" s="1"/>
      <c r="BY27" s="1"/>
      <c r="BZ27" s="1"/>
      <c r="CA27" s="1"/>
      <c r="CB27" s="1"/>
      <c r="CC27" s="1"/>
      <c r="CD27" s="1"/>
      <c r="CE27" s="1"/>
      <c r="CF27" s="1"/>
      <c r="CG27" s="1"/>
      <c r="CH27" s="1"/>
      <c r="CI27" s="1"/>
      <c r="CJ27" s="1"/>
      <c r="CK27" s="1"/>
      <c r="CL27" s="1"/>
      <c r="CM27" s="1"/>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794" t="s">
        <v>1367</v>
      </c>
      <c r="AO28" s="1248"/>
      <c r="AP28" s="1248"/>
      <c r="AQ28" s="1248"/>
      <c r="AR28" s="1248"/>
      <c r="AS28" s="1248"/>
      <c r="AT28" s="1248"/>
      <c r="AU28" s="1248"/>
      <c r="AV28" s="1248"/>
      <c r="AW28" s="1248"/>
      <c r="AX28" s="1248"/>
      <c r="AY28" s="1248"/>
      <c r="AZ28" s="1248"/>
      <c r="BA28" s="1248"/>
      <c r="BB28" s="1248"/>
      <c r="BC28" s="1248"/>
      <c r="BD28" s="1248"/>
      <c r="BE28" s="1248"/>
      <c r="BF28" s="1248"/>
      <c r="BG28" s="1248"/>
      <c r="BH28" s="1248"/>
      <c r="BI28" s="1248"/>
      <c r="BJ28" s="1248"/>
      <c r="BK28" s="1248"/>
      <c r="BL28" s="1248"/>
      <c r="BM28" s="1248"/>
      <c r="BN28" s="1248"/>
      <c r="BO28" s="1248"/>
      <c r="BP28" s="1249"/>
      <c r="BQ28" s="134"/>
      <c r="BR28" s="135"/>
      <c r="BS28" s="1"/>
      <c r="BT28" s="1"/>
      <c r="BU28" s="1"/>
      <c r="BV28" s="1"/>
      <c r="BW28" s="1"/>
      <c r="BX28" s="1"/>
      <c r="BY28" s="1"/>
      <c r="BZ28" s="1"/>
      <c r="CA28" s="1"/>
      <c r="CB28" s="1"/>
      <c r="CC28" s="1"/>
      <c r="CD28" s="1"/>
      <c r="CE28" s="1"/>
      <c r="CF28" s="1"/>
      <c r="CG28" s="1"/>
      <c r="CH28" s="1"/>
      <c r="CI28" s="1"/>
      <c r="CJ28" s="1"/>
      <c r="CK28" s="1"/>
      <c r="CL28" s="1"/>
      <c r="CM28" s="1"/>
      <c r="CQ28" s="3" ph="1"/>
      <c r="CR28" s="3" ph="1"/>
      <c r="CS28" s="3" ph="1"/>
      <c r="CT28" s="3" ph="1"/>
      <c r="CU28" s="3" ph="1"/>
      <c r="CV28" s="3" ph="1"/>
    </row>
    <row r="29" spans="1:100" ht="17.25" customHeight="1" x14ac:dyDescent="0.15">
      <c r="A29" s="466" t="s">
        <v>496</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1250"/>
      <c r="AO29" s="1251"/>
      <c r="AP29" s="1251"/>
      <c r="AQ29" s="1251"/>
      <c r="AR29" s="1251"/>
      <c r="AS29" s="1251"/>
      <c r="AT29" s="1251"/>
      <c r="AU29" s="1251"/>
      <c r="AV29" s="1251"/>
      <c r="AW29" s="1251"/>
      <c r="AX29" s="1251"/>
      <c r="AY29" s="1251"/>
      <c r="AZ29" s="1251"/>
      <c r="BA29" s="1251"/>
      <c r="BB29" s="1251"/>
      <c r="BC29" s="1251"/>
      <c r="BD29" s="1251"/>
      <c r="BE29" s="1251"/>
      <c r="BF29" s="1251"/>
      <c r="BG29" s="1251"/>
      <c r="BH29" s="1251"/>
      <c r="BI29" s="1251"/>
      <c r="BJ29" s="1251"/>
      <c r="BK29" s="1251"/>
      <c r="BL29" s="1251"/>
      <c r="BM29" s="1251"/>
      <c r="BN29" s="1251"/>
      <c r="BO29" s="1251"/>
      <c r="BP29" s="1252"/>
      <c r="BQ29" s="84"/>
      <c r="BR29" s="101"/>
      <c r="BS29" s="15"/>
      <c r="BT29" s="1"/>
      <c r="BU29" s="1"/>
      <c r="BV29" s="1"/>
      <c r="BW29" s="1"/>
      <c r="BX29" s="1"/>
      <c r="BY29" s="1"/>
      <c r="BZ29" s="1"/>
      <c r="CA29" s="1"/>
      <c r="CB29" s="129"/>
      <c r="CC29" s="129"/>
      <c r="CD29" s="129"/>
      <c r="CE29" s="129"/>
      <c r="CF29" s="129"/>
      <c r="CG29" s="129"/>
      <c r="CH29" s="129"/>
      <c r="CI29" s="129"/>
      <c r="CJ29" s="129"/>
      <c r="CK29" s="129"/>
      <c r="CL29" s="129"/>
      <c r="CM29" s="1"/>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1250"/>
      <c r="AO30" s="1251"/>
      <c r="AP30" s="1251"/>
      <c r="AQ30" s="1251"/>
      <c r="AR30" s="1251"/>
      <c r="AS30" s="1251"/>
      <c r="AT30" s="1251"/>
      <c r="AU30" s="1251"/>
      <c r="AV30" s="1251"/>
      <c r="AW30" s="1251"/>
      <c r="AX30" s="1251"/>
      <c r="AY30" s="1251"/>
      <c r="AZ30" s="1251"/>
      <c r="BA30" s="1251"/>
      <c r="BB30" s="1251"/>
      <c r="BC30" s="1251"/>
      <c r="BD30" s="1251"/>
      <c r="BE30" s="1251"/>
      <c r="BF30" s="1251"/>
      <c r="BG30" s="1251"/>
      <c r="BH30" s="1251"/>
      <c r="BI30" s="1251"/>
      <c r="BJ30" s="1251"/>
      <c r="BK30" s="1251"/>
      <c r="BL30" s="1251"/>
      <c r="BM30" s="1251"/>
      <c r="BN30" s="1251"/>
      <c r="BO30" s="1251"/>
      <c r="BP30" s="1252"/>
      <c r="BQ30" s="118"/>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1250"/>
      <c r="AO31" s="1251"/>
      <c r="AP31" s="1251"/>
      <c r="AQ31" s="1251"/>
      <c r="AR31" s="1251"/>
      <c r="AS31" s="1251"/>
      <c r="AT31" s="1251"/>
      <c r="AU31" s="1251"/>
      <c r="AV31" s="1251"/>
      <c r="AW31" s="1251"/>
      <c r="AX31" s="1251"/>
      <c r="AY31" s="1251"/>
      <c r="AZ31" s="1251"/>
      <c r="BA31" s="1251"/>
      <c r="BB31" s="1251"/>
      <c r="BC31" s="1251"/>
      <c r="BD31" s="1251"/>
      <c r="BE31" s="1251"/>
      <c r="BF31" s="1251"/>
      <c r="BG31" s="1251"/>
      <c r="BH31" s="1251"/>
      <c r="BI31" s="1251"/>
      <c r="BJ31" s="1251"/>
      <c r="BK31" s="1251"/>
      <c r="BL31" s="1251"/>
      <c r="BM31" s="1251"/>
      <c r="BN31" s="1251"/>
      <c r="BO31" s="1251"/>
      <c r="BP31" s="1252"/>
      <c r="BQ31" s="85"/>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1250"/>
      <c r="AO32" s="1251"/>
      <c r="AP32" s="1251"/>
      <c r="AQ32" s="1251"/>
      <c r="AR32" s="1251"/>
      <c r="AS32" s="1251"/>
      <c r="AT32" s="1251"/>
      <c r="AU32" s="1251"/>
      <c r="AV32" s="1251"/>
      <c r="AW32" s="1251"/>
      <c r="AX32" s="1251"/>
      <c r="AY32" s="1251"/>
      <c r="AZ32" s="1251"/>
      <c r="BA32" s="1251"/>
      <c r="BB32" s="1251"/>
      <c r="BC32" s="1251"/>
      <c r="BD32" s="1251"/>
      <c r="BE32" s="1251"/>
      <c r="BF32" s="1251"/>
      <c r="BG32" s="1251"/>
      <c r="BH32" s="1251"/>
      <c r="BI32" s="1251"/>
      <c r="BJ32" s="1251"/>
      <c r="BK32" s="1251"/>
      <c r="BL32" s="1251"/>
      <c r="BM32" s="1251"/>
      <c r="BN32" s="1251"/>
      <c r="BO32" s="1251"/>
      <c r="BP32" s="1252"/>
      <c r="BQ32" s="84"/>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72"/>
      <c r="B33" s="473"/>
      <c r="C33" s="473"/>
      <c r="D33" s="473"/>
      <c r="E33" s="473"/>
      <c r="F33" s="473"/>
      <c r="G33" s="473"/>
      <c r="H33" s="473"/>
      <c r="I33" s="473"/>
      <c r="J33" s="473"/>
      <c r="K33" s="473"/>
      <c r="L33" s="473"/>
      <c r="M33" s="473"/>
      <c r="N33" s="473"/>
      <c r="O33" s="473"/>
      <c r="P33" s="473"/>
      <c r="Q33" s="473"/>
      <c r="R33" s="473"/>
      <c r="S33" s="473"/>
      <c r="T33" s="473"/>
      <c r="U33" s="473"/>
      <c r="V33" s="473"/>
      <c r="W33" s="473"/>
      <c r="X33" s="473"/>
      <c r="Y33" s="473"/>
      <c r="Z33" s="473"/>
      <c r="AA33" s="473"/>
      <c r="AB33" s="473"/>
      <c r="AC33" s="473"/>
      <c r="AD33" s="473"/>
      <c r="AE33" s="473"/>
      <c r="AF33" s="473"/>
      <c r="AG33" s="473"/>
      <c r="AH33" s="473"/>
      <c r="AI33" s="473"/>
      <c r="AJ33" s="473"/>
      <c r="AK33" s="473"/>
      <c r="AL33" s="474"/>
      <c r="AM33" s="5"/>
      <c r="AN33" s="1253"/>
      <c r="AO33" s="1254"/>
      <c r="AP33" s="1254"/>
      <c r="AQ33" s="1254"/>
      <c r="AR33" s="1254"/>
      <c r="AS33" s="1254"/>
      <c r="AT33" s="1254"/>
      <c r="AU33" s="1254"/>
      <c r="AV33" s="1254"/>
      <c r="AW33" s="1254"/>
      <c r="AX33" s="1254"/>
      <c r="AY33" s="1254"/>
      <c r="AZ33" s="1254"/>
      <c r="BA33" s="1254"/>
      <c r="BB33" s="1254"/>
      <c r="BC33" s="1254"/>
      <c r="BD33" s="1254"/>
      <c r="BE33" s="1254"/>
      <c r="BF33" s="1254"/>
      <c r="BG33" s="1254"/>
      <c r="BH33" s="1254"/>
      <c r="BI33" s="1254"/>
      <c r="BJ33" s="1254"/>
      <c r="BK33" s="1254"/>
      <c r="BL33" s="1254"/>
      <c r="BM33" s="1254"/>
      <c r="BN33" s="1254"/>
      <c r="BO33" s="1254"/>
      <c r="BP33" s="1255"/>
      <c r="BQ33" s="118"/>
      <c r="BR33" s="292" t="s">
        <v>267</v>
      </c>
      <c r="BS33" s="293"/>
      <c r="BT33" s="293"/>
      <c r="BU33" s="293"/>
      <c r="BV33" s="293"/>
      <c r="BW33" s="293"/>
      <c r="BX33" s="294"/>
      <c r="BY33" s="284">
        <v>297</v>
      </c>
      <c r="BZ33" s="285"/>
      <c r="CA33" s="285"/>
      <c r="CB33" s="285"/>
      <c r="CC33" s="285"/>
      <c r="CD33" s="285"/>
      <c r="CE33" s="285"/>
      <c r="CF33" s="285"/>
      <c r="CG33" s="288"/>
      <c r="CH33" s="286">
        <v>2.1484399999999999</v>
      </c>
      <c r="CI33" s="286"/>
      <c r="CJ33" s="286"/>
      <c r="CK33" s="286"/>
      <c r="CL33" s="286"/>
      <c r="CM33" s="286"/>
      <c r="CQ33" s="3" ph="1"/>
      <c r="CR33" s="3" ph="1"/>
      <c r="CS33" s="3" ph="1"/>
      <c r="CT33" s="3" ph="1"/>
      <c r="CU33" s="3" ph="1"/>
      <c r="CV33" s="3" ph="1"/>
    </row>
    <row r="34" spans="1:100" ht="17.25" customHeight="1" x14ac:dyDescent="0.15">
      <c r="A34" s="255" t="s">
        <v>274</v>
      </c>
      <c r="B34" s="255"/>
      <c r="C34" s="255"/>
      <c r="D34" s="255"/>
      <c r="E34" s="255"/>
      <c r="F34" s="255"/>
      <c r="G34" s="255"/>
      <c r="H34" s="255"/>
      <c r="I34" s="255"/>
      <c r="J34" s="255"/>
      <c r="K34" s="255"/>
      <c r="L34" s="255"/>
      <c r="M34" s="255"/>
      <c r="N34" s="129"/>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11" t="s">
        <v>497</v>
      </c>
      <c r="B35" s="312"/>
      <c r="C35" s="312"/>
      <c r="D35" s="312"/>
      <c r="E35" s="312"/>
      <c r="F35" s="312"/>
      <c r="G35" s="312"/>
      <c r="H35" s="312"/>
      <c r="I35" s="312"/>
      <c r="J35" s="312"/>
      <c r="K35" s="312"/>
      <c r="L35" s="312"/>
      <c r="M35" s="313"/>
      <c r="N35" s="129"/>
      <c r="O35" s="486" t="s">
        <v>144</v>
      </c>
      <c r="P35" s="487"/>
      <c r="Q35" s="487"/>
      <c r="R35" s="487"/>
      <c r="S35" s="487"/>
      <c r="T35" s="487"/>
      <c r="U35" s="487"/>
      <c r="V35" s="487"/>
      <c r="W35" s="487"/>
      <c r="X35" s="487"/>
      <c r="Y35" s="487"/>
      <c r="Z35" s="487"/>
      <c r="AA35" s="487"/>
      <c r="AB35" s="487"/>
      <c r="AC35" s="487"/>
      <c r="AD35" s="487"/>
      <c r="AE35" s="487"/>
      <c r="AF35" s="487"/>
      <c r="AG35" s="487"/>
      <c r="AH35" s="487"/>
      <c r="AI35" s="487"/>
      <c r="AJ35" s="487"/>
      <c r="AK35" s="487"/>
      <c r="AL35" s="488"/>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2689</v>
      </c>
      <c r="BZ35" s="681"/>
      <c r="CA35" s="682"/>
      <c r="CB35" s="682"/>
      <c r="CC35" s="682"/>
      <c r="CD35" s="682"/>
      <c r="CE35" s="682"/>
      <c r="CF35" s="682"/>
      <c r="CG35" s="682"/>
      <c r="CH35" s="683">
        <v>19.45168</v>
      </c>
      <c r="CI35" s="683"/>
      <c r="CJ35" s="683"/>
      <c r="CK35" s="683"/>
      <c r="CL35" s="683"/>
      <c r="CM35" s="683"/>
      <c r="CQ35" s="3" ph="1"/>
    </row>
    <row r="36" spans="1:100" ht="17.25" customHeight="1" x14ac:dyDescent="0.15">
      <c r="A36" s="251">
        <v>31575</v>
      </c>
      <c r="B36" s="252"/>
      <c r="C36" s="252"/>
      <c r="D36" s="252"/>
      <c r="E36" s="252"/>
      <c r="F36" s="252"/>
      <c r="G36" s="252"/>
      <c r="H36" s="252"/>
      <c r="I36" s="252"/>
      <c r="J36" s="252"/>
      <c r="K36" s="252"/>
      <c r="L36" s="252"/>
      <c r="M36" s="253"/>
      <c r="N36" s="129"/>
      <c r="O36" s="1148" t="s">
        <v>230</v>
      </c>
      <c r="P36" s="655"/>
      <c r="Q36" s="655"/>
      <c r="R36" s="655"/>
      <c r="S36" s="655"/>
      <c r="T36" s="655"/>
      <c r="U36" s="655"/>
      <c r="V36" s="655"/>
      <c r="W36" s="655"/>
      <c r="X36" s="655"/>
      <c r="Y36" s="655"/>
      <c r="Z36" s="655"/>
      <c r="AA36" s="655"/>
      <c r="AB36" s="655"/>
      <c r="AC36" s="655"/>
      <c r="AD36" s="655"/>
      <c r="AE36" s="655"/>
      <c r="AF36" s="655"/>
      <c r="AG36" s="655"/>
      <c r="AH36" s="655"/>
      <c r="AI36" s="655"/>
      <c r="AJ36" s="655"/>
      <c r="AK36" s="655"/>
      <c r="AL36" s="656"/>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216"/>
      <c r="B37" s="692"/>
      <c r="C37" s="692"/>
      <c r="D37" s="692"/>
      <c r="E37" s="692"/>
      <c r="F37" s="692"/>
      <c r="G37" s="692"/>
      <c r="H37" s="692"/>
      <c r="I37" s="692"/>
      <c r="J37" s="692"/>
      <c r="K37" s="692"/>
      <c r="L37" s="692"/>
      <c r="M37" s="693"/>
      <c r="N37" s="129"/>
      <c r="O37" s="1148" t="s">
        <v>209</v>
      </c>
      <c r="P37" s="655"/>
      <c r="Q37" s="655"/>
      <c r="R37" s="655"/>
      <c r="S37" s="655"/>
      <c r="T37" s="655"/>
      <c r="U37" s="655"/>
      <c r="V37" s="655"/>
      <c r="W37" s="655"/>
      <c r="X37" s="655"/>
      <c r="Y37" s="655"/>
      <c r="Z37" s="655"/>
      <c r="AA37" s="655"/>
      <c r="AB37" s="655"/>
      <c r="AC37" s="655"/>
      <c r="AD37" s="655"/>
      <c r="AE37" s="655"/>
      <c r="AF37" s="655"/>
      <c r="AG37" s="655"/>
      <c r="AH37" s="655"/>
      <c r="AI37" s="655"/>
      <c r="AJ37" s="655"/>
      <c r="AK37" s="655"/>
      <c r="AL37" s="656"/>
      <c r="AM37" s="5"/>
      <c r="AN37" s="287" t="s">
        <v>399</v>
      </c>
      <c r="AO37" s="287"/>
      <c r="AP37" s="287"/>
      <c r="AQ37" s="287"/>
      <c r="AR37" s="287"/>
      <c r="AS37" s="287"/>
      <c r="AT37" s="287"/>
      <c r="AU37" s="287"/>
      <c r="AV37" s="287"/>
      <c r="AW37" s="681">
        <v>31550</v>
      </c>
      <c r="AX37" s="681"/>
      <c r="AY37" s="681"/>
      <c r="AZ37" s="681"/>
      <c r="BA37" s="681"/>
      <c r="BB37" s="681"/>
      <c r="BC37" s="681"/>
      <c r="BD37" s="681"/>
      <c r="BE37" s="681"/>
      <c r="BF37" s="681"/>
      <c r="BG37" s="681">
        <v>12279</v>
      </c>
      <c r="BH37" s="681"/>
      <c r="BI37" s="681"/>
      <c r="BJ37" s="681"/>
      <c r="BK37" s="681"/>
      <c r="BL37" s="681"/>
      <c r="BM37" s="681"/>
      <c r="BN37" s="681"/>
      <c r="BO37" s="681"/>
      <c r="BP37" s="681"/>
      <c r="BQ37" s="149"/>
      <c r="BR37" s="680" t="s">
        <v>273</v>
      </c>
      <c r="BS37" s="680"/>
      <c r="BT37" s="680"/>
      <c r="BU37" s="680"/>
      <c r="BV37" s="680"/>
      <c r="BW37" s="680"/>
      <c r="BX37" s="680"/>
      <c r="BY37" s="681">
        <v>10838</v>
      </c>
      <c r="BZ37" s="681"/>
      <c r="CA37" s="682"/>
      <c r="CB37" s="682"/>
      <c r="CC37" s="682"/>
      <c r="CD37" s="682"/>
      <c r="CE37" s="682"/>
      <c r="CF37" s="682"/>
      <c r="CG37" s="682"/>
      <c r="CH37" s="683">
        <v>78.399879999999996</v>
      </c>
      <c r="CI37" s="683"/>
      <c r="CJ37" s="683"/>
      <c r="CK37" s="683"/>
      <c r="CL37" s="683"/>
      <c r="CM37" s="683"/>
      <c r="CQ37" s="3" ph="1"/>
    </row>
    <row r="38" spans="1:100" ht="17.25" customHeight="1" x14ac:dyDescent="0.15">
      <c r="A38" s="251"/>
      <c r="B38" s="690"/>
      <c r="C38" s="690"/>
      <c r="D38" s="690"/>
      <c r="E38" s="690"/>
      <c r="F38" s="690"/>
      <c r="G38" s="690"/>
      <c r="H38" s="690"/>
      <c r="I38" s="690"/>
      <c r="J38" s="690"/>
      <c r="K38" s="690"/>
      <c r="L38" s="690"/>
      <c r="M38" s="691"/>
      <c r="N38" s="152"/>
      <c r="O38" s="1148" t="s">
        <v>498</v>
      </c>
      <c r="P38" s="655"/>
      <c r="Q38" s="655"/>
      <c r="R38" s="655"/>
      <c r="S38" s="655"/>
      <c r="T38" s="655"/>
      <c r="U38" s="655"/>
      <c r="V38" s="655"/>
      <c r="W38" s="655"/>
      <c r="X38" s="655"/>
      <c r="Y38" s="655"/>
      <c r="Z38" s="655"/>
      <c r="AA38" s="655"/>
      <c r="AB38" s="655"/>
      <c r="AC38" s="655"/>
      <c r="AD38" s="655"/>
      <c r="AE38" s="655"/>
      <c r="AF38" s="655"/>
      <c r="AG38" s="655"/>
      <c r="AH38" s="655"/>
      <c r="AI38" s="655"/>
      <c r="AJ38" s="655"/>
      <c r="AK38" s="655"/>
      <c r="AL38" s="656"/>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16"/>
      <c r="B39" s="692"/>
      <c r="C39" s="692"/>
      <c r="D39" s="692"/>
      <c r="E39" s="692"/>
      <c r="F39" s="692"/>
      <c r="G39" s="692"/>
      <c r="H39" s="692"/>
      <c r="I39" s="692"/>
      <c r="J39" s="692"/>
      <c r="K39" s="692"/>
      <c r="L39" s="692"/>
      <c r="M39" s="693"/>
      <c r="N39" s="144"/>
      <c r="O39" s="1148" t="s">
        <v>499</v>
      </c>
      <c r="P39" s="655"/>
      <c r="Q39" s="655"/>
      <c r="R39" s="655"/>
      <c r="S39" s="655"/>
      <c r="T39" s="655"/>
      <c r="U39" s="655"/>
      <c r="V39" s="655"/>
      <c r="W39" s="655"/>
      <c r="X39" s="655"/>
      <c r="Y39" s="655"/>
      <c r="Z39" s="655"/>
      <c r="AA39" s="655"/>
      <c r="AB39" s="655"/>
      <c r="AC39" s="655"/>
      <c r="AD39" s="655"/>
      <c r="AE39" s="655"/>
      <c r="AF39" s="655"/>
      <c r="AG39" s="655"/>
      <c r="AH39" s="655"/>
      <c r="AI39" s="655"/>
      <c r="AJ39" s="655"/>
      <c r="AK39" s="655"/>
      <c r="AL39" s="656"/>
      <c r="AM39" s="5"/>
      <c r="AN39" s="300" t="s">
        <v>1059</v>
      </c>
      <c r="AO39" s="300"/>
      <c r="AP39" s="300"/>
      <c r="AQ39" s="300"/>
      <c r="AR39" s="300"/>
      <c r="AS39" s="300"/>
      <c r="AT39" s="300"/>
      <c r="AU39" s="300"/>
      <c r="AV39" s="300"/>
      <c r="AW39" s="681">
        <v>31634</v>
      </c>
      <c r="AX39" s="681"/>
      <c r="AY39" s="681"/>
      <c r="AZ39" s="682"/>
      <c r="BA39" s="682"/>
      <c r="BB39" s="682"/>
      <c r="BC39" s="682"/>
      <c r="BD39" s="682"/>
      <c r="BE39" s="682"/>
      <c r="BF39" s="682"/>
      <c r="BG39" s="681">
        <v>12706</v>
      </c>
      <c r="BH39" s="681"/>
      <c r="BI39" s="681"/>
      <c r="BJ39" s="681"/>
      <c r="BK39" s="681"/>
      <c r="BL39" s="681"/>
      <c r="BM39" s="681"/>
      <c r="BN39" s="681"/>
      <c r="BO39" s="681"/>
      <c r="BP39" s="681"/>
      <c r="BQ39" s="149"/>
      <c r="BR39" s="301" t="s">
        <v>1119</v>
      </c>
      <c r="BS39" s="293"/>
      <c r="BT39" s="293"/>
      <c r="BU39" s="293"/>
      <c r="BV39" s="293"/>
      <c r="BW39" s="293"/>
      <c r="BX39" s="294"/>
      <c r="BY39" s="681">
        <v>14330</v>
      </c>
      <c r="BZ39" s="681"/>
      <c r="CA39" s="682"/>
      <c r="CB39" s="682"/>
      <c r="CC39" s="682"/>
      <c r="CD39" s="682"/>
      <c r="CE39" s="682"/>
      <c r="CF39" s="682"/>
      <c r="CG39" s="682"/>
      <c r="CH39" s="683">
        <v>100</v>
      </c>
      <c r="CI39" s="683"/>
      <c r="CJ39" s="683"/>
      <c r="CK39" s="683"/>
      <c r="CL39" s="683"/>
      <c r="CM39" s="683"/>
    </row>
    <row r="40" spans="1:100" ht="17.25" customHeight="1" x14ac:dyDescent="0.15">
      <c r="A40" s="251"/>
      <c r="B40" s="690"/>
      <c r="C40" s="690"/>
      <c r="D40" s="690"/>
      <c r="E40" s="690"/>
      <c r="F40" s="690"/>
      <c r="G40" s="690"/>
      <c r="H40" s="690"/>
      <c r="I40" s="690"/>
      <c r="J40" s="690"/>
      <c r="K40" s="690"/>
      <c r="L40" s="690"/>
      <c r="M40" s="691"/>
      <c r="N40" s="143"/>
      <c r="O40" s="1148" t="s">
        <v>146</v>
      </c>
      <c r="P40" s="655"/>
      <c r="Q40" s="655"/>
      <c r="R40" s="655"/>
      <c r="S40" s="655"/>
      <c r="T40" s="655"/>
      <c r="U40" s="655"/>
      <c r="V40" s="655"/>
      <c r="W40" s="655"/>
      <c r="X40" s="655"/>
      <c r="Y40" s="655"/>
      <c r="Z40" s="655"/>
      <c r="AA40" s="655"/>
      <c r="AB40" s="655"/>
      <c r="AC40" s="655"/>
      <c r="AD40" s="655"/>
      <c r="AE40" s="655"/>
      <c r="AF40" s="655"/>
      <c r="AG40" s="655"/>
      <c r="AH40" s="655"/>
      <c r="AI40" s="655"/>
      <c r="AJ40" s="655"/>
      <c r="AK40" s="655"/>
      <c r="AL40" s="656"/>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16"/>
      <c r="B41" s="692"/>
      <c r="C41" s="692"/>
      <c r="D41" s="692"/>
      <c r="E41" s="692"/>
      <c r="F41" s="692"/>
      <c r="G41" s="692"/>
      <c r="H41" s="692"/>
      <c r="I41" s="692"/>
      <c r="J41" s="692"/>
      <c r="K41" s="692"/>
      <c r="L41" s="692"/>
      <c r="M41" s="693"/>
      <c r="N41" s="143"/>
      <c r="O41" s="1067" t="s">
        <v>318</v>
      </c>
      <c r="P41" s="556"/>
      <c r="Q41" s="556"/>
      <c r="R41" s="556"/>
      <c r="S41" s="556"/>
      <c r="T41" s="556"/>
      <c r="U41" s="556"/>
      <c r="V41" s="556"/>
      <c r="W41" s="556"/>
      <c r="X41" s="556"/>
      <c r="Y41" s="556"/>
      <c r="Z41" s="556"/>
      <c r="AA41" s="556"/>
      <c r="AB41" s="556"/>
      <c r="AC41" s="556"/>
      <c r="AD41" s="556"/>
      <c r="AE41" s="556"/>
      <c r="AF41" s="556"/>
      <c r="AG41" s="556"/>
      <c r="AH41" s="556"/>
      <c r="AI41" s="556"/>
      <c r="AJ41" s="556"/>
      <c r="AK41" s="556"/>
      <c r="AL41" s="557"/>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c r="B42" s="690"/>
      <c r="C42" s="690"/>
      <c r="D42" s="690"/>
      <c r="E42" s="690"/>
      <c r="F42" s="690"/>
      <c r="G42" s="690"/>
      <c r="H42" s="690"/>
      <c r="I42" s="690"/>
      <c r="J42" s="690"/>
      <c r="K42" s="690"/>
      <c r="L42" s="690"/>
      <c r="M42" s="691"/>
      <c r="N42" s="143"/>
      <c r="O42" s="1067" t="s">
        <v>500</v>
      </c>
      <c r="P42" s="556"/>
      <c r="Q42" s="556"/>
      <c r="R42" s="556"/>
      <c r="S42" s="556"/>
      <c r="T42" s="556"/>
      <c r="U42" s="556"/>
      <c r="V42" s="556"/>
      <c r="W42" s="556"/>
      <c r="X42" s="556"/>
      <c r="Y42" s="556"/>
      <c r="Z42" s="556"/>
      <c r="AA42" s="556"/>
      <c r="AB42" s="556"/>
      <c r="AC42" s="556"/>
      <c r="AD42" s="556"/>
      <c r="AE42" s="556"/>
      <c r="AF42" s="556"/>
      <c r="AG42" s="556"/>
      <c r="AH42" s="556"/>
      <c r="AI42" s="556"/>
      <c r="AJ42" s="556"/>
      <c r="AK42" s="556"/>
      <c r="AL42" s="557"/>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c r="B43" s="692"/>
      <c r="C43" s="692"/>
      <c r="D43" s="692"/>
      <c r="E43" s="692"/>
      <c r="F43" s="692"/>
      <c r="G43" s="692"/>
      <c r="H43" s="692"/>
      <c r="I43" s="692"/>
      <c r="J43" s="692"/>
      <c r="K43" s="692"/>
      <c r="L43" s="692"/>
      <c r="M43" s="693"/>
      <c r="N43" s="144"/>
      <c r="O43" s="1257" t="s">
        <v>1130</v>
      </c>
      <c r="P43" s="1258"/>
      <c r="Q43" s="1258"/>
      <c r="R43" s="1258"/>
      <c r="S43" s="1258"/>
      <c r="T43" s="1258"/>
      <c r="U43" s="1258"/>
      <c r="V43" s="1258"/>
      <c r="W43" s="1258"/>
      <c r="X43" s="1258"/>
      <c r="Y43" s="1258"/>
      <c r="Z43" s="1258"/>
      <c r="AA43" s="1258"/>
      <c r="AB43" s="1258"/>
      <c r="AC43" s="1258"/>
      <c r="AD43" s="1258"/>
      <c r="AE43" s="1258"/>
      <c r="AF43" s="1258"/>
      <c r="AG43" s="1258"/>
      <c r="AH43" s="1258"/>
      <c r="AI43" s="1258"/>
      <c r="AJ43" s="1258"/>
      <c r="AK43" s="1258"/>
      <c r="AL43" s="1259"/>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c r="B44" s="690"/>
      <c r="C44" s="690"/>
      <c r="D44" s="690"/>
      <c r="E44" s="690"/>
      <c r="F44" s="690"/>
      <c r="G44" s="690"/>
      <c r="H44" s="690"/>
      <c r="I44" s="690"/>
      <c r="J44" s="690"/>
      <c r="K44" s="690"/>
      <c r="L44" s="690"/>
      <c r="M44" s="691"/>
      <c r="N44" s="143"/>
      <c r="O44" s="1256" t="s">
        <v>1131</v>
      </c>
      <c r="P44" s="727"/>
      <c r="Q44" s="727"/>
      <c r="R44" s="727"/>
      <c r="S44" s="727"/>
      <c r="T44" s="727"/>
      <c r="U44" s="727"/>
      <c r="V44" s="727"/>
      <c r="W44" s="727"/>
      <c r="X44" s="727"/>
      <c r="Y44" s="727"/>
      <c r="Z44" s="727"/>
      <c r="AA44" s="727"/>
      <c r="AB44" s="727"/>
      <c r="AC44" s="727"/>
      <c r="AD44" s="727"/>
      <c r="AE44" s="727"/>
      <c r="AF44" s="727"/>
      <c r="AG44" s="727"/>
      <c r="AH44" s="727"/>
      <c r="AI44" s="727"/>
      <c r="AJ44" s="727"/>
      <c r="AK44" s="727"/>
      <c r="AL44" s="728"/>
      <c r="AM44" s="5"/>
      <c r="AN44" s="764">
        <v>1841.3</v>
      </c>
      <c r="AO44" s="765"/>
      <c r="AP44" s="765"/>
      <c r="AQ44" s="765"/>
      <c r="AR44" s="765"/>
      <c r="AS44" s="727" t="s">
        <v>383</v>
      </c>
      <c r="AT44" s="727"/>
      <c r="AU44" s="727"/>
      <c r="AV44" s="728"/>
      <c r="AW44" s="710">
        <v>34.299999999999997</v>
      </c>
      <c r="AX44" s="711"/>
      <c r="AY44" s="711"/>
      <c r="AZ44" s="711"/>
      <c r="BA44" s="711"/>
      <c r="BB44" s="711"/>
      <c r="BC44" s="706" t="s">
        <v>384</v>
      </c>
      <c r="BD44" s="706"/>
      <c r="BE44" s="706"/>
      <c r="BF44" s="707"/>
      <c r="BG44" s="710">
        <v>79.5</v>
      </c>
      <c r="BH44" s="711"/>
      <c r="BI44" s="711"/>
      <c r="BJ44" s="711"/>
      <c r="BK44" s="711"/>
      <c r="BL44" s="711"/>
      <c r="BM44" s="706" t="s">
        <v>384</v>
      </c>
      <c r="BN44" s="706"/>
      <c r="BO44" s="706"/>
      <c r="BP44" s="707"/>
      <c r="BQ44" s="130"/>
      <c r="BR44" s="1038">
        <v>17.18</v>
      </c>
      <c r="BS44" s="1039"/>
      <c r="BT44" s="1039"/>
      <c r="BU44" s="1039"/>
      <c r="BV44" s="1039"/>
      <c r="BW44" s="1039"/>
      <c r="BX44" s="1039"/>
      <c r="BY44" s="896" t="s">
        <v>385</v>
      </c>
      <c r="BZ44" s="896"/>
      <c r="CA44" s="896"/>
      <c r="CB44" s="897"/>
      <c r="CC44" s="718">
        <v>548</v>
      </c>
      <c r="CD44" s="719"/>
      <c r="CE44" s="719"/>
      <c r="CF44" s="719"/>
      <c r="CG44" s="719"/>
      <c r="CH44" s="719"/>
      <c r="CI44" s="719"/>
      <c r="CJ44" s="696" t="s">
        <v>386</v>
      </c>
      <c r="CK44" s="696"/>
      <c r="CL44" s="696"/>
      <c r="CM44" s="697"/>
    </row>
    <row r="45" spans="1:100" ht="17.25" customHeight="1" x14ac:dyDescent="0.15">
      <c r="A45" s="216"/>
      <c r="B45" s="692"/>
      <c r="C45" s="692"/>
      <c r="D45" s="692"/>
      <c r="E45" s="692"/>
      <c r="F45" s="692"/>
      <c r="G45" s="692"/>
      <c r="H45" s="692"/>
      <c r="I45" s="692"/>
      <c r="J45" s="692"/>
      <c r="K45" s="692"/>
      <c r="L45" s="692"/>
      <c r="M45" s="693"/>
      <c r="N45" s="144"/>
      <c r="O45" s="1256" t="s">
        <v>1555</v>
      </c>
      <c r="P45" s="727"/>
      <c r="Q45" s="727"/>
      <c r="R45" s="727"/>
      <c r="S45" s="727"/>
      <c r="T45" s="727"/>
      <c r="U45" s="727"/>
      <c r="V45" s="727"/>
      <c r="W45" s="727"/>
      <c r="X45" s="727"/>
      <c r="Y45" s="727"/>
      <c r="Z45" s="727"/>
      <c r="AA45" s="727"/>
      <c r="AB45" s="727"/>
      <c r="AC45" s="727"/>
      <c r="AD45" s="727"/>
      <c r="AE45" s="727"/>
      <c r="AF45" s="727"/>
      <c r="AG45" s="727"/>
      <c r="AH45" s="727"/>
      <c r="AI45" s="727"/>
      <c r="AJ45" s="727"/>
      <c r="AK45" s="727"/>
      <c r="AL45" s="728"/>
      <c r="AM45" s="5"/>
      <c r="AN45" s="766"/>
      <c r="AO45" s="767"/>
      <c r="AP45" s="767"/>
      <c r="AQ45" s="767"/>
      <c r="AR45" s="767"/>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1040"/>
      <c r="BS45" s="1041"/>
      <c r="BT45" s="1041"/>
      <c r="BU45" s="1041"/>
      <c r="BV45" s="1041"/>
      <c r="BW45" s="1041"/>
      <c r="BX45" s="1041"/>
      <c r="BY45" s="899"/>
      <c r="BZ45" s="899"/>
      <c r="CA45" s="899"/>
      <c r="CB45" s="900"/>
      <c r="CC45" s="720"/>
      <c r="CD45" s="721"/>
      <c r="CE45" s="721"/>
      <c r="CF45" s="721"/>
      <c r="CG45" s="721"/>
      <c r="CH45" s="721"/>
      <c r="CI45" s="721"/>
      <c r="CJ45" s="698"/>
      <c r="CK45" s="698"/>
      <c r="CL45" s="698"/>
      <c r="CM45" s="699"/>
    </row>
    <row r="46" spans="1:100" ht="17.25" customHeight="1" x14ac:dyDescent="0.15">
      <c r="A46" s="251"/>
      <c r="B46" s="690"/>
      <c r="C46" s="690"/>
      <c r="D46" s="690"/>
      <c r="E46" s="690"/>
      <c r="F46" s="690"/>
      <c r="G46" s="690"/>
      <c r="H46" s="690"/>
      <c r="I46" s="690"/>
      <c r="J46" s="690"/>
      <c r="K46" s="690"/>
      <c r="L46" s="690"/>
      <c r="M46" s="691"/>
      <c r="N46" s="143"/>
      <c r="O46" s="1256" t="s">
        <v>1715</v>
      </c>
      <c r="P46" s="727"/>
      <c r="Q46" s="727"/>
      <c r="R46" s="727"/>
      <c r="S46" s="727"/>
      <c r="T46" s="727"/>
      <c r="U46" s="727"/>
      <c r="V46" s="727"/>
      <c r="W46" s="727"/>
      <c r="X46" s="727"/>
      <c r="Y46" s="727"/>
      <c r="Z46" s="727"/>
      <c r="AA46" s="727"/>
      <c r="AB46" s="727"/>
      <c r="AC46" s="727"/>
      <c r="AD46" s="727"/>
      <c r="AE46" s="727"/>
      <c r="AF46" s="727"/>
      <c r="AG46" s="727"/>
      <c r="AH46" s="727"/>
      <c r="AI46" s="727"/>
      <c r="AJ46" s="727"/>
      <c r="AK46" s="727"/>
      <c r="AL46" s="728"/>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692"/>
      <c r="C47" s="692"/>
      <c r="D47" s="692"/>
      <c r="E47" s="692"/>
      <c r="F47" s="692"/>
      <c r="G47" s="692"/>
      <c r="H47" s="692"/>
      <c r="I47" s="692"/>
      <c r="J47" s="692"/>
      <c r="K47" s="692"/>
      <c r="L47" s="692"/>
      <c r="M47" s="693"/>
      <c r="N47" s="144"/>
      <c r="O47" s="1067" t="s">
        <v>984</v>
      </c>
      <c r="P47" s="556"/>
      <c r="Q47" s="556"/>
      <c r="R47" s="556"/>
      <c r="S47" s="556"/>
      <c r="T47" s="556"/>
      <c r="U47" s="556"/>
      <c r="V47" s="556"/>
      <c r="W47" s="556"/>
      <c r="X47" s="556"/>
      <c r="Y47" s="556"/>
      <c r="Z47" s="556"/>
      <c r="AA47" s="556"/>
      <c r="AB47" s="556"/>
      <c r="AC47" s="556"/>
      <c r="AD47" s="556"/>
      <c r="AE47" s="556"/>
      <c r="AF47" s="556"/>
      <c r="AG47" s="556"/>
      <c r="AH47" s="556"/>
      <c r="AI47" s="556"/>
      <c r="AJ47" s="556"/>
      <c r="AK47" s="556"/>
      <c r="AL47" s="557"/>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690"/>
      <c r="C48" s="690"/>
      <c r="D48" s="690"/>
      <c r="E48" s="690"/>
      <c r="F48" s="690"/>
      <c r="G48" s="690"/>
      <c r="H48" s="690"/>
      <c r="I48" s="690"/>
      <c r="J48" s="690"/>
      <c r="K48" s="690"/>
      <c r="L48" s="690"/>
      <c r="M48" s="691"/>
      <c r="N48" s="143"/>
      <c r="O48" s="771" t="s">
        <v>501</v>
      </c>
      <c r="P48" s="772"/>
      <c r="Q48" s="772"/>
      <c r="R48" s="772"/>
      <c r="S48" s="772"/>
      <c r="T48" s="772"/>
      <c r="U48" s="772"/>
      <c r="V48" s="772"/>
      <c r="W48" s="772"/>
      <c r="X48" s="772"/>
      <c r="Y48" s="772"/>
      <c r="Z48" s="772"/>
      <c r="AA48" s="772"/>
      <c r="AB48" s="772"/>
      <c r="AC48" s="772"/>
      <c r="AD48" s="772"/>
      <c r="AE48" s="772"/>
      <c r="AF48" s="772"/>
      <c r="AG48" s="772"/>
      <c r="AH48" s="772"/>
      <c r="AI48" s="772"/>
      <c r="AJ48" s="772"/>
      <c r="AK48" s="772"/>
      <c r="AL48" s="773"/>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144"/>
      <c r="O49" s="771" t="s">
        <v>502</v>
      </c>
      <c r="P49" s="772"/>
      <c r="Q49" s="772"/>
      <c r="R49" s="772"/>
      <c r="S49" s="772"/>
      <c r="T49" s="772"/>
      <c r="U49" s="772"/>
      <c r="V49" s="772"/>
      <c r="W49" s="772"/>
      <c r="X49" s="772"/>
      <c r="Y49" s="772"/>
      <c r="Z49" s="772"/>
      <c r="AA49" s="772"/>
      <c r="AB49" s="772"/>
      <c r="AC49" s="772"/>
      <c r="AD49" s="772"/>
      <c r="AE49" s="772"/>
      <c r="AF49" s="772"/>
      <c r="AG49" s="772"/>
      <c r="AH49" s="772"/>
      <c r="AI49" s="772"/>
      <c r="AJ49" s="772"/>
      <c r="AK49" s="772"/>
      <c r="AL49" s="773"/>
      <c r="AM49" s="5"/>
      <c r="AN49" s="223">
        <v>7513.8379999999997</v>
      </c>
      <c r="AO49" s="224"/>
      <c r="AP49" s="224"/>
      <c r="AQ49" s="224"/>
      <c r="AR49" s="224"/>
      <c r="AS49" s="224"/>
      <c r="AT49" s="225"/>
      <c r="AU49" s="229">
        <v>0.751</v>
      </c>
      <c r="AV49" s="230"/>
      <c r="AW49" s="230"/>
      <c r="AX49" s="230"/>
      <c r="AY49" s="231"/>
      <c r="AZ49" s="210">
        <v>7.3</v>
      </c>
      <c r="BA49" s="211"/>
      <c r="BB49" s="211"/>
      <c r="BC49" s="211"/>
      <c r="BD49" s="212"/>
      <c r="BE49" s="210">
        <v>4.8</v>
      </c>
      <c r="BF49" s="211"/>
      <c r="BG49" s="211"/>
      <c r="BH49" s="211"/>
      <c r="BI49" s="212"/>
      <c r="BJ49" s="210">
        <v>5.7</v>
      </c>
      <c r="BK49" s="211"/>
      <c r="BL49" s="211"/>
      <c r="BM49" s="211"/>
      <c r="BN49" s="212"/>
      <c r="BO49" s="210">
        <v>9.6999999999999993</v>
      </c>
      <c r="BP49" s="211"/>
      <c r="BQ49" s="211"/>
      <c r="BR49" s="211"/>
      <c r="BS49" s="212"/>
      <c r="BT49" s="210">
        <v>86.6</v>
      </c>
      <c r="BU49" s="211"/>
      <c r="BV49" s="211"/>
      <c r="BW49" s="211"/>
      <c r="BX49" s="212"/>
      <c r="BY49" s="210">
        <v>17.5</v>
      </c>
      <c r="BZ49" s="211"/>
      <c r="CA49" s="211"/>
      <c r="CB49" s="211"/>
      <c r="CC49" s="212"/>
      <c r="CD49" s="210">
        <v>46.8</v>
      </c>
      <c r="CE49" s="211"/>
      <c r="CF49" s="211"/>
      <c r="CG49" s="211"/>
      <c r="CH49" s="212"/>
      <c r="CI49" s="210">
        <v>56.5</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143"/>
      <c r="O50" s="1052"/>
      <c r="P50" s="860"/>
      <c r="Q50" s="860"/>
      <c r="R50" s="860"/>
      <c r="S50" s="860"/>
      <c r="T50" s="860"/>
      <c r="U50" s="860"/>
      <c r="V50" s="860"/>
      <c r="W50" s="860"/>
      <c r="X50" s="860"/>
      <c r="Y50" s="860"/>
      <c r="Z50" s="860"/>
      <c r="AA50" s="860"/>
      <c r="AB50" s="860"/>
      <c r="AC50" s="860"/>
      <c r="AD50" s="860"/>
      <c r="AE50" s="860"/>
      <c r="AF50" s="860"/>
      <c r="AG50" s="860"/>
      <c r="AH50" s="860"/>
      <c r="AI50" s="860"/>
      <c r="AJ50" s="860"/>
      <c r="AK50" s="860"/>
      <c r="AL50" s="86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sheetData>
  <sheetProtection formatCells="0" selectLockedCells="1"/>
  <mergeCells count="195">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BR42:CB43"/>
    <mergeCell ref="CC42:CM43"/>
    <mergeCell ref="A46:M46"/>
    <mergeCell ref="O46:AL46"/>
    <mergeCell ref="AN46:AV46"/>
    <mergeCell ref="AW46:BD46"/>
    <mergeCell ref="CD46:CM46"/>
    <mergeCell ref="BC44:BF45"/>
    <mergeCell ref="BG44:BL45"/>
    <mergeCell ref="BM44:BP45"/>
    <mergeCell ref="BR44:BX45"/>
    <mergeCell ref="BY44:CB45"/>
    <mergeCell ref="CC44:CI45"/>
    <mergeCell ref="A43:M43"/>
    <mergeCell ref="O43:AL43"/>
    <mergeCell ref="A44:M44"/>
    <mergeCell ref="O44:AL44"/>
    <mergeCell ref="AN44:AR45"/>
    <mergeCell ref="AS44:AV45"/>
    <mergeCell ref="AW44:BB45"/>
    <mergeCell ref="BY39:CG40"/>
    <mergeCell ref="CH39:CM40"/>
    <mergeCell ref="A40:M40"/>
    <mergeCell ref="O40:AL40"/>
    <mergeCell ref="A41:M41"/>
    <mergeCell ref="O41:AL41"/>
    <mergeCell ref="AU41:BE41"/>
    <mergeCell ref="BR41:CM41"/>
    <mergeCell ref="BG42:BP43"/>
    <mergeCell ref="A39:M39"/>
    <mergeCell ref="O39:AL39"/>
    <mergeCell ref="AN39:AV40"/>
    <mergeCell ref="AW39:BF40"/>
    <mergeCell ref="BG39:BP40"/>
    <mergeCell ref="BR39:BX40"/>
    <mergeCell ref="A42:M42"/>
    <mergeCell ref="O42:AL42"/>
    <mergeCell ref="AN42:AV43"/>
    <mergeCell ref="AW42:BF4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7:CG38"/>
    <mergeCell ref="CH37:CM38"/>
    <mergeCell ref="A38:M38"/>
    <mergeCell ref="O38:AL38"/>
    <mergeCell ref="AO26:CM26"/>
    <mergeCell ref="Q27:AL27"/>
    <mergeCell ref="BR33:BX34"/>
    <mergeCell ref="BY33:CG34"/>
    <mergeCell ref="CH33:CM34"/>
    <mergeCell ref="A34:M34"/>
    <mergeCell ref="O34:AL34"/>
    <mergeCell ref="AN34:BO34"/>
    <mergeCell ref="A28:AL28"/>
    <mergeCell ref="A29:AL33"/>
    <mergeCell ref="BY30:CI30"/>
    <mergeCell ref="BR31:BX32"/>
    <mergeCell ref="BY31:CG32"/>
    <mergeCell ref="CH31:CM32"/>
    <mergeCell ref="AN28:BP33"/>
    <mergeCell ref="AN15:AS17"/>
    <mergeCell ref="A22:E24"/>
    <mergeCell ref="F22:M22"/>
    <mergeCell ref="O22:P23"/>
    <mergeCell ref="Q22:AL22"/>
    <mergeCell ref="AN18:AS20"/>
    <mergeCell ref="AO22:CM22"/>
    <mergeCell ref="F23:M24"/>
    <mergeCell ref="Q23:AL23"/>
    <mergeCell ref="AO23:CM23"/>
    <mergeCell ref="O24:P25"/>
    <mergeCell ref="Q24:AL24"/>
    <mergeCell ref="AO24:CM24"/>
    <mergeCell ref="A25:E27"/>
    <mergeCell ref="F25:M25"/>
    <mergeCell ref="Q25:AL25"/>
    <mergeCell ref="AO25:CM25"/>
    <mergeCell ref="F26:M27"/>
    <mergeCell ref="AT18:CM20"/>
    <mergeCell ref="F19:M19"/>
    <mergeCell ref="Q19:T19"/>
    <mergeCell ref="U19:X19"/>
    <mergeCell ref="Y19:AL19"/>
    <mergeCell ref="F20:M21"/>
    <mergeCell ref="U17:X17"/>
    <mergeCell ref="O26:P27"/>
    <mergeCell ref="Q26:AL26"/>
    <mergeCell ref="A15:E15"/>
    <mergeCell ref="F15:M15"/>
    <mergeCell ref="Q15:T15"/>
    <mergeCell ref="Y17:AL17"/>
    <mergeCell ref="Q18:T18"/>
    <mergeCell ref="U18:X18"/>
    <mergeCell ref="Y18:AL18"/>
    <mergeCell ref="U15:X15"/>
    <mergeCell ref="Y15:AL15"/>
    <mergeCell ref="Q20:T20"/>
    <mergeCell ref="U20:X20"/>
    <mergeCell ref="Y20:AL20"/>
    <mergeCell ref="Q21:T21"/>
    <mergeCell ref="U21:X21"/>
    <mergeCell ref="Y21:AL21"/>
    <mergeCell ref="E11:AL11"/>
    <mergeCell ref="A7:D8"/>
    <mergeCell ref="F7:K7"/>
    <mergeCell ref="L7:Y7"/>
    <mergeCell ref="Z7:AB8"/>
    <mergeCell ref="AC7:AL8"/>
    <mergeCell ref="E8:Y8"/>
    <mergeCell ref="AN12:AS14"/>
    <mergeCell ref="AT12:CM14"/>
    <mergeCell ref="F13:M14"/>
    <mergeCell ref="Q13:T13"/>
    <mergeCell ref="U13:X13"/>
    <mergeCell ref="Y13:AL13"/>
    <mergeCell ref="Q14:T14"/>
    <mergeCell ref="U14:X14"/>
    <mergeCell ref="Y14:AL14"/>
    <mergeCell ref="A12:E13"/>
    <mergeCell ref="F12:M12"/>
    <mergeCell ref="N12:N27"/>
    <mergeCell ref="O12:P21"/>
    <mergeCell ref="Q12:T12"/>
    <mergeCell ref="U12:X12"/>
    <mergeCell ref="A14:E14"/>
    <mergeCell ref="Q17:T17"/>
    <mergeCell ref="AT15:CM17"/>
    <mergeCell ref="A16:E21"/>
    <mergeCell ref="F16:M16"/>
    <mergeCell ref="Q16:T16"/>
    <mergeCell ref="U16:X16"/>
    <mergeCell ref="Y16:AL16"/>
    <mergeCell ref="F17:M18"/>
    <mergeCell ref="Y12:AL12"/>
    <mergeCell ref="A1:H3"/>
    <mergeCell ref="I1:M4"/>
    <mergeCell ref="N1:AL3"/>
    <mergeCell ref="AN1:CM1"/>
    <mergeCell ref="AN2:CM7"/>
    <mergeCell ref="A4:D4"/>
    <mergeCell ref="E4:H4"/>
    <mergeCell ref="N4:AL4"/>
    <mergeCell ref="A5:H6"/>
    <mergeCell ref="I5:AL6"/>
    <mergeCell ref="AN8:CM8"/>
    <mergeCell ref="A9:D10"/>
    <mergeCell ref="E9:AL10"/>
    <mergeCell ref="AN9:AS11"/>
    <mergeCell ref="AT9:CM11"/>
    <mergeCell ref="A11:D11"/>
  </mergeCells>
  <phoneticPr fontId="3"/>
  <hyperlinks>
    <hyperlink ref="E11:AL11" r:id="rId1" display="http://www.town.oiso.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2―</oddFooter>
  </headerFooter>
  <drawing r:id="rId3"/>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5" zoomScale="70" zoomScaleNormal="8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503</v>
      </c>
      <c r="B1" s="644" ph="1"/>
      <c r="C1" s="644" ph="1"/>
      <c r="D1" s="644" ph="1"/>
      <c r="E1" s="644" ph="1"/>
      <c r="F1" s="644" ph="1"/>
      <c r="G1" s="644" ph="1"/>
      <c r="H1" s="644" ph="1"/>
      <c r="I1" s="645"/>
      <c r="J1" s="645"/>
      <c r="K1" s="645"/>
      <c r="L1" s="645"/>
      <c r="M1" s="645"/>
      <c r="N1" s="454" t="s">
        <v>504</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488</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1153" t="s">
        <v>985</v>
      </c>
      <c r="AO2" s="1153"/>
      <c r="AP2" s="1153"/>
      <c r="AQ2" s="1153"/>
      <c r="AR2" s="1153"/>
      <c r="AS2" s="1153"/>
      <c r="AT2" s="1153"/>
      <c r="AU2" s="1153"/>
      <c r="AV2" s="1153"/>
      <c r="AW2" s="1153"/>
      <c r="AX2" s="1153"/>
      <c r="AY2" s="1153"/>
      <c r="AZ2" s="1153"/>
      <c r="BA2" s="1153"/>
      <c r="BB2" s="1153"/>
      <c r="BC2" s="1153"/>
      <c r="BD2" s="1153"/>
      <c r="BE2" s="1153"/>
      <c r="BF2" s="1153"/>
      <c r="BG2" s="1153"/>
      <c r="BH2" s="1153"/>
      <c r="BI2" s="1153"/>
      <c r="BJ2" s="1153"/>
      <c r="BK2" s="1153"/>
      <c r="BL2" s="1153"/>
      <c r="BM2" s="1153"/>
      <c r="BN2" s="1153"/>
      <c r="BO2" s="1153"/>
      <c r="BP2" s="1153"/>
      <c r="BQ2" s="1153"/>
      <c r="BR2" s="1153"/>
      <c r="BS2" s="1153"/>
      <c r="BT2" s="1153"/>
      <c r="BU2" s="1153"/>
      <c r="BV2" s="1153"/>
      <c r="BW2" s="1153"/>
      <c r="BX2" s="1153"/>
      <c r="BY2" s="1153"/>
      <c r="BZ2" s="1153"/>
      <c r="CA2" s="1153"/>
      <c r="CB2" s="1153"/>
      <c r="CC2" s="1153"/>
      <c r="CD2" s="1153"/>
      <c r="CE2" s="1153"/>
      <c r="CF2" s="1153"/>
      <c r="CG2" s="1153"/>
      <c r="CH2" s="1153"/>
      <c r="CI2" s="1153"/>
      <c r="CJ2" s="1153"/>
      <c r="CK2" s="1153"/>
      <c r="CL2" s="1153"/>
      <c r="CM2" s="1153"/>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1153"/>
      <c r="AO3" s="1153"/>
      <c r="AP3" s="1153"/>
      <c r="AQ3" s="1153"/>
      <c r="AR3" s="1153"/>
      <c r="AS3" s="1153"/>
      <c r="AT3" s="1153"/>
      <c r="AU3" s="1153"/>
      <c r="AV3" s="1153"/>
      <c r="AW3" s="1153"/>
      <c r="AX3" s="1153"/>
      <c r="AY3" s="1153"/>
      <c r="AZ3" s="1153"/>
      <c r="BA3" s="1153"/>
      <c r="BB3" s="1153"/>
      <c r="BC3" s="1153"/>
      <c r="BD3" s="1153"/>
      <c r="BE3" s="1153"/>
      <c r="BF3" s="1153"/>
      <c r="BG3" s="1153"/>
      <c r="BH3" s="1153"/>
      <c r="BI3" s="1153"/>
      <c r="BJ3" s="1153"/>
      <c r="BK3" s="1153"/>
      <c r="BL3" s="1153"/>
      <c r="BM3" s="1153"/>
      <c r="BN3" s="1153"/>
      <c r="BO3" s="1153"/>
      <c r="BP3" s="1153"/>
      <c r="BQ3" s="1153"/>
      <c r="BR3" s="1153"/>
      <c r="BS3" s="1153"/>
      <c r="BT3" s="1153"/>
      <c r="BU3" s="1153"/>
      <c r="BV3" s="1153"/>
      <c r="BW3" s="1153"/>
      <c r="BX3" s="1153"/>
      <c r="BY3" s="1153"/>
      <c r="BZ3" s="1153"/>
      <c r="CA3" s="1153"/>
      <c r="CB3" s="1153"/>
      <c r="CC3" s="1153"/>
      <c r="CD3" s="1153"/>
      <c r="CE3" s="1153"/>
      <c r="CF3" s="1153"/>
      <c r="CG3" s="1153"/>
      <c r="CH3" s="1153"/>
      <c r="CI3" s="1153"/>
      <c r="CJ3" s="1153"/>
      <c r="CK3" s="1153"/>
      <c r="CL3" s="1153"/>
      <c r="CM3" s="1153"/>
      <c r="CQ3" s="3" ph="1"/>
    </row>
    <row r="4" spans="1:100" ht="17.25" customHeight="1" x14ac:dyDescent="0.15">
      <c r="A4" s="641" t="s">
        <v>236</v>
      </c>
      <c r="B4" s="641"/>
      <c r="C4" s="641"/>
      <c r="D4" s="641"/>
      <c r="E4" s="458">
        <v>143421</v>
      </c>
      <c r="F4" s="458"/>
      <c r="G4" s="458"/>
      <c r="H4" s="458"/>
      <c r="I4" s="647"/>
      <c r="J4" s="647"/>
      <c r="K4" s="647"/>
      <c r="L4" s="647"/>
      <c r="M4" s="647"/>
      <c r="N4" s="459" t="s">
        <v>505</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1153"/>
      <c r="AO4" s="1153"/>
      <c r="AP4" s="1153"/>
      <c r="AQ4" s="1153"/>
      <c r="AR4" s="1153"/>
      <c r="AS4" s="1153"/>
      <c r="AT4" s="1153"/>
      <c r="AU4" s="1153"/>
      <c r="AV4" s="1153"/>
      <c r="AW4" s="1153"/>
      <c r="AX4" s="1153"/>
      <c r="AY4" s="1153"/>
      <c r="AZ4" s="1153"/>
      <c r="BA4" s="1153"/>
      <c r="BB4" s="1153"/>
      <c r="BC4" s="1153"/>
      <c r="BD4" s="1153"/>
      <c r="BE4" s="1153"/>
      <c r="BF4" s="1153"/>
      <c r="BG4" s="1153"/>
      <c r="BH4" s="1153"/>
      <c r="BI4" s="1153"/>
      <c r="BJ4" s="1153"/>
      <c r="BK4" s="1153"/>
      <c r="BL4" s="1153"/>
      <c r="BM4" s="1153"/>
      <c r="BN4" s="1153"/>
      <c r="BO4" s="1153"/>
      <c r="BP4" s="1153"/>
      <c r="BQ4" s="1153"/>
      <c r="BR4" s="1153"/>
      <c r="BS4" s="1153"/>
      <c r="BT4" s="1153"/>
      <c r="BU4" s="1153"/>
      <c r="BV4" s="1153"/>
      <c r="BW4" s="1153"/>
      <c r="BX4" s="1153"/>
      <c r="BY4" s="1153"/>
      <c r="BZ4" s="1153"/>
      <c r="CA4" s="1153"/>
      <c r="CB4" s="1153"/>
      <c r="CC4" s="1153"/>
      <c r="CD4" s="1153"/>
      <c r="CE4" s="1153"/>
      <c r="CF4" s="1153"/>
      <c r="CG4" s="1153"/>
      <c r="CH4" s="1153"/>
      <c r="CI4" s="1153"/>
      <c r="CJ4" s="1153"/>
      <c r="CK4" s="1153"/>
      <c r="CL4" s="1153"/>
      <c r="CM4" s="1153"/>
    </row>
    <row r="5" spans="1:100" ht="17.25" customHeight="1" x14ac:dyDescent="0.15">
      <c r="A5" s="382" t="s">
        <v>237</v>
      </c>
      <c r="B5" s="484"/>
      <c r="C5" s="484"/>
      <c r="D5" s="484"/>
      <c r="E5" s="484"/>
      <c r="F5" s="484"/>
      <c r="G5" s="484"/>
      <c r="H5" s="485"/>
      <c r="I5" s="486" t="s">
        <v>506</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1153"/>
      <c r="AO5" s="1153"/>
      <c r="AP5" s="1153"/>
      <c r="AQ5" s="1153"/>
      <c r="AR5" s="1153"/>
      <c r="AS5" s="1153"/>
      <c r="AT5" s="1153"/>
      <c r="AU5" s="1153"/>
      <c r="AV5" s="1153"/>
      <c r="AW5" s="1153"/>
      <c r="AX5" s="1153"/>
      <c r="AY5" s="1153"/>
      <c r="AZ5" s="1153"/>
      <c r="BA5" s="1153"/>
      <c r="BB5" s="1153"/>
      <c r="BC5" s="1153"/>
      <c r="BD5" s="1153"/>
      <c r="BE5" s="1153"/>
      <c r="BF5" s="1153"/>
      <c r="BG5" s="1153"/>
      <c r="BH5" s="1153"/>
      <c r="BI5" s="1153"/>
      <c r="BJ5" s="1153"/>
      <c r="BK5" s="1153"/>
      <c r="BL5" s="1153"/>
      <c r="BM5" s="1153"/>
      <c r="BN5" s="1153"/>
      <c r="BO5" s="1153"/>
      <c r="BP5" s="1153"/>
      <c r="BQ5" s="1153"/>
      <c r="BR5" s="1153"/>
      <c r="BS5" s="1153"/>
      <c r="BT5" s="1153"/>
      <c r="BU5" s="1153"/>
      <c r="BV5" s="1153"/>
      <c r="BW5" s="1153"/>
      <c r="BX5" s="1153"/>
      <c r="BY5" s="1153"/>
      <c r="BZ5" s="1153"/>
      <c r="CA5" s="1153"/>
      <c r="CB5" s="1153"/>
      <c r="CC5" s="1153"/>
      <c r="CD5" s="1153"/>
      <c r="CE5" s="1153"/>
      <c r="CF5" s="1153"/>
      <c r="CG5" s="1153"/>
      <c r="CH5" s="1153"/>
      <c r="CI5" s="1153"/>
      <c r="CJ5" s="1153"/>
      <c r="CK5" s="1153"/>
      <c r="CL5" s="1153"/>
      <c r="CM5" s="1153"/>
    </row>
    <row r="6" spans="1:100" ht="17.25" customHeight="1" x14ac:dyDescent="0.15">
      <c r="A6" s="364"/>
      <c r="B6" s="365"/>
      <c r="C6" s="365"/>
      <c r="D6" s="365"/>
      <c r="E6" s="365"/>
      <c r="F6" s="365"/>
      <c r="G6" s="365"/>
      <c r="H6" s="366"/>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1153"/>
      <c r="AO6" s="1153"/>
      <c r="AP6" s="1153"/>
      <c r="AQ6" s="1153"/>
      <c r="AR6" s="1153"/>
      <c r="AS6" s="1153"/>
      <c r="AT6" s="1153"/>
      <c r="AU6" s="1153"/>
      <c r="AV6" s="1153"/>
      <c r="AW6" s="1153"/>
      <c r="AX6" s="1153"/>
      <c r="AY6" s="1153"/>
      <c r="AZ6" s="1153"/>
      <c r="BA6" s="1153"/>
      <c r="BB6" s="1153"/>
      <c r="BC6" s="1153"/>
      <c r="BD6" s="1153"/>
      <c r="BE6" s="1153"/>
      <c r="BF6" s="1153"/>
      <c r="BG6" s="1153"/>
      <c r="BH6" s="1153"/>
      <c r="BI6" s="1153"/>
      <c r="BJ6" s="1153"/>
      <c r="BK6" s="1153"/>
      <c r="BL6" s="1153"/>
      <c r="BM6" s="1153"/>
      <c r="BN6" s="1153"/>
      <c r="BO6" s="1153"/>
      <c r="BP6" s="1153"/>
      <c r="BQ6" s="1153"/>
      <c r="BR6" s="1153"/>
      <c r="BS6" s="1153"/>
      <c r="BT6" s="1153"/>
      <c r="BU6" s="1153"/>
      <c r="BV6" s="1153"/>
      <c r="BW6" s="1153"/>
      <c r="BX6" s="1153"/>
      <c r="BY6" s="1153"/>
      <c r="BZ6" s="1153"/>
      <c r="CA6" s="1153"/>
      <c r="CB6" s="1153"/>
      <c r="CC6" s="1153"/>
      <c r="CD6" s="1153"/>
      <c r="CE6" s="1153"/>
      <c r="CF6" s="1153"/>
      <c r="CG6" s="1153"/>
      <c r="CH6" s="1153"/>
      <c r="CI6" s="1153"/>
      <c r="CJ6" s="1153"/>
      <c r="CK6" s="1153"/>
      <c r="CL6" s="1153"/>
      <c r="CM6" s="1153"/>
    </row>
    <row r="7" spans="1:100" ht="17.25" customHeight="1" x14ac:dyDescent="0.15">
      <c r="A7" s="405" t="s">
        <v>238</v>
      </c>
      <c r="B7" s="406"/>
      <c r="C7" s="406"/>
      <c r="D7" s="407"/>
      <c r="E7" s="65" t="s">
        <v>0</v>
      </c>
      <c r="F7" s="492" t="s">
        <v>507</v>
      </c>
      <c r="G7" s="492"/>
      <c r="H7" s="492"/>
      <c r="I7" s="492"/>
      <c r="J7" s="492"/>
      <c r="K7" s="492"/>
      <c r="L7" s="493"/>
      <c r="M7" s="642"/>
      <c r="N7" s="642"/>
      <c r="O7" s="642"/>
      <c r="P7" s="642"/>
      <c r="Q7" s="642"/>
      <c r="R7" s="642"/>
      <c r="S7" s="642"/>
      <c r="T7" s="642"/>
      <c r="U7" s="642"/>
      <c r="V7" s="642"/>
      <c r="W7" s="642"/>
      <c r="X7" s="642"/>
      <c r="Y7" s="643"/>
      <c r="Z7" s="332" t="s">
        <v>239</v>
      </c>
      <c r="AA7" s="332"/>
      <c r="AB7" s="332"/>
      <c r="AC7" s="431" t="s">
        <v>508</v>
      </c>
      <c r="AD7" s="431"/>
      <c r="AE7" s="431"/>
      <c r="AF7" s="431"/>
      <c r="AG7" s="431"/>
      <c r="AH7" s="431"/>
      <c r="AI7" s="431"/>
      <c r="AJ7" s="431"/>
      <c r="AK7" s="431"/>
      <c r="AL7" s="431"/>
      <c r="AM7" s="5"/>
      <c r="AN7" s="1153"/>
      <c r="AO7" s="1153"/>
      <c r="AP7" s="1153"/>
      <c r="AQ7" s="1153"/>
      <c r="AR7" s="1153"/>
      <c r="AS7" s="1153"/>
      <c r="AT7" s="1153"/>
      <c r="AU7" s="1153"/>
      <c r="AV7" s="1153"/>
      <c r="AW7" s="1153"/>
      <c r="AX7" s="1153"/>
      <c r="AY7" s="1153"/>
      <c r="AZ7" s="1153"/>
      <c r="BA7" s="1153"/>
      <c r="BB7" s="1153"/>
      <c r="BC7" s="1153"/>
      <c r="BD7" s="1153"/>
      <c r="BE7" s="1153"/>
      <c r="BF7" s="1153"/>
      <c r="BG7" s="1153"/>
      <c r="BH7" s="1153"/>
      <c r="BI7" s="1153"/>
      <c r="BJ7" s="1153"/>
      <c r="BK7" s="1153"/>
      <c r="BL7" s="1153"/>
      <c r="BM7" s="1153"/>
      <c r="BN7" s="1153"/>
      <c r="BO7" s="1153"/>
      <c r="BP7" s="1153"/>
      <c r="BQ7" s="1153"/>
      <c r="BR7" s="1153"/>
      <c r="BS7" s="1153"/>
      <c r="BT7" s="1153"/>
      <c r="BU7" s="1153"/>
      <c r="BV7" s="1153"/>
      <c r="BW7" s="1153"/>
      <c r="BX7" s="1153"/>
      <c r="BY7" s="1153"/>
      <c r="BZ7" s="1153"/>
      <c r="CA7" s="1153"/>
      <c r="CB7" s="1153"/>
      <c r="CC7" s="1153"/>
      <c r="CD7" s="1153"/>
      <c r="CE7" s="1153"/>
      <c r="CF7" s="1153"/>
      <c r="CG7" s="1153"/>
      <c r="CH7" s="1153"/>
      <c r="CI7" s="1153"/>
      <c r="CJ7" s="1153"/>
      <c r="CK7" s="1153"/>
      <c r="CL7" s="1153"/>
      <c r="CM7" s="1153"/>
    </row>
    <row r="8" spans="1:100" ht="17.25" customHeight="1" x14ac:dyDescent="0.15">
      <c r="A8" s="405"/>
      <c r="B8" s="406"/>
      <c r="C8" s="406"/>
      <c r="D8" s="407"/>
      <c r="E8" s="433" t="s">
        <v>509</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1153"/>
      <c r="AO8" s="1153"/>
      <c r="AP8" s="1153"/>
      <c r="AQ8" s="1153"/>
      <c r="AR8" s="1153"/>
      <c r="AS8" s="1153"/>
      <c r="AT8" s="1153"/>
      <c r="AU8" s="1153"/>
      <c r="AV8" s="1153"/>
      <c r="AW8" s="1153"/>
      <c r="AX8" s="1153"/>
      <c r="AY8" s="1153"/>
      <c r="AZ8" s="1153"/>
      <c r="BA8" s="1153"/>
      <c r="BB8" s="1153"/>
      <c r="BC8" s="1153"/>
      <c r="BD8" s="1153"/>
      <c r="BE8" s="1153"/>
      <c r="BF8" s="1153"/>
      <c r="BG8" s="1153"/>
      <c r="BH8" s="1153"/>
      <c r="BI8" s="1153"/>
      <c r="BJ8" s="1153"/>
      <c r="BK8" s="1153"/>
      <c r="BL8" s="1153"/>
      <c r="BM8" s="1153"/>
      <c r="BN8" s="1153"/>
      <c r="BO8" s="1153"/>
      <c r="BP8" s="1153"/>
      <c r="BQ8" s="1153"/>
      <c r="BR8" s="1153"/>
      <c r="BS8" s="1153"/>
      <c r="BT8" s="1153"/>
      <c r="BU8" s="1153"/>
      <c r="BV8" s="1153"/>
      <c r="BW8" s="1153"/>
      <c r="BX8" s="1153"/>
      <c r="BY8" s="1153"/>
      <c r="BZ8" s="1153"/>
      <c r="CA8" s="1153"/>
      <c r="CB8" s="1153"/>
      <c r="CC8" s="1153"/>
      <c r="CD8" s="1153"/>
      <c r="CE8" s="1153"/>
      <c r="CF8" s="1153"/>
      <c r="CG8" s="1153"/>
      <c r="CH8" s="1153"/>
      <c r="CI8" s="1153"/>
      <c r="CJ8" s="1153"/>
      <c r="CK8" s="1153"/>
      <c r="CL8" s="1153"/>
      <c r="CM8" s="1153"/>
    </row>
    <row r="9" spans="1:100" ht="17.25" customHeight="1" x14ac:dyDescent="0.15">
      <c r="A9" s="405" t="s">
        <v>240</v>
      </c>
      <c r="B9" s="406"/>
      <c r="C9" s="406"/>
      <c r="D9" s="407"/>
      <c r="E9" s="445" t="s">
        <v>986</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1153"/>
      <c r="AO9" s="1153"/>
      <c r="AP9" s="1153"/>
      <c r="AQ9" s="1153"/>
      <c r="AR9" s="1153"/>
      <c r="AS9" s="1153"/>
      <c r="AT9" s="1153"/>
      <c r="AU9" s="1153"/>
      <c r="AV9" s="1153"/>
      <c r="AW9" s="1153"/>
      <c r="AX9" s="1153"/>
      <c r="AY9" s="1153"/>
      <c r="AZ9" s="1153"/>
      <c r="BA9" s="1153"/>
      <c r="BB9" s="1153"/>
      <c r="BC9" s="1153"/>
      <c r="BD9" s="1153"/>
      <c r="BE9" s="1153"/>
      <c r="BF9" s="1153"/>
      <c r="BG9" s="1153"/>
      <c r="BH9" s="1153"/>
      <c r="BI9" s="1153"/>
      <c r="BJ9" s="1153"/>
      <c r="BK9" s="1153"/>
      <c r="BL9" s="1153"/>
      <c r="BM9" s="1153"/>
      <c r="BN9" s="1153"/>
      <c r="BO9" s="1153"/>
      <c r="BP9" s="1153"/>
      <c r="BQ9" s="1153"/>
      <c r="BR9" s="1153"/>
      <c r="BS9" s="1153"/>
      <c r="BT9" s="1153"/>
      <c r="BU9" s="1153"/>
      <c r="BV9" s="1153"/>
      <c r="BW9" s="1153"/>
      <c r="BX9" s="1153"/>
      <c r="BY9" s="1153"/>
      <c r="BZ9" s="1153"/>
      <c r="CA9" s="1153"/>
      <c r="CB9" s="1153"/>
      <c r="CC9" s="1153"/>
      <c r="CD9" s="1153"/>
      <c r="CE9" s="1153"/>
      <c r="CF9" s="1153"/>
      <c r="CG9" s="1153"/>
      <c r="CH9" s="1153"/>
      <c r="CI9" s="1153"/>
      <c r="CJ9" s="1153"/>
      <c r="CK9" s="1153"/>
      <c r="CL9" s="1153"/>
      <c r="CM9" s="1153"/>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1153"/>
      <c r="AO10" s="1153"/>
      <c r="AP10" s="1153"/>
      <c r="AQ10" s="1153"/>
      <c r="AR10" s="1153"/>
      <c r="AS10" s="1153"/>
      <c r="AT10" s="1153"/>
      <c r="AU10" s="1153"/>
      <c r="AV10" s="1153"/>
      <c r="AW10" s="1153"/>
      <c r="AX10" s="1153"/>
      <c r="AY10" s="1153"/>
      <c r="AZ10" s="1153"/>
      <c r="BA10" s="1153"/>
      <c r="BB10" s="1153"/>
      <c r="BC10" s="1153"/>
      <c r="BD10" s="1153"/>
      <c r="BE10" s="1153"/>
      <c r="BF10" s="1153"/>
      <c r="BG10" s="1153"/>
      <c r="BH10" s="1153"/>
      <c r="BI10" s="1153"/>
      <c r="BJ10" s="1153"/>
      <c r="BK10" s="1153"/>
      <c r="BL10" s="1153"/>
      <c r="BM10" s="1153"/>
      <c r="BN10" s="1153"/>
      <c r="BO10" s="1153"/>
      <c r="BP10" s="1153"/>
      <c r="BQ10" s="1153"/>
      <c r="BR10" s="1153"/>
      <c r="BS10" s="1153"/>
      <c r="BT10" s="1153"/>
      <c r="BU10" s="1153"/>
      <c r="BV10" s="1153"/>
      <c r="BW10" s="1153"/>
      <c r="BX10" s="1153"/>
      <c r="BY10" s="1153"/>
      <c r="BZ10" s="1153"/>
      <c r="CA10" s="1153"/>
      <c r="CB10" s="1153"/>
      <c r="CC10" s="1153"/>
      <c r="CD10" s="1153"/>
      <c r="CE10" s="1153"/>
      <c r="CF10" s="1153"/>
      <c r="CG10" s="1153"/>
      <c r="CH10" s="1153"/>
      <c r="CI10" s="1153"/>
      <c r="CJ10" s="1153"/>
      <c r="CK10" s="1153"/>
      <c r="CL10" s="1153"/>
      <c r="CM10" s="1153"/>
    </row>
    <row r="11" spans="1:100" ht="17.25" customHeight="1" x14ac:dyDescent="0.15">
      <c r="A11" s="405" t="s">
        <v>37</v>
      </c>
      <c r="B11" s="406"/>
      <c r="C11" s="406"/>
      <c r="D11" s="407"/>
      <c r="E11" s="615" t="s">
        <v>987</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1153"/>
      <c r="AO11" s="1153"/>
      <c r="AP11" s="1153"/>
      <c r="AQ11" s="1153"/>
      <c r="AR11" s="1153"/>
      <c r="AS11" s="1153"/>
      <c r="AT11" s="1153"/>
      <c r="AU11" s="1153"/>
      <c r="AV11" s="1153"/>
      <c r="AW11" s="1153"/>
      <c r="AX11" s="1153"/>
      <c r="AY11" s="1153"/>
      <c r="AZ11" s="1153"/>
      <c r="BA11" s="1153"/>
      <c r="BB11" s="1153"/>
      <c r="BC11" s="1153"/>
      <c r="BD11" s="1153"/>
      <c r="BE11" s="1153"/>
      <c r="BF11" s="1153"/>
      <c r="BG11" s="1153"/>
      <c r="BH11" s="1153"/>
      <c r="BI11" s="1153"/>
      <c r="BJ11" s="1153"/>
      <c r="BK11" s="1153"/>
      <c r="BL11" s="1153"/>
      <c r="BM11" s="1153"/>
      <c r="BN11" s="1153"/>
      <c r="BO11" s="1153"/>
      <c r="BP11" s="1153"/>
      <c r="BQ11" s="1153"/>
      <c r="BR11" s="1153"/>
      <c r="BS11" s="1153"/>
      <c r="BT11" s="1153"/>
      <c r="BU11" s="1153"/>
      <c r="BV11" s="1153"/>
      <c r="BW11" s="1153"/>
      <c r="BX11" s="1153"/>
      <c r="BY11" s="1153"/>
      <c r="BZ11" s="1153"/>
      <c r="CA11" s="1153"/>
      <c r="CB11" s="1153"/>
      <c r="CC11" s="1153"/>
      <c r="CD11" s="1153"/>
      <c r="CE11" s="1153"/>
      <c r="CF11" s="1153"/>
      <c r="CG11" s="1153"/>
      <c r="CH11" s="1153"/>
      <c r="CI11" s="1153"/>
      <c r="CJ11" s="1153"/>
      <c r="CK11" s="1153"/>
      <c r="CL11" s="1153"/>
      <c r="CM11" s="1153"/>
    </row>
    <row r="12" spans="1:100" ht="17.25" customHeight="1" x14ac:dyDescent="0.15">
      <c r="A12" s="332" t="s">
        <v>474</v>
      </c>
      <c r="B12" s="332"/>
      <c r="C12" s="332"/>
      <c r="D12" s="332"/>
      <c r="E12" s="332"/>
      <c r="F12" s="345" t="s">
        <v>988</v>
      </c>
      <c r="G12" s="346"/>
      <c r="H12" s="346"/>
      <c r="I12" s="346"/>
      <c r="J12" s="346"/>
      <c r="K12" s="346"/>
      <c r="L12" s="346"/>
      <c r="M12" s="346"/>
      <c r="N12" s="170"/>
      <c r="O12" s="416" t="s">
        <v>242</v>
      </c>
      <c r="P12" s="417"/>
      <c r="Q12" s="422">
        <v>13091</v>
      </c>
      <c r="R12" s="423"/>
      <c r="S12" s="423"/>
      <c r="T12" s="423"/>
      <c r="U12" s="424" t="s">
        <v>211</v>
      </c>
      <c r="V12" s="423"/>
      <c r="W12" s="423"/>
      <c r="X12" s="423"/>
      <c r="Y12" s="424"/>
      <c r="Z12" s="423"/>
      <c r="AA12" s="423"/>
      <c r="AB12" s="423"/>
      <c r="AC12" s="423"/>
      <c r="AD12" s="423"/>
      <c r="AE12" s="423"/>
      <c r="AF12" s="423"/>
      <c r="AG12" s="423"/>
      <c r="AH12" s="423"/>
      <c r="AI12" s="423"/>
      <c r="AJ12" s="423"/>
      <c r="AK12" s="423"/>
      <c r="AL12" s="425"/>
      <c r="AM12" s="5"/>
      <c r="AN12" s="1153"/>
      <c r="AO12" s="1153"/>
      <c r="AP12" s="1153"/>
      <c r="AQ12" s="1153"/>
      <c r="AR12" s="1153"/>
      <c r="AS12" s="1153"/>
      <c r="AT12" s="1153"/>
      <c r="AU12" s="1153"/>
      <c r="AV12" s="1153"/>
      <c r="AW12" s="1153"/>
      <c r="AX12" s="1153"/>
      <c r="AY12" s="1153"/>
      <c r="AZ12" s="1153"/>
      <c r="BA12" s="1153"/>
      <c r="BB12" s="1153"/>
      <c r="BC12" s="1153"/>
      <c r="BD12" s="1153"/>
      <c r="BE12" s="1153"/>
      <c r="BF12" s="1153"/>
      <c r="BG12" s="1153"/>
      <c r="BH12" s="1153"/>
      <c r="BI12" s="1153"/>
      <c r="BJ12" s="1153"/>
      <c r="BK12" s="1153"/>
      <c r="BL12" s="1153"/>
      <c r="BM12" s="1153"/>
      <c r="BN12" s="1153"/>
      <c r="BO12" s="1153"/>
      <c r="BP12" s="1153"/>
      <c r="BQ12" s="1153"/>
      <c r="BR12" s="1153"/>
      <c r="BS12" s="1153"/>
      <c r="BT12" s="1153"/>
      <c r="BU12" s="1153"/>
      <c r="BV12" s="1153"/>
      <c r="BW12" s="1153"/>
      <c r="BX12" s="1153"/>
      <c r="BY12" s="1153"/>
      <c r="BZ12" s="1153"/>
      <c r="CA12" s="1153"/>
      <c r="CB12" s="1153"/>
      <c r="CC12" s="1153"/>
      <c r="CD12" s="1153"/>
      <c r="CE12" s="1153"/>
      <c r="CF12" s="1153"/>
      <c r="CG12" s="1153"/>
      <c r="CH12" s="1153"/>
      <c r="CI12" s="1153"/>
      <c r="CJ12" s="1153"/>
      <c r="CK12" s="1153"/>
      <c r="CL12" s="1153"/>
      <c r="CM12" s="1153"/>
      <c r="CQ12" s="3" ph="1"/>
      <c r="CR12" s="3" ph="1"/>
      <c r="CS12" s="3" ph="1"/>
      <c r="CT12" s="3" ph="1"/>
      <c r="CU12" s="3" ph="1"/>
      <c r="CV12" s="3" ph="1"/>
    </row>
    <row r="13" spans="1:100" ht="17.25" customHeight="1" x14ac:dyDescent="0.15">
      <c r="A13" s="328"/>
      <c r="B13" s="328"/>
      <c r="C13" s="328"/>
      <c r="D13" s="328"/>
      <c r="E13" s="328"/>
      <c r="F13" s="398" t="s">
        <v>989</v>
      </c>
      <c r="G13" s="369"/>
      <c r="H13" s="369"/>
      <c r="I13" s="369"/>
      <c r="J13" s="369"/>
      <c r="K13" s="369"/>
      <c r="L13" s="369"/>
      <c r="M13" s="369"/>
      <c r="N13" s="152"/>
      <c r="O13" s="418"/>
      <c r="P13" s="419"/>
      <c r="Q13" s="377">
        <v>24198</v>
      </c>
      <c r="R13" s="220"/>
      <c r="S13" s="220"/>
      <c r="T13" s="220"/>
      <c r="U13" s="371" t="s">
        <v>328</v>
      </c>
      <c r="V13" s="220"/>
      <c r="W13" s="220"/>
      <c r="X13" s="220"/>
      <c r="Y13" s="854" t="s">
        <v>510</v>
      </c>
      <c r="Z13" s="400"/>
      <c r="AA13" s="400"/>
      <c r="AB13" s="400"/>
      <c r="AC13" s="400"/>
      <c r="AD13" s="400"/>
      <c r="AE13" s="400"/>
      <c r="AF13" s="400"/>
      <c r="AG13" s="400"/>
      <c r="AH13" s="400"/>
      <c r="AI13" s="400"/>
      <c r="AJ13" s="400"/>
      <c r="AK13" s="400"/>
      <c r="AL13" s="401"/>
      <c r="AM13" s="5"/>
      <c r="AN13" s="518" t="s">
        <v>245</v>
      </c>
      <c r="AO13" s="518"/>
      <c r="AP13" s="518"/>
      <c r="AQ13" s="518"/>
      <c r="AR13" s="518"/>
      <c r="AS13" s="518"/>
      <c r="AT13" s="518"/>
      <c r="AU13" s="518"/>
      <c r="AV13" s="518"/>
      <c r="AW13" s="518"/>
      <c r="AX13" s="518"/>
      <c r="AY13" s="518"/>
      <c r="AZ13" s="518"/>
      <c r="BA13" s="518"/>
      <c r="BB13" s="518"/>
      <c r="BC13" s="518"/>
      <c r="BD13" s="518"/>
      <c r="BE13" s="518"/>
      <c r="BF13" s="518"/>
      <c r="BG13" s="518"/>
      <c r="BH13" s="518"/>
      <c r="BI13" s="518"/>
      <c r="BJ13" s="518"/>
      <c r="BK13" s="518"/>
      <c r="BL13" s="518"/>
      <c r="BM13" s="518"/>
      <c r="BN13" s="518"/>
      <c r="BO13" s="518"/>
      <c r="BP13" s="518"/>
      <c r="BQ13" s="518"/>
      <c r="BR13" s="518"/>
      <c r="BS13" s="518"/>
      <c r="BT13" s="518"/>
      <c r="BU13" s="518"/>
      <c r="BV13" s="518"/>
      <c r="BW13" s="518"/>
      <c r="BX13" s="518"/>
      <c r="BY13" s="518"/>
      <c r="BZ13" s="518"/>
      <c r="CA13" s="518"/>
      <c r="CB13" s="518"/>
      <c r="CC13" s="518"/>
      <c r="CD13" s="518"/>
      <c r="CE13" s="518"/>
      <c r="CF13" s="518"/>
      <c r="CG13" s="518"/>
      <c r="CH13" s="518"/>
      <c r="CI13" s="518"/>
      <c r="CJ13" s="518"/>
      <c r="CK13" s="518"/>
      <c r="CL13" s="518"/>
      <c r="CM13" s="518"/>
      <c r="CQ13" s="3" ph="1"/>
      <c r="CR13" s="3" ph="1"/>
      <c r="CS13" s="3" ph="1"/>
      <c r="CT13" s="3" ph="1"/>
      <c r="CU13" s="3" ph="1"/>
      <c r="CV13" s="3" ph="1"/>
    </row>
    <row r="14" spans="1:100" ht="17.25" customHeight="1" x14ac:dyDescent="0.15">
      <c r="A14" s="426">
        <v>3</v>
      </c>
      <c r="B14" s="651"/>
      <c r="C14" s="651"/>
      <c r="D14" s="651"/>
      <c r="E14" s="651"/>
      <c r="F14" s="370"/>
      <c r="G14" s="370"/>
      <c r="H14" s="370"/>
      <c r="I14" s="370"/>
      <c r="J14" s="370"/>
      <c r="K14" s="370"/>
      <c r="L14" s="370"/>
      <c r="M14" s="370"/>
      <c r="N14" s="152"/>
      <c r="O14" s="418"/>
      <c r="P14" s="419"/>
      <c r="Q14" s="377"/>
      <c r="R14" s="220"/>
      <c r="S14" s="220"/>
      <c r="T14" s="220"/>
      <c r="U14" s="371"/>
      <c r="V14" s="220"/>
      <c r="W14" s="220"/>
      <c r="X14" s="220"/>
      <c r="Y14" s="400"/>
      <c r="Z14" s="400"/>
      <c r="AA14" s="400"/>
      <c r="AB14" s="400"/>
      <c r="AC14" s="400"/>
      <c r="AD14" s="400"/>
      <c r="AE14" s="400"/>
      <c r="AF14" s="400"/>
      <c r="AG14" s="400"/>
      <c r="AH14" s="400"/>
      <c r="AI14" s="400"/>
      <c r="AJ14" s="400"/>
      <c r="AK14" s="400"/>
      <c r="AL14" s="401"/>
      <c r="AM14" s="5"/>
      <c r="AN14" s="287" t="s">
        <v>219</v>
      </c>
      <c r="AO14" s="287"/>
      <c r="AP14" s="287"/>
      <c r="AQ14" s="287"/>
      <c r="AR14" s="287"/>
      <c r="AS14" s="287"/>
      <c r="AT14" s="856" t="s">
        <v>511</v>
      </c>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6355</v>
      </c>
      <c r="G15" s="430"/>
      <c r="H15" s="430"/>
      <c r="I15" s="430"/>
      <c r="J15" s="430"/>
      <c r="K15" s="430"/>
      <c r="L15" s="430"/>
      <c r="M15" s="430"/>
      <c r="N15" s="152"/>
      <c r="O15" s="418"/>
      <c r="P15" s="419"/>
      <c r="Q15" s="377"/>
      <c r="R15" s="220"/>
      <c r="S15" s="220"/>
      <c r="T15" s="220"/>
      <c r="U15" s="371"/>
      <c r="V15" s="220"/>
      <c r="W15" s="220"/>
      <c r="X15" s="220"/>
      <c r="Y15" s="400"/>
      <c r="Z15" s="400"/>
      <c r="AA15" s="400"/>
      <c r="AB15" s="400"/>
      <c r="AC15" s="400"/>
      <c r="AD15" s="400"/>
      <c r="AE15" s="400"/>
      <c r="AF15" s="400"/>
      <c r="AG15" s="400"/>
      <c r="AH15" s="400"/>
      <c r="AI15" s="400"/>
      <c r="AJ15" s="400"/>
      <c r="AK15" s="400"/>
      <c r="AL15" s="401"/>
      <c r="AM15" s="5"/>
      <c r="AN15" s="287"/>
      <c r="AO15" s="287"/>
      <c r="AP15" s="287"/>
      <c r="AQ15" s="287"/>
      <c r="AR15" s="287"/>
      <c r="AS15" s="287"/>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13</v>
      </c>
      <c r="B16" s="484"/>
      <c r="C16" s="484"/>
      <c r="D16" s="484"/>
      <c r="E16" s="485"/>
      <c r="F16" s="666" t="s">
        <v>1404</v>
      </c>
      <c r="G16" s="667"/>
      <c r="H16" s="667"/>
      <c r="I16" s="667"/>
      <c r="J16" s="667"/>
      <c r="K16" s="667"/>
      <c r="L16" s="667"/>
      <c r="M16" s="667"/>
      <c r="N16" s="152"/>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87" t="s">
        <v>220</v>
      </c>
      <c r="AO16" s="287"/>
      <c r="AP16" s="287"/>
      <c r="AQ16" s="287"/>
      <c r="AR16" s="287"/>
      <c r="AS16" s="287"/>
      <c r="AT16" s="856" t="s">
        <v>512</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t="s">
        <v>1403</v>
      </c>
      <c r="G17" s="369"/>
      <c r="H17" s="369"/>
      <c r="I17" s="369"/>
      <c r="J17" s="369"/>
      <c r="K17" s="369"/>
      <c r="L17" s="369"/>
      <c r="M17" s="369"/>
      <c r="N17" s="152"/>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c r="AO17" s="287"/>
      <c r="AP17" s="287"/>
      <c r="AQ17" s="287"/>
      <c r="AR17" s="287"/>
      <c r="AS17" s="28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152"/>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87" t="s">
        <v>221</v>
      </c>
      <c r="AO18" s="287"/>
      <c r="AP18" s="287"/>
      <c r="AQ18" s="287"/>
      <c r="AR18" s="287"/>
      <c r="AS18" s="287"/>
      <c r="AT18" s="856" t="s">
        <v>513</v>
      </c>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152"/>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87"/>
      <c r="AO19" s="287"/>
      <c r="AP19" s="287"/>
      <c r="AQ19" s="287"/>
      <c r="AR19" s="287"/>
      <c r="AS19" s="287"/>
      <c r="AT19" s="856"/>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152"/>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t="s">
        <v>222</v>
      </c>
      <c r="AO20" s="287"/>
      <c r="AP20" s="287"/>
      <c r="AQ20" s="287"/>
      <c r="AR20" s="287"/>
      <c r="AS20" s="287"/>
      <c r="AT20" s="856" t="s">
        <v>990</v>
      </c>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152"/>
      <c r="O21" s="418"/>
      <c r="P21" s="419"/>
      <c r="Q21" s="378" t="s">
        <v>514</v>
      </c>
      <c r="R21" s="378"/>
      <c r="S21" s="378"/>
      <c r="T21" s="378"/>
      <c r="U21" s="378"/>
      <c r="V21" s="378"/>
      <c r="W21" s="378"/>
      <c r="X21" s="378"/>
      <c r="Y21" s="378"/>
      <c r="Z21" s="378"/>
      <c r="AA21" s="378"/>
      <c r="AB21" s="378"/>
      <c r="AC21" s="378"/>
      <c r="AD21" s="378"/>
      <c r="AE21" s="378"/>
      <c r="AF21" s="378"/>
      <c r="AG21" s="378"/>
      <c r="AH21" s="378"/>
      <c r="AI21" s="378"/>
      <c r="AJ21" s="378"/>
      <c r="AK21" s="378"/>
      <c r="AL21" s="379"/>
      <c r="AM21" s="5"/>
      <c r="AN21" s="287"/>
      <c r="AO21" s="287"/>
      <c r="AP21" s="287"/>
      <c r="AQ21" s="287"/>
      <c r="AR21" s="287"/>
      <c r="AS21" s="287"/>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666" t="s">
        <v>1419</v>
      </c>
      <c r="G22" s="667"/>
      <c r="H22" s="667"/>
      <c r="I22" s="667"/>
      <c r="J22" s="667"/>
      <c r="K22" s="667"/>
      <c r="L22" s="667"/>
      <c r="M22" s="667"/>
      <c r="N22" s="152"/>
      <c r="O22" s="1031" t="s">
        <v>258</v>
      </c>
      <c r="P22" s="1031"/>
      <c r="Q22" s="916" t="s">
        <v>991</v>
      </c>
      <c r="R22" s="917"/>
      <c r="S22" s="917"/>
      <c r="T22" s="917"/>
      <c r="U22" s="917"/>
      <c r="V22" s="917"/>
      <c r="W22" s="917"/>
      <c r="X22" s="917"/>
      <c r="Y22" s="917"/>
      <c r="Z22" s="917"/>
      <c r="AA22" s="917"/>
      <c r="AB22" s="917"/>
      <c r="AC22" s="917"/>
      <c r="AD22" s="917"/>
      <c r="AE22" s="917"/>
      <c r="AF22" s="917"/>
      <c r="AG22" s="917"/>
      <c r="AH22" s="917"/>
      <c r="AI22" s="917"/>
      <c r="AJ22" s="917"/>
      <c r="AK22" s="917"/>
      <c r="AL22" s="918"/>
      <c r="AM22" s="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3" ph="1"/>
      <c r="CR22" s="3" ph="1"/>
      <c r="CS22" s="3" ph="1"/>
      <c r="CT22" s="3" ph="1"/>
      <c r="CU22" s="3" ph="1"/>
      <c r="CV22" s="3" ph="1"/>
    </row>
    <row r="23" spans="1:100" ht="17.25" customHeight="1" x14ac:dyDescent="0.15">
      <c r="A23" s="328"/>
      <c r="B23" s="328"/>
      <c r="C23" s="328"/>
      <c r="D23" s="328"/>
      <c r="E23" s="328"/>
      <c r="F23" s="564" t="s">
        <v>1418</v>
      </c>
      <c r="G23" s="565"/>
      <c r="H23" s="565"/>
      <c r="I23" s="565"/>
      <c r="J23" s="565"/>
      <c r="K23" s="565"/>
      <c r="L23" s="565"/>
      <c r="M23" s="566"/>
      <c r="N23" s="152"/>
      <c r="O23" s="1031"/>
      <c r="P23" s="1031"/>
      <c r="Q23" s="355">
        <v>26971</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37" t="s">
        <v>16</v>
      </c>
      <c r="AO23" s="867" t="s">
        <v>1496</v>
      </c>
      <c r="AP23" s="1198"/>
      <c r="AQ23" s="1198"/>
      <c r="AR23" s="1198"/>
      <c r="AS23" s="1198"/>
      <c r="AT23" s="1198"/>
      <c r="AU23" s="1198"/>
      <c r="AV23" s="1198"/>
      <c r="AW23" s="1198"/>
      <c r="AX23" s="1198"/>
      <c r="AY23" s="1198"/>
      <c r="AZ23" s="1198"/>
      <c r="BA23" s="1198"/>
      <c r="BB23" s="1198"/>
      <c r="BC23" s="1198"/>
      <c r="BD23" s="1198"/>
      <c r="BE23" s="1198"/>
      <c r="BF23" s="1198"/>
      <c r="BG23" s="1198"/>
      <c r="BH23" s="1198"/>
      <c r="BI23" s="1198"/>
      <c r="BJ23" s="1198"/>
      <c r="BK23" s="1198"/>
      <c r="BL23" s="1198"/>
      <c r="BM23" s="1198"/>
      <c r="BN23" s="1198"/>
      <c r="BO23" s="1198"/>
      <c r="BP23" s="1198"/>
      <c r="BQ23" s="1198"/>
      <c r="BR23" s="1198"/>
      <c r="BS23" s="1198"/>
      <c r="BT23" s="1198"/>
      <c r="BU23" s="1198"/>
      <c r="BV23" s="1198"/>
      <c r="BW23" s="1198"/>
      <c r="BX23" s="1198"/>
      <c r="BY23" s="1198"/>
      <c r="BZ23" s="1198"/>
      <c r="CA23" s="1198"/>
      <c r="CB23" s="1198"/>
      <c r="CC23" s="1198"/>
      <c r="CD23" s="1198"/>
      <c r="CE23" s="1198"/>
      <c r="CF23" s="1198"/>
      <c r="CG23" s="1198"/>
      <c r="CH23" s="1198"/>
      <c r="CI23" s="1198"/>
      <c r="CJ23" s="1198"/>
      <c r="CK23" s="1198"/>
      <c r="CL23" s="1198"/>
      <c r="CM23" s="1199"/>
      <c r="CQ23" s="3" ph="1"/>
      <c r="CR23" s="3" ph="1"/>
      <c r="CS23" s="3" ph="1"/>
      <c r="CT23" s="3" ph="1"/>
      <c r="CU23" s="3" ph="1"/>
      <c r="CV23" s="3" ph="1"/>
    </row>
    <row r="24" spans="1:100" ht="17.25" customHeight="1" x14ac:dyDescent="0.15">
      <c r="A24" s="329"/>
      <c r="B24" s="329"/>
      <c r="C24" s="329"/>
      <c r="D24" s="329"/>
      <c r="E24" s="329"/>
      <c r="F24" s="567"/>
      <c r="G24" s="568"/>
      <c r="H24" s="568"/>
      <c r="I24" s="568"/>
      <c r="J24" s="568"/>
      <c r="K24" s="568"/>
      <c r="L24" s="568"/>
      <c r="M24" s="569"/>
      <c r="N24" s="152"/>
      <c r="O24" s="428" t="s">
        <v>260</v>
      </c>
      <c r="P24" s="428"/>
      <c r="Q24" s="1030" t="s">
        <v>881</v>
      </c>
      <c r="R24" s="862"/>
      <c r="S24" s="862"/>
      <c r="T24" s="862"/>
      <c r="U24" s="862"/>
      <c r="V24" s="862"/>
      <c r="W24" s="862"/>
      <c r="X24" s="862"/>
      <c r="Y24" s="862"/>
      <c r="Z24" s="862"/>
      <c r="AA24" s="862"/>
      <c r="AB24" s="862"/>
      <c r="AC24" s="862"/>
      <c r="AD24" s="862"/>
      <c r="AE24" s="862"/>
      <c r="AF24" s="862"/>
      <c r="AG24" s="862"/>
      <c r="AH24" s="862"/>
      <c r="AI24" s="862"/>
      <c r="AJ24" s="862"/>
      <c r="AK24" s="862"/>
      <c r="AL24" s="863"/>
      <c r="AM24" s="5"/>
      <c r="AN24" s="37" t="s">
        <v>16</v>
      </c>
      <c r="AO24" s="655" t="s">
        <v>1497</v>
      </c>
      <c r="AP24" s="655"/>
      <c r="AQ24" s="655"/>
      <c r="AR24" s="655"/>
      <c r="AS24" s="655"/>
      <c r="AT24" s="655"/>
      <c r="AU24" s="655"/>
      <c r="AV24" s="655"/>
      <c r="AW24" s="655"/>
      <c r="AX24" s="655"/>
      <c r="AY24" s="655"/>
      <c r="AZ24" s="655"/>
      <c r="BA24" s="655"/>
      <c r="BB24" s="655"/>
      <c r="BC24" s="655"/>
      <c r="BD24" s="655"/>
      <c r="BE24" s="655"/>
      <c r="BF24" s="655"/>
      <c r="BG24" s="655"/>
      <c r="BH24" s="655"/>
      <c r="BI24" s="655"/>
      <c r="BJ24" s="655"/>
      <c r="BK24" s="655"/>
      <c r="BL24" s="655"/>
      <c r="BM24" s="655"/>
      <c r="BN24" s="655"/>
      <c r="BO24" s="655"/>
      <c r="BP24" s="655"/>
      <c r="BQ24" s="655"/>
      <c r="BR24" s="655"/>
      <c r="BS24" s="655"/>
      <c r="BT24" s="655"/>
      <c r="BU24" s="655"/>
      <c r="BV24" s="655"/>
      <c r="BW24" s="655"/>
      <c r="BX24" s="655"/>
      <c r="BY24" s="655"/>
      <c r="BZ24" s="655"/>
      <c r="CA24" s="655"/>
      <c r="CB24" s="655"/>
      <c r="CC24" s="655"/>
      <c r="CD24" s="655"/>
      <c r="CE24" s="655"/>
      <c r="CF24" s="655"/>
      <c r="CG24" s="655"/>
      <c r="CH24" s="655"/>
      <c r="CI24" s="655"/>
      <c r="CJ24" s="655"/>
      <c r="CK24" s="655"/>
      <c r="CL24" s="655"/>
      <c r="CM24" s="656"/>
      <c r="CQ24" s="3" ph="1"/>
      <c r="CR24" s="3" ph="1"/>
      <c r="CS24" s="3" ph="1"/>
      <c r="CT24" s="3" ph="1"/>
      <c r="CU24" s="3" ph="1"/>
      <c r="CV24" s="3" ph="1"/>
    </row>
    <row r="25" spans="1:100" ht="17.25" customHeight="1" x14ac:dyDescent="0.15">
      <c r="A25" s="328" t="s">
        <v>263</v>
      </c>
      <c r="B25" s="328"/>
      <c r="C25" s="328"/>
      <c r="D25" s="328"/>
      <c r="E25" s="328"/>
      <c r="F25" s="850" t="s">
        <v>1421</v>
      </c>
      <c r="G25" s="851"/>
      <c r="H25" s="851"/>
      <c r="I25" s="851"/>
      <c r="J25" s="851"/>
      <c r="K25" s="851"/>
      <c r="L25" s="851"/>
      <c r="M25" s="851"/>
      <c r="N25" s="152"/>
      <c r="O25" s="428"/>
      <c r="P25" s="428"/>
      <c r="Q25" s="355">
        <v>26971</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16</v>
      </c>
      <c r="AO25" s="351" t="s">
        <v>1498</v>
      </c>
      <c r="AP25" s="556"/>
      <c r="AQ25" s="556"/>
      <c r="AR25" s="556"/>
      <c r="AS25" s="556"/>
      <c r="AT25" s="556"/>
      <c r="AU25" s="556"/>
      <c r="AV25" s="556"/>
      <c r="AW25" s="556"/>
      <c r="AX25" s="556"/>
      <c r="AY25" s="556"/>
      <c r="AZ25" s="556"/>
      <c r="BA25" s="556"/>
      <c r="BB25" s="556"/>
      <c r="BC25" s="556"/>
      <c r="BD25" s="556"/>
      <c r="BE25" s="556"/>
      <c r="BF25" s="556"/>
      <c r="BG25" s="556"/>
      <c r="BH25" s="556"/>
      <c r="BI25" s="556"/>
      <c r="BJ25" s="556"/>
      <c r="BK25" s="556"/>
      <c r="BL25" s="556"/>
      <c r="BM25" s="556"/>
      <c r="BN25" s="556"/>
      <c r="BO25" s="556"/>
      <c r="BP25" s="556"/>
      <c r="BQ25" s="556"/>
      <c r="BR25" s="556"/>
      <c r="BS25" s="556"/>
      <c r="BT25" s="556"/>
      <c r="BU25" s="556"/>
      <c r="BV25" s="556"/>
      <c r="BW25" s="556"/>
      <c r="BX25" s="556"/>
      <c r="BY25" s="556"/>
      <c r="BZ25" s="556"/>
      <c r="CA25" s="556"/>
      <c r="CB25" s="556"/>
      <c r="CC25" s="556"/>
      <c r="CD25" s="556"/>
      <c r="CE25" s="556"/>
      <c r="CF25" s="556"/>
      <c r="CG25" s="556"/>
      <c r="CH25" s="556"/>
      <c r="CI25" s="556"/>
      <c r="CJ25" s="556"/>
      <c r="CK25" s="556"/>
      <c r="CL25" s="556"/>
      <c r="CM25" s="557"/>
      <c r="CQ25" s="3" ph="1"/>
      <c r="CR25" s="3" ph="1"/>
      <c r="CS25" s="3" ph="1"/>
      <c r="CT25" s="3" ph="1"/>
      <c r="CU25" s="3" ph="1"/>
      <c r="CV25" s="3" ph="1"/>
    </row>
    <row r="26" spans="1:100" ht="17.25" customHeight="1" x14ac:dyDescent="0.15">
      <c r="A26" s="328"/>
      <c r="B26" s="328"/>
      <c r="C26" s="328"/>
      <c r="D26" s="328"/>
      <c r="E26" s="328"/>
      <c r="F26" s="336" t="s">
        <v>1420</v>
      </c>
      <c r="G26" s="337"/>
      <c r="H26" s="337"/>
      <c r="I26" s="337"/>
      <c r="J26" s="337"/>
      <c r="K26" s="337"/>
      <c r="L26" s="337"/>
      <c r="M26" s="338"/>
      <c r="N26" s="152"/>
      <c r="O26" s="428" t="s">
        <v>264</v>
      </c>
      <c r="P26" s="428"/>
      <c r="Q26" s="486" t="s">
        <v>992</v>
      </c>
      <c r="R26" s="487"/>
      <c r="S26" s="487"/>
      <c r="T26" s="487"/>
      <c r="U26" s="487"/>
      <c r="V26" s="487"/>
      <c r="W26" s="487"/>
      <c r="X26" s="487"/>
      <c r="Y26" s="487"/>
      <c r="Z26" s="487"/>
      <c r="AA26" s="487"/>
      <c r="AB26" s="487"/>
      <c r="AC26" s="487"/>
      <c r="AD26" s="487"/>
      <c r="AE26" s="487"/>
      <c r="AF26" s="487"/>
      <c r="AG26" s="487"/>
      <c r="AH26" s="487"/>
      <c r="AI26" s="487"/>
      <c r="AJ26" s="487"/>
      <c r="AK26" s="487"/>
      <c r="AL26" s="488"/>
      <c r="AM26" s="5"/>
      <c r="AN26" s="37" t="s">
        <v>16</v>
      </c>
      <c r="AO26" s="655" t="s">
        <v>1499</v>
      </c>
      <c r="AP26" s="655"/>
      <c r="AQ26" s="655"/>
      <c r="AR26" s="655"/>
      <c r="AS26" s="655"/>
      <c r="AT26" s="655"/>
      <c r="AU26" s="655"/>
      <c r="AV26" s="655"/>
      <c r="AW26" s="655"/>
      <c r="AX26" s="655"/>
      <c r="AY26" s="655"/>
      <c r="AZ26" s="655"/>
      <c r="BA26" s="655"/>
      <c r="BB26" s="655"/>
      <c r="BC26" s="655"/>
      <c r="BD26" s="655"/>
      <c r="BE26" s="655"/>
      <c r="BF26" s="655"/>
      <c r="BG26" s="655"/>
      <c r="BH26" s="655"/>
      <c r="BI26" s="655"/>
      <c r="BJ26" s="655"/>
      <c r="BK26" s="655"/>
      <c r="BL26" s="655"/>
      <c r="BM26" s="655"/>
      <c r="BN26" s="655"/>
      <c r="BO26" s="655"/>
      <c r="BP26" s="655"/>
      <c r="BQ26" s="655"/>
      <c r="BR26" s="655"/>
      <c r="BS26" s="655"/>
      <c r="BT26" s="655"/>
      <c r="BU26" s="655"/>
      <c r="BV26" s="655"/>
      <c r="BW26" s="655"/>
      <c r="BX26" s="655"/>
      <c r="BY26" s="655"/>
      <c r="BZ26" s="655"/>
      <c r="CA26" s="655"/>
      <c r="CB26" s="655"/>
      <c r="CC26" s="655"/>
      <c r="CD26" s="655"/>
      <c r="CE26" s="655"/>
      <c r="CF26" s="655"/>
      <c r="CG26" s="655"/>
      <c r="CH26" s="655"/>
      <c r="CI26" s="655"/>
      <c r="CJ26" s="655"/>
      <c r="CK26" s="655"/>
      <c r="CL26" s="655"/>
      <c r="CM26" s="656"/>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152"/>
      <c r="O27" s="428"/>
      <c r="P27" s="428"/>
      <c r="Q27" s="342">
        <v>40548</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37" t="s">
        <v>16</v>
      </c>
      <c r="AO27" s="490" t="s">
        <v>1500</v>
      </c>
      <c r="AP27" s="490"/>
      <c r="AQ27" s="490"/>
      <c r="AR27" s="490"/>
      <c r="AS27" s="490"/>
      <c r="AT27" s="490"/>
      <c r="AU27" s="490"/>
      <c r="AV27" s="490"/>
      <c r="AW27" s="490"/>
      <c r="AX27" s="490"/>
      <c r="AY27" s="490"/>
      <c r="AZ27" s="490"/>
      <c r="BA27" s="490"/>
      <c r="BB27" s="490"/>
      <c r="BC27" s="490"/>
      <c r="BD27" s="490"/>
      <c r="BE27" s="490"/>
      <c r="BF27" s="490"/>
      <c r="BG27" s="490"/>
      <c r="BH27" s="490"/>
      <c r="BI27" s="490"/>
      <c r="BJ27" s="490"/>
      <c r="BK27" s="490"/>
      <c r="BL27" s="490"/>
      <c r="BM27" s="490"/>
      <c r="BN27" s="490"/>
      <c r="BO27" s="490"/>
      <c r="BP27" s="490"/>
      <c r="BQ27" s="490"/>
      <c r="BR27" s="490"/>
      <c r="BS27" s="490"/>
      <c r="BT27" s="490"/>
      <c r="BU27" s="490"/>
      <c r="BV27" s="490"/>
      <c r="BW27" s="490"/>
      <c r="BX27" s="490"/>
      <c r="BY27" s="490"/>
      <c r="BZ27" s="490"/>
      <c r="CA27" s="490"/>
      <c r="CB27" s="490"/>
      <c r="CC27" s="490"/>
      <c r="CD27" s="490"/>
      <c r="CE27" s="490"/>
      <c r="CF27" s="490"/>
      <c r="CG27" s="490"/>
      <c r="CH27" s="490"/>
      <c r="CI27" s="490"/>
      <c r="CJ27" s="490"/>
      <c r="CK27" s="490"/>
      <c r="CL27" s="490"/>
      <c r="CM27" s="491"/>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515</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8" t="s">
        <v>16</v>
      </c>
      <c r="AO29" s="1264" t="s">
        <v>1501</v>
      </c>
      <c r="AP29" s="1264"/>
      <c r="AQ29" s="1264"/>
      <c r="AR29" s="1264"/>
      <c r="AS29" s="1264"/>
      <c r="AT29" s="1264"/>
      <c r="AU29" s="1264"/>
      <c r="AV29" s="1264"/>
      <c r="AW29" s="1264"/>
      <c r="AX29" s="1264"/>
      <c r="AY29" s="1264"/>
      <c r="AZ29" s="1264"/>
      <c r="BA29" s="1264"/>
      <c r="BB29" s="1264"/>
      <c r="BC29" s="1264"/>
      <c r="BD29" s="1264"/>
      <c r="BE29" s="1264"/>
      <c r="BF29" s="1264"/>
      <c r="BG29" s="1264"/>
      <c r="BH29" s="1264"/>
      <c r="BI29" s="1264"/>
      <c r="BJ29" s="1264"/>
      <c r="BK29" s="1264"/>
      <c r="BL29" s="1264"/>
      <c r="BM29" s="1264"/>
      <c r="BN29" s="1264"/>
      <c r="BO29" s="1264"/>
      <c r="BP29" s="1265"/>
      <c r="BQ29" s="53"/>
      <c r="BR29" s="101"/>
      <c r="BS29" s="15"/>
      <c r="BT29" s="1"/>
      <c r="BU29" s="1"/>
      <c r="BV29" s="1"/>
      <c r="BW29" s="1"/>
      <c r="BX29" s="1"/>
      <c r="BY29" s="1"/>
      <c r="BZ29" s="129"/>
      <c r="CA29" s="129"/>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9" t="s">
        <v>16</v>
      </c>
      <c r="AO30" s="672" t="s">
        <v>1502</v>
      </c>
      <c r="AP30" s="672"/>
      <c r="AQ30" s="672"/>
      <c r="AR30" s="672"/>
      <c r="AS30" s="672"/>
      <c r="AT30" s="672"/>
      <c r="AU30" s="672"/>
      <c r="AV30" s="672"/>
      <c r="AW30" s="672"/>
      <c r="AX30" s="672"/>
      <c r="AY30" s="672"/>
      <c r="AZ30" s="672"/>
      <c r="BA30" s="672"/>
      <c r="BB30" s="672"/>
      <c r="BC30" s="672"/>
      <c r="BD30" s="672"/>
      <c r="BE30" s="672"/>
      <c r="BF30" s="672"/>
      <c r="BG30" s="672"/>
      <c r="BH30" s="672"/>
      <c r="BI30" s="672"/>
      <c r="BJ30" s="672"/>
      <c r="BK30" s="672"/>
      <c r="BL30" s="672"/>
      <c r="BM30" s="672"/>
      <c r="BN30" s="672"/>
      <c r="BO30" s="672"/>
      <c r="BP30" s="673"/>
      <c r="BQ30" s="72"/>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9" t="s">
        <v>16</v>
      </c>
      <c r="AO31" s="774" t="s">
        <v>1503</v>
      </c>
      <c r="AP31" s="774"/>
      <c r="AQ31" s="774"/>
      <c r="AR31" s="774"/>
      <c r="AS31" s="774"/>
      <c r="AT31" s="774"/>
      <c r="AU31" s="774"/>
      <c r="AV31" s="774"/>
      <c r="AW31" s="774"/>
      <c r="AX31" s="774"/>
      <c r="AY31" s="774"/>
      <c r="AZ31" s="774"/>
      <c r="BA31" s="774"/>
      <c r="BB31" s="774"/>
      <c r="BC31" s="774"/>
      <c r="BD31" s="774"/>
      <c r="BE31" s="774"/>
      <c r="BF31" s="774"/>
      <c r="BG31" s="774"/>
      <c r="BH31" s="774"/>
      <c r="BI31" s="774"/>
      <c r="BJ31" s="774"/>
      <c r="BK31" s="774"/>
      <c r="BL31" s="774"/>
      <c r="BM31" s="774"/>
      <c r="BN31" s="774"/>
      <c r="BO31" s="774"/>
      <c r="BP31" s="775"/>
      <c r="BQ31" s="85"/>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9" t="s">
        <v>16</v>
      </c>
      <c r="AO32" s="774" t="s">
        <v>1504</v>
      </c>
      <c r="AP32" s="774"/>
      <c r="AQ32" s="774"/>
      <c r="AR32" s="774"/>
      <c r="AS32" s="774"/>
      <c r="AT32" s="774"/>
      <c r="AU32" s="774"/>
      <c r="AV32" s="774"/>
      <c r="AW32" s="774"/>
      <c r="AX32" s="774"/>
      <c r="AY32" s="774"/>
      <c r="AZ32" s="774"/>
      <c r="BA32" s="774"/>
      <c r="BB32" s="774"/>
      <c r="BC32" s="774"/>
      <c r="BD32" s="774"/>
      <c r="BE32" s="774"/>
      <c r="BF32" s="774"/>
      <c r="BG32" s="774"/>
      <c r="BH32" s="774"/>
      <c r="BI32" s="774"/>
      <c r="BJ32" s="774"/>
      <c r="BK32" s="774"/>
      <c r="BL32" s="774"/>
      <c r="BM32" s="774"/>
      <c r="BN32" s="774"/>
      <c r="BO32" s="774"/>
      <c r="BP32" s="775"/>
      <c r="BQ32" s="53"/>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72"/>
      <c r="B33" s="473"/>
      <c r="C33" s="473"/>
      <c r="D33" s="473"/>
      <c r="E33" s="473"/>
      <c r="F33" s="473"/>
      <c r="G33" s="473"/>
      <c r="H33" s="473"/>
      <c r="I33" s="473"/>
      <c r="J33" s="473"/>
      <c r="K33" s="473"/>
      <c r="L33" s="473"/>
      <c r="M33" s="473"/>
      <c r="N33" s="473"/>
      <c r="O33" s="473"/>
      <c r="P33" s="473"/>
      <c r="Q33" s="473"/>
      <c r="R33" s="473"/>
      <c r="S33" s="473"/>
      <c r="T33" s="473"/>
      <c r="U33" s="473"/>
      <c r="V33" s="473"/>
      <c r="W33" s="473"/>
      <c r="X33" s="473"/>
      <c r="Y33" s="473"/>
      <c r="Z33" s="473"/>
      <c r="AA33" s="473"/>
      <c r="AB33" s="473"/>
      <c r="AC33" s="473"/>
      <c r="AD33" s="473"/>
      <c r="AE33" s="473"/>
      <c r="AF33" s="473"/>
      <c r="AG33" s="473"/>
      <c r="AH33" s="473"/>
      <c r="AI33" s="473"/>
      <c r="AJ33" s="473"/>
      <c r="AK33" s="473"/>
      <c r="AL33" s="474"/>
      <c r="AM33" s="5"/>
      <c r="AN33" s="40" t="s">
        <v>16</v>
      </c>
      <c r="AO33" s="1003" t="s">
        <v>1505</v>
      </c>
      <c r="AP33" s="1003"/>
      <c r="AQ33" s="1003"/>
      <c r="AR33" s="1003"/>
      <c r="AS33" s="1003"/>
      <c r="AT33" s="1003"/>
      <c r="AU33" s="1003"/>
      <c r="AV33" s="1003"/>
      <c r="AW33" s="1003"/>
      <c r="AX33" s="1003"/>
      <c r="AY33" s="1003"/>
      <c r="AZ33" s="1003"/>
      <c r="BA33" s="1003"/>
      <c r="BB33" s="1003"/>
      <c r="BC33" s="1003"/>
      <c r="BD33" s="1003"/>
      <c r="BE33" s="1003"/>
      <c r="BF33" s="1003"/>
      <c r="BG33" s="1003"/>
      <c r="BH33" s="1003"/>
      <c r="BI33" s="1003"/>
      <c r="BJ33" s="1003"/>
      <c r="BK33" s="1003"/>
      <c r="BL33" s="1003"/>
      <c r="BM33" s="1003"/>
      <c r="BN33" s="1003"/>
      <c r="BO33" s="1003"/>
      <c r="BP33" s="1004"/>
      <c r="BQ33" s="72"/>
      <c r="BR33" s="292" t="s">
        <v>267</v>
      </c>
      <c r="BS33" s="293"/>
      <c r="BT33" s="293"/>
      <c r="BU33" s="293"/>
      <c r="BV33" s="293"/>
      <c r="BW33" s="293"/>
      <c r="BX33" s="294"/>
      <c r="BY33" s="284">
        <v>203</v>
      </c>
      <c r="BZ33" s="285"/>
      <c r="CA33" s="285"/>
      <c r="CB33" s="285"/>
      <c r="CC33" s="285"/>
      <c r="CD33" s="285"/>
      <c r="CE33" s="285"/>
      <c r="CF33" s="285"/>
      <c r="CG33" s="288"/>
      <c r="CH33" s="286">
        <v>1.6793499999999999</v>
      </c>
      <c r="CI33" s="286"/>
      <c r="CJ33" s="286"/>
      <c r="CK33" s="286"/>
      <c r="CL33" s="286"/>
      <c r="CM33" s="286"/>
      <c r="CQ33" s="3" ph="1"/>
      <c r="CR33" s="3" ph="1"/>
      <c r="CS33" s="3" ph="1"/>
      <c r="CT33" s="3" ph="1"/>
      <c r="CU33" s="3" ph="1"/>
      <c r="CV33" s="3" ph="1"/>
    </row>
    <row r="34" spans="1:100" ht="17.25" customHeight="1" x14ac:dyDescent="0.15">
      <c r="A34" s="255" t="s">
        <v>274</v>
      </c>
      <c r="B34" s="255"/>
      <c r="C34" s="255"/>
      <c r="D34" s="255"/>
      <c r="E34" s="255"/>
      <c r="F34" s="255"/>
      <c r="G34" s="255"/>
      <c r="H34" s="255"/>
      <c r="I34" s="255"/>
      <c r="J34" s="255"/>
      <c r="K34" s="255"/>
      <c r="L34" s="255"/>
      <c r="M34" s="255"/>
      <c r="N34" s="129"/>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11" t="s">
        <v>358</v>
      </c>
      <c r="B35" s="312"/>
      <c r="C35" s="312"/>
      <c r="D35" s="312"/>
      <c r="E35" s="312"/>
      <c r="F35" s="312"/>
      <c r="G35" s="312"/>
      <c r="H35" s="312"/>
      <c r="I35" s="312"/>
      <c r="J35" s="312"/>
      <c r="K35" s="312"/>
      <c r="L35" s="312"/>
      <c r="M35" s="313"/>
      <c r="N35" s="129"/>
      <c r="O35" s="973" t="s">
        <v>144</v>
      </c>
      <c r="P35" s="974"/>
      <c r="Q35" s="974"/>
      <c r="R35" s="974"/>
      <c r="S35" s="974"/>
      <c r="T35" s="974"/>
      <c r="U35" s="974"/>
      <c r="V35" s="974"/>
      <c r="W35" s="974"/>
      <c r="X35" s="974"/>
      <c r="Y35" s="974"/>
      <c r="Z35" s="974"/>
      <c r="AA35" s="974"/>
      <c r="AB35" s="974"/>
      <c r="AC35" s="974"/>
      <c r="AD35" s="974"/>
      <c r="AE35" s="974"/>
      <c r="AF35" s="974"/>
      <c r="AG35" s="974"/>
      <c r="AH35" s="974"/>
      <c r="AI35" s="974"/>
      <c r="AJ35" s="974"/>
      <c r="AK35" s="974"/>
      <c r="AL35" s="975"/>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2481</v>
      </c>
      <c r="BZ35" s="681"/>
      <c r="CA35" s="682"/>
      <c r="CB35" s="682"/>
      <c r="CC35" s="682"/>
      <c r="CD35" s="682"/>
      <c r="CE35" s="682"/>
      <c r="CF35" s="682"/>
      <c r="CG35" s="682"/>
      <c r="CH35" s="683">
        <v>20.52449</v>
      </c>
      <c r="CI35" s="683"/>
      <c r="CJ35" s="683"/>
      <c r="CK35" s="683"/>
      <c r="CL35" s="683"/>
      <c r="CM35" s="683"/>
      <c r="CQ35" s="3" ph="1"/>
    </row>
    <row r="36" spans="1:100" ht="17.25" customHeight="1" x14ac:dyDescent="0.15">
      <c r="A36" s="251">
        <v>36833</v>
      </c>
      <c r="B36" s="690"/>
      <c r="C36" s="690"/>
      <c r="D36" s="690"/>
      <c r="E36" s="690"/>
      <c r="F36" s="690"/>
      <c r="G36" s="690"/>
      <c r="H36" s="690"/>
      <c r="I36" s="690"/>
      <c r="J36" s="690"/>
      <c r="K36" s="690"/>
      <c r="L36" s="690"/>
      <c r="M36" s="691"/>
      <c r="N36" s="129"/>
      <c r="O36" s="813" t="s">
        <v>230</v>
      </c>
      <c r="P36" s="1226"/>
      <c r="Q36" s="1226"/>
      <c r="R36" s="1226"/>
      <c r="S36" s="1226"/>
      <c r="T36" s="1226"/>
      <c r="U36" s="1226"/>
      <c r="V36" s="1226"/>
      <c r="W36" s="1226"/>
      <c r="X36" s="1226"/>
      <c r="Y36" s="1226"/>
      <c r="Z36" s="1226"/>
      <c r="AA36" s="1226"/>
      <c r="AB36" s="1226"/>
      <c r="AC36" s="1226"/>
      <c r="AD36" s="1226"/>
      <c r="AE36" s="1226"/>
      <c r="AF36" s="1226"/>
      <c r="AG36" s="1226"/>
      <c r="AH36" s="1226"/>
      <c r="AI36" s="1226"/>
      <c r="AJ36" s="1226"/>
      <c r="AK36" s="1226"/>
      <c r="AL36" s="1227"/>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216" t="s">
        <v>1341</v>
      </c>
      <c r="B37" s="692"/>
      <c r="C37" s="692"/>
      <c r="D37" s="692"/>
      <c r="E37" s="692"/>
      <c r="F37" s="692"/>
      <c r="G37" s="692"/>
      <c r="H37" s="692"/>
      <c r="I37" s="692"/>
      <c r="J37" s="692"/>
      <c r="K37" s="692"/>
      <c r="L37" s="692"/>
      <c r="M37" s="693"/>
      <c r="N37" s="129"/>
      <c r="O37" s="813" t="s">
        <v>209</v>
      </c>
      <c r="P37" s="1226"/>
      <c r="Q37" s="1226"/>
      <c r="R37" s="1226"/>
      <c r="S37" s="1226"/>
      <c r="T37" s="1226"/>
      <c r="U37" s="1226"/>
      <c r="V37" s="1226"/>
      <c r="W37" s="1226"/>
      <c r="X37" s="1226"/>
      <c r="Y37" s="1226"/>
      <c r="Z37" s="1226"/>
      <c r="AA37" s="1226"/>
      <c r="AB37" s="1226"/>
      <c r="AC37" s="1226"/>
      <c r="AD37" s="1226"/>
      <c r="AE37" s="1226"/>
      <c r="AF37" s="1226"/>
      <c r="AG37" s="1226"/>
      <c r="AH37" s="1226"/>
      <c r="AI37" s="1226"/>
      <c r="AJ37" s="1226"/>
      <c r="AK37" s="1226"/>
      <c r="AL37" s="1227"/>
      <c r="AM37" s="5"/>
      <c r="AN37" s="287" t="s">
        <v>399</v>
      </c>
      <c r="AO37" s="287"/>
      <c r="AP37" s="287"/>
      <c r="AQ37" s="287"/>
      <c r="AR37" s="287"/>
      <c r="AS37" s="287"/>
      <c r="AT37" s="287"/>
      <c r="AU37" s="287"/>
      <c r="AV37" s="287"/>
      <c r="AW37" s="681">
        <v>28378</v>
      </c>
      <c r="AX37" s="681"/>
      <c r="AY37" s="681"/>
      <c r="AZ37" s="681"/>
      <c r="BA37" s="681"/>
      <c r="BB37" s="681"/>
      <c r="BC37" s="681"/>
      <c r="BD37" s="681"/>
      <c r="BE37" s="681"/>
      <c r="BF37" s="681"/>
      <c r="BG37" s="681">
        <v>11183</v>
      </c>
      <c r="BH37" s="681"/>
      <c r="BI37" s="681"/>
      <c r="BJ37" s="681"/>
      <c r="BK37" s="681"/>
      <c r="BL37" s="681"/>
      <c r="BM37" s="681"/>
      <c r="BN37" s="681"/>
      <c r="BO37" s="681"/>
      <c r="BP37" s="681"/>
      <c r="BQ37" s="149"/>
      <c r="BR37" s="680" t="s">
        <v>273</v>
      </c>
      <c r="BS37" s="680"/>
      <c r="BT37" s="680"/>
      <c r="BU37" s="680"/>
      <c r="BV37" s="680"/>
      <c r="BW37" s="680"/>
      <c r="BX37" s="680"/>
      <c r="BY37" s="681">
        <v>9404</v>
      </c>
      <c r="BZ37" s="681"/>
      <c r="CA37" s="682"/>
      <c r="CB37" s="682"/>
      <c r="CC37" s="682"/>
      <c r="CD37" s="682"/>
      <c r="CE37" s="682"/>
      <c r="CF37" s="682"/>
      <c r="CG37" s="682"/>
      <c r="CH37" s="683">
        <v>77.79616</v>
      </c>
      <c r="CI37" s="683"/>
      <c r="CJ37" s="683"/>
      <c r="CK37" s="683"/>
      <c r="CL37" s="683"/>
      <c r="CM37" s="683"/>
      <c r="CQ37" s="3" ph="1"/>
    </row>
    <row r="38" spans="1:100" ht="17.25" customHeight="1" x14ac:dyDescent="0.15">
      <c r="A38" s="251" t="s">
        <v>1342</v>
      </c>
      <c r="B38" s="690"/>
      <c r="C38" s="690"/>
      <c r="D38" s="690"/>
      <c r="E38" s="690"/>
      <c r="F38" s="690"/>
      <c r="G38" s="690"/>
      <c r="H38" s="690"/>
      <c r="I38" s="690"/>
      <c r="J38" s="690"/>
      <c r="K38" s="690"/>
      <c r="L38" s="690"/>
      <c r="M38" s="691"/>
      <c r="N38" s="152"/>
      <c r="O38" s="813" t="s">
        <v>146</v>
      </c>
      <c r="P38" s="1226"/>
      <c r="Q38" s="1226"/>
      <c r="R38" s="1226"/>
      <c r="S38" s="1226"/>
      <c r="T38" s="1226"/>
      <c r="U38" s="1226"/>
      <c r="V38" s="1226"/>
      <c r="W38" s="1226"/>
      <c r="X38" s="1226"/>
      <c r="Y38" s="1226"/>
      <c r="Z38" s="1226"/>
      <c r="AA38" s="1226"/>
      <c r="AB38" s="1226"/>
      <c r="AC38" s="1226"/>
      <c r="AD38" s="1226"/>
      <c r="AE38" s="1226"/>
      <c r="AF38" s="1226"/>
      <c r="AG38" s="1226"/>
      <c r="AH38" s="1226"/>
      <c r="AI38" s="1226"/>
      <c r="AJ38" s="1226"/>
      <c r="AK38" s="1226"/>
      <c r="AL38" s="1227"/>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16" t="s">
        <v>1676</v>
      </c>
      <c r="B39" s="217"/>
      <c r="C39" s="217"/>
      <c r="D39" s="217"/>
      <c r="E39" s="217"/>
      <c r="F39" s="217"/>
      <c r="G39" s="217"/>
      <c r="H39" s="217"/>
      <c r="I39" s="217"/>
      <c r="J39" s="217"/>
      <c r="K39" s="217"/>
      <c r="L39" s="217"/>
      <c r="M39" s="218"/>
      <c r="N39" s="144"/>
      <c r="O39" s="782" t="s">
        <v>318</v>
      </c>
      <c r="P39" s="1226"/>
      <c r="Q39" s="1226"/>
      <c r="R39" s="1226"/>
      <c r="S39" s="1226"/>
      <c r="T39" s="1226"/>
      <c r="U39" s="1226"/>
      <c r="V39" s="1226"/>
      <c r="W39" s="1226"/>
      <c r="X39" s="1226"/>
      <c r="Y39" s="1226"/>
      <c r="Z39" s="1226"/>
      <c r="AA39" s="1226"/>
      <c r="AB39" s="1226"/>
      <c r="AC39" s="1226"/>
      <c r="AD39" s="1226"/>
      <c r="AE39" s="1226"/>
      <c r="AF39" s="1226"/>
      <c r="AG39" s="1226"/>
      <c r="AH39" s="1226"/>
      <c r="AI39" s="1226"/>
      <c r="AJ39" s="1226"/>
      <c r="AK39" s="1226"/>
      <c r="AL39" s="1227"/>
      <c r="AM39" s="5"/>
      <c r="AN39" s="300" t="s">
        <v>1059</v>
      </c>
      <c r="AO39" s="300"/>
      <c r="AP39" s="300"/>
      <c r="AQ39" s="300"/>
      <c r="AR39" s="300"/>
      <c r="AS39" s="300"/>
      <c r="AT39" s="300"/>
      <c r="AU39" s="300"/>
      <c r="AV39" s="300"/>
      <c r="AW39" s="681">
        <v>27564</v>
      </c>
      <c r="AX39" s="681"/>
      <c r="AY39" s="681"/>
      <c r="AZ39" s="682"/>
      <c r="BA39" s="682"/>
      <c r="BB39" s="682"/>
      <c r="BC39" s="682"/>
      <c r="BD39" s="682"/>
      <c r="BE39" s="682"/>
      <c r="BF39" s="682"/>
      <c r="BG39" s="681">
        <v>11552</v>
      </c>
      <c r="BH39" s="681"/>
      <c r="BI39" s="681"/>
      <c r="BJ39" s="681"/>
      <c r="BK39" s="681"/>
      <c r="BL39" s="681"/>
      <c r="BM39" s="681"/>
      <c r="BN39" s="681"/>
      <c r="BO39" s="681"/>
      <c r="BP39" s="681"/>
      <c r="BQ39" s="149"/>
      <c r="BR39" s="301" t="s">
        <v>1119</v>
      </c>
      <c r="BS39" s="293"/>
      <c r="BT39" s="293"/>
      <c r="BU39" s="293"/>
      <c r="BV39" s="293"/>
      <c r="BW39" s="293"/>
      <c r="BX39" s="294"/>
      <c r="BY39" s="681">
        <v>12349</v>
      </c>
      <c r="BZ39" s="681"/>
      <c r="CA39" s="682"/>
      <c r="CB39" s="682"/>
      <c r="CC39" s="682"/>
      <c r="CD39" s="682"/>
      <c r="CE39" s="682"/>
      <c r="CF39" s="682"/>
      <c r="CG39" s="682"/>
      <c r="CH39" s="683">
        <v>100</v>
      </c>
      <c r="CI39" s="683"/>
      <c r="CJ39" s="683"/>
      <c r="CK39" s="683"/>
      <c r="CL39" s="683"/>
      <c r="CM39" s="683"/>
    </row>
    <row r="40" spans="1:100" ht="17.25" customHeight="1" x14ac:dyDescent="0.15">
      <c r="A40" s="251" t="s">
        <v>1677</v>
      </c>
      <c r="B40" s="1260"/>
      <c r="C40" s="1260"/>
      <c r="D40" s="1260"/>
      <c r="E40" s="1260"/>
      <c r="F40" s="1260"/>
      <c r="G40" s="1260"/>
      <c r="H40" s="1260"/>
      <c r="I40" s="1260"/>
      <c r="J40" s="1260"/>
      <c r="K40" s="1260"/>
      <c r="L40" s="1260"/>
      <c r="M40" s="1261"/>
      <c r="N40" s="143"/>
      <c r="O40" s="782" t="s">
        <v>516</v>
      </c>
      <c r="P40" s="783"/>
      <c r="Q40" s="783"/>
      <c r="R40" s="783"/>
      <c r="S40" s="783"/>
      <c r="T40" s="783"/>
      <c r="U40" s="783"/>
      <c r="V40" s="783"/>
      <c r="W40" s="783"/>
      <c r="X40" s="783"/>
      <c r="Y40" s="783"/>
      <c r="Z40" s="783"/>
      <c r="AA40" s="783"/>
      <c r="AB40" s="783"/>
      <c r="AC40" s="783"/>
      <c r="AD40" s="783"/>
      <c r="AE40" s="783"/>
      <c r="AF40" s="783"/>
      <c r="AG40" s="783"/>
      <c r="AH40" s="783"/>
      <c r="AI40" s="783"/>
      <c r="AJ40" s="783"/>
      <c r="AK40" s="783"/>
      <c r="AL40" s="784"/>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16"/>
      <c r="B41" s="692"/>
      <c r="C41" s="692"/>
      <c r="D41" s="692"/>
      <c r="E41" s="692"/>
      <c r="F41" s="692"/>
      <c r="G41" s="692"/>
      <c r="H41" s="692"/>
      <c r="I41" s="692"/>
      <c r="J41" s="692"/>
      <c r="K41" s="692"/>
      <c r="L41" s="692"/>
      <c r="M41" s="693"/>
      <c r="N41" s="143"/>
      <c r="O41" s="1148" t="s">
        <v>993</v>
      </c>
      <c r="P41" s="1262"/>
      <c r="Q41" s="1262"/>
      <c r="R41" s="1262"/>
      <c r="S41" s="1262"/>
      <c r="T41" s="1262"/>
      <c r="U41" s="1262"/>
      <c r="V41" s="1262"/>
      <c r="W41" s="1262"/>
      <c r="X41" s="1262"/>
      <c r="Y41" s="1262"/>
      <c r="Z41" s="1262"/>
      <c r="AA41" s="1262"/>
      <c r="AB41" s="1262"/>
      <c r="AC41" s="1262"/>
      <c r="AD41" s="1262"/>
      <c r="AE41" s="1262"/>
      <c r="AF41" s="1262"/>
      <c r="AG41" s="1262"/>
      <c r="AH41" s="1262"/>
      <c r="AI41" s="1262"/>
      <c r="AJ41" s="1262"/>
      <c r="AK41" s="1262"/>
      <c r="AL41" s="1263"/>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c r="B42" s="690"/>
      <c r="C42" s="690"/>
      <c r="D42" s="690"/>
      <c r="E42" s="690"/>
      <c r="F42" s="690"/>
      <c r="G42" s="690"/>
      <c r="H42" s="690"/>
      <c r="I42" s="690"/>
      <c r="J42" s="690"/>
      <c r="K42" s="690"/>
      <c r="L42" s="690"/>
      <c r="M42" s="691"/>
      <c r="N42" s="143"/>
      <c r="O42" s="813" t="s">
        <v>517</v>
      </c>
      <c r="P42" s="1226"/>
      <c r="Q42" s="1226"/>
      <c r="R42" s="1226"/>
      <c r="S42" s="1226"/>
      <c r="T42" s="1226"/>
      <c r="U42" s="1226"/>
      <c r="V42" s="1226"/>
      <c r="W42" s="1226"/>
      <c r="X42" s="1226"/>
      <c r="Y42" s="1226"/>
      <c r="Z42" s="1226"/>
      <c r="AA42" s="1226"/>
      <c r="AB42" s="1226"/>
      <c r="AC42" s="1226"/>
      <c r="AD42" s="1226"/>
      <c r="AE42" s="1226"/>
      <c r="AF42" s="1226"/>
      <c r="AG42" s="1226"/>
      <c r="AH42" s="1226"/>
      <c r="AI42" s="1226"/>
      <c r="AJ42" s="1226"/>
      <c r="AK42" s="1226"/>
      <c r="AL42" s="1227"/>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c r="B43" s="692"/>
      <c r="C43" s="692"/>
      <c r="D43" s="692"/>
      <c r="E43" s="692"/>
      <c r="F43" s="692"/>
      <c r="G43" s="692"/>
      <c r="H43" s="692"/>
      <c r="I43" s="692"/>
      <c r="J43" s="692"/>
      <c r="K43" s="692"/>
      <c r="L43" s="692"/>
      <c r="M43" s="693"/>
      <c r="N43" s="144"/>
      <c r="O43" s="883" t="s">
        <v>518</v>
      </c>
      <c r="P43" s="884"/>
      <c r="Q43" s="884"/>
      <c r="R43" s="884"/>
      <c r="S43" s="884"/>
      <c r="T43" s="884"/>
      <c r="U43" s="884"/>
      <c r="V43" s="884"/>
      <c r="W43" s="884"/>
      <c r="X43" s="884"/>
      <c r="Y43" s="884"/>
      <c r="Z43" s="884"/>
      <c r="AA43" s="884"/>
      <c r="AB43" s="884"/>
      <c r="AC43" s="884"/>
      <c r="AD43" s="884"/>
      <c r="AE43" s="884"/>
      <c r="AF43" s="884"/>
      <c r="AG43" s="884"/>
      <c r="AH43" s="884"/>
      <c r="AI43" s="884"/>
      <c r="AJ43" s="884"/>
      <c r="AK43" s="884"/>
      <c r="AL43" s="885"/>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c r="B44" s="690"/>
      <c r="C44" s="690"/>
      <c r="D44" s="690"/>
      <c r="E44" s="690"/>
      <c r="F44" s="690"/>
      <c r="G44" s="690"/>
      <c r="H44" s="690"/>
      <c r="I44" s="690"/>
      <c r="J44" s="690"/>
      <c r="K44" s="690"/>
      <c r="L44" s="690"/>
      <c r="M44" s="691"/>
      <c r="N44" s="143"/>
      <c r="O44" s="883" t="s">
        <v>519</v>
      </c>
      <c r="P44" s="884"/>
      <c r="Q44" s="884"/>
      <c r="R44" s="884"/>
      <c r="S44" s="884"/>
      <c r="T44" s="884"/>
      <c r="U44" s="884"/>
      <c r="V44" s="884"/>
      <c r="W44" s="884"/>
      <c r="X44" s="884"/>
      <c r="Y44" s="884"/>
      <c r="Z44" s="884"/>
      <c r="AA44" s="884"/>
      <c r="AB44" s="884"/>
      <c r="AC44" s="884"/>
      <c r="AD44" s="884"/>
      <c r="AE44" s="884"/>
      <c r="AF44" s="884"/>
      <c r="AG44" s="884"/>
      <c r="AH44" s="884"/>
      <c r="AI44" s="884"/>
      <c r="AJ44" s="884"/>
      <c r="AK44" s="884"/>
      <c r="AL44" s="885"/>
      <c r="AM44" s="5"/>
      <c r="AN44" s="764">
        <v>3035.7</v>
      </c>
      <c r="AO44" s="765"/>
      <c r="AP44" s="765"/>
      <c r="AQ44" s="765"/>
      <c r="AR44" s="765"/>
      <c r="AS44" s="727" t="s">
        <v>383</v>
      </c>
      <c r="AT44" s="727"/>
      <c r="AU44" s="727"/>
      <c r="AV44" s="728"/>
      <c r="AW44" s="729">
        <v>35.299999999999997</v>
      </c>
      <c r="AX44" s="730"/>
      <c r="AY44" s="730"/>
      <c r="AZ44" s="730"/>
      <c r="BA44" s="730"/>
      <c r="BB44" s="730"/>
      <c r="BC44" s="706" t="s">
        <v>384</v>
      </c>
      <c r="BD44" s="706"/>
      <c r="BE44" s="706"/>
      <c r="BF44" s="707"/>
      <c r="BG44" s="729">
        <v>75.400000000000006</v>
      </c>
      <c r="BH44" s="730"/>
      <c r="BI44" s="730"/>
      <c r="BJ44" s="730"/>
      <c r="BK44" s="730"/>
      <c r="BL44" s="730"/>
      <c r="BM44" s="706" t="s">
        <v>384</v>
      </c>
      <c r="BN44" s="706"/>
      <c r="BO44" s="706"/>
      <c r="BP44" s="707"/>
      <c r="BQ44" s="130"/>
      <c r="BR44" s="714">
        <v>9.08</v>
      </c>
      <c r="BS44" s="715"/>
      <c r="BT44" s="715"/>
      <c r="BU44" s="715"/>
      <c r="BV44" s="715"/>
      <c r="BW44" s="715"/>
      <c r="BX44" s="715"/>
      <c r="BY44" s="696" t="s">
        <v>385</v>
      </c>
      <c r="BZ44" s="696"/>
      <c r="CA44" s="696"/>
      <c r="CB44" s="697"/>
      <c r="CC44" s="718">
        <v>434</v>
      </c>
      <c r="CD44" s="719"/>
      <c r="CE44" s="719"/>
      <c r="CF44" s="719"/>
      <c r="CG44" s="719"/>
      <c r="CH44" s="719"/>
      <c r="CI44" s="719"/>
      <c r="CJ44" s="696" t="s">
        <v>386</v>
      </c>
      <c r="CK44" s="696"/>
      <c r="CL44" s="696"/>
      <c r="CM44" s="697"/>
    </row>
    <row r="45" spans="1:100" ht="17.25" customHeight="1" x14ac:dyDescent="0.15">
      <c r="A45" s="216"/>
      <c r="B45" s="692"/>
      <c r="C45" s="692"/>
      <c r="D45" s="692"/>
      <c r="E45" s="692"/>
      <c r="F45" s="692"/>
      <c r="G45" s="692"/>
      <c r="H45" s="692"/>
      <c r="I45" s="692"/>
      <c r="J45" s="692"/>
      <c r="K45" s="692"/>
      <c r="L45" s="692"/>
      <c r="M45" s="693"/>
      <c r="N45" s="144"/>
      <c r="O45" s="771" t="s">
        <v>994</v>
      </c>
      <c r="P45" s="772"/>
      <c r="Q45" s="772"/>
      <c r="R45" s="772"/>
      <c r="S45" s="772"/>
      <c r="T45" s="772"/>
      <c r="U45" s="772"/>
      <c r="V45" s="772"/>
      <c r="W45" s="772"/>
      <c r="X45" s="772"/>
      <c r="Y45" s="772"/>
      <c r="Z45" s="772"/>
      <c r="AA45" s="772"/>
      <c r="AB45" s="772"/>
      <c r="AC45" s="772"/>
      <c r="AD45" s="772"/>
      <c r="AE45" s="772"/>
      <c r="AF45" s="772"/>
      <c r="AG45" s="772"/>
      <c r="AH45" s="772"/>
      <c r="AI45" s="772"/>
      <c r="AJ45" s="772"/>
      <c r="AK45" s="772"/>
      <c r="AL45" s="773"/>
      <c r="AM45" s="5"/>
      <c r="AN45" s="766"/>
      <c r="AO45" s="767"/>
      <c r="AP45" s="767"/>
      <c r="AQ45" s="767"/>
      <c r="AR45" s="767"/>
      <c r="AS45" s="282"/>
      <c r="AT45" s="282"/>
      <c r="AU45" s="282"/>
      <c r="AV45" s="283"/>
      <c r="AW45" s="731"/>
      <c r="AX45" s="732"/>
      <c r="AY45" s="732"/>
      <c r="AZ45" s="732"/>
      <c r="BA45" s="732"/>
      <c r="BB45" s="732"/>
      <c r="BC45" s="708"/>
      <c r="BD45" s="708"/>
      <c r="BE45" s="708"/>
      <c r="BF45" s="709"/>
      <c r="BG45" s="731"/>
      <c r="BH45" s="732"/>
      <c r="BI45" s="732"/>
      <c r="BJ45" s="732"/>
      <c r="BK45" s="732"/>
      <c r="BL45" s="732"/>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c r="B46" s="690"/>
      <c r="C46" s="690"/>
      <c r="D46" s="690"/>
      <c r="E46" s="690"/>
      <c r="F46" s="690"/>
      <c r="G46" s="690"/>
      <c r="H46" s="690"/>
      <c r="I46" s="690"/>
      <c r="J46" s="690"/>
      <c r="K46" s="690"/>
      <c r="L46" s="690"/>
      <c r="M46" s="691"/>
      <c r="N46" s="143"/>
      <c r="O46" s="813" t="s">
        <v>703</v>
      </c>
      <c r="P46" s="1226"/>
      <c r="Q46" s="1226"/>
      <c r="R46" s="1226"/>
      <c r="S46" s="1226"/>
      <c r="T46" s="1226"/>
      <c r="U46" s="1226"/>
      <c r="V46" s="1226"/>
      <c r="W46" s="1226"/>
      <c r="X46" s="1226"/>
      <c r="Y46" s="1226"/>
      <c r="Z46" s="1226"/>
      <c r="AA46" s="1226"/>
      <c r="AB46" s="1226"/>
      <c r="AC46" s="1226"/>
      <c r="AD46" s="1226"/>
      <c r="AE46" s="1226"/>
      <c r="AF46" s="1226"/>
      <c r="AG46" s="1226"/>
      <c r="AH46" s="1226"/>
      <c r="AI46" s="1226"/>
      <c r="AJ46" s="1226"/>
      <c r="AK46" s="1226"/>
      <c r="AL46" s="1227"/>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692"/>
      <c r="C47" s="692"/>
      <c r="D47" s="692"/>
      <c r="E47" s="692"/>
      <c r="F47" s="692"/>
      <c r="G47" s="692"/>
      <c r="H47" s="692"/>
      <c r="I47" s="692"/>
      <c r="J47" s="692"/>
      <c r="K47" s="692"/>
      <c r="L47" s="692"/>
      <c r="M47" s="693"/>
      <c r="N47" s="144"/>
      <c r="O47" s="1256" t="s">
        <v>1555</v>
      </c>
      <c r="P47" s="727"/>
      <c r="Q47" s="727"/>
      <c r="R47" s="727"/>
      <c r="S47" s="727"/>
      <c r="T47" s="727"/>
      <c r="U47" s="727"/>
      <c r="V47" s="727"/>
      <c r="W47" s="727"/>
      <c r="X47" s="727"/>
      <c r="Y47" s="727"/>
      <c r="Z47" s="727"/>
      <c r="AA47" s="727"/>
      <c r="AB47" s="727"/>
      <c r="AC47" s="727"/>
      <c r="AD47" s="727"/>
      <c r="AE47" s="727"/>
      <c r="AF47" s="727"/>
      <c r="AG47" s="727"/>
      <c r="AH47" s="727"/>
      <c r="AI47" s="727"/>
      <c r="AJ47" s="727"/>
      <c r="AK47" s="727"/>
      <c r="AL47" s="728"/>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690"/>
      <c r="C48" s="690"/>
      <c r="D48" s="690"/>
      <c r="E48" s="690"/>
      <c r="F48" s="690"/>
      <c r="G48" s="690"/>
      <c r="H48" s="690"/>
      <c r="I48" s="690"/>
      <c r="J48" s="690"/>
      <c r="K48" s="690"/>
      <c r="L48" s="690"/>
      <c r="M48" s="691"/>
      <c r="N48" s="143"/>
      <c r="O48" s="1256" t="s">
        <v>1556</v>
      </c>
      <c r="P48" s="727"/>
      <c r="Q48" s="727"/>
      <c r="R48" s="727"/>
      <c r="S48" s="727"/>
      <c r="T48" s="727"/>
      <c r="U48" s="727"/>
      <c r="V48" s="727"/>
      <c r="W48" s="727"/>
      <c r="X48" s="727"/>
      <c r="Y48" s="727"/>
      <c r="Z48" s="727"/>
      <c r="AA48" s="727"/>
      <c r="AB48" s="727"/>
      <c r="AC48" s="727"/>
      <c r="AD48" s="727"/>
      <c r="AE48" s="727"/>
      <c r="AF48" s="727"/>
      <c r="AG48" s="727"/>
      <c r="AH48" s="727"/>
      <c r="AI48" s="727"/>
      <c r="AJ48" s="727"/>
      <c r="AK48" s="727"/>
      <c r="AL48" s="728"/>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144"/>
      <c r="O49" s="771"/>
      <c r="P49" s="772"/>
      <c r="Q49" s="772"/>
      <c r="R49" s="772"/>
      <c r="S49" s="772"/>
      <c r="T49" s="772"/>
      <c r="U49" s="772"/>
      <c r="V49" s="772"/>
      <c r="W49" s="772"/>
      <c r="X49" s="772"/>
      <c r="Y49" s="772"/>
      <c r="Z49" s="772"/>
      <c r="AA49" s="772"/>
      <c r="AB49" s="772"/>
      <c r="AC49" s="772"/>
      <c r="AD49" s="772"/>
      <c r="AE49" s="772"/>
      <c r="AF49" s="772"/>
      <c r="AG49" s="772"/>
      <c r="AH49" s="772"/>
      <c r="AI49" s="772"/>
      <c r="AJ49" s="772"/>
      <c r="AK49" s="772"/>
      <c r="AL49" s="773"/>
      <c r="AM49" s="5"/>
      <c r="AN49" s="223">
        <v>6258.7749999999996</v>
      </c>
      <c r="AO49" s="224"/>
      <c r="AP49" s="224"/>
      <c r="AQ49" s="224"/>
      <c r="AR49" s="224"/>
      <c r="AS49" s="224"/>
      <c r="AT49" s="225"/>
      <c r="AU49" s="229">
        <v>0.63300000000000001</v>
      </c>
      <c r="AV49" s="230"/>
      <c r="AW49" s="230"/>
      <c r="AX49" s="230"/>
      <c r="AY49" s="231"/>
      <c r="AZ49" s="210">
        <v>9.1</v>
      </c>
      <c r="BA49" s="211"/>
      <c r="BB49" s="211"/>
      <c r="BC49" s="211"/>
      <c r="BD49" s="212"/>
      <c r="BE49" s="210">
        <v>5.4</v>
      </c>
      <c r="BF49" s="211"/>
      <c r="BG49" s="211"/>
      <c r="BH49" s="211"/>
      <c r="BI49" s="212"/>
      <c r="BJ49" s="210">
        <v>6.7</v>
      </c>
      <c r="BK49" s="211"/>
      <c r="BL49" s="211"/>
      <c r="BM49" s="211"/>
      <c r="BN49" s="212"/>
      <c r="BO49" s="210">
        <v>6.6</v>
      </c>
      <c r="BP49" s="211"/>
      <c r="BQ49" s="211"/>
      <c r="BR49" s="211"/>
      <c r="BS49" s="212"/>
      <c r="BT49" s="210">
        <v>95</v>
      </c>
      <c r="BU49" s="211"/>
      <c r="BV49" s="211"/>
      <c r="BW49" s="211"/>
      <c r="BX49" s="212"/>
      <c r="BY49" s="210">
        <v>16.100000000000001</v>
      </c>
      <c r="BZ49" s="211"/>
      <c r="CA49" s="211"/>
      <c r="CB49" s="211"/>
      <c r="CC49" s="212"/>
      <c r="CD49" s="210">
        <v>49.4</v>
      </c>
      <c r="CE49" s="211"/>
      <c r="CF49" s="211"/>
      <c r="CG49" s="211"/>
      <c r="CH49" s="212"/>
      <c r="CI49" s="210">
        <v>46.5</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143"/>
      <c r="O50" s="342" t="s">
        <v>520</v>
      </c>
      <c r="P50" s="1228"/>
      <c r="Q50" s="1228"/>
      <c r="R50" s="1228"/>
      <c r="S50" s="1228"/>
      <c r="T50" s="1228"/>
      <c r="U50" s="1228"/>
      <c r="V50" s="1228"/>
      <c r="W50" s="1228"/>
      <c r="X50" s="1228"/>
      <c r="Y50" s="1228"/>
      <c r="Z50" s="1228"/>
      <c r="AA50" s="1228"/>
      <c r="AB50" s="1228"/>
      <c r="AC50" s="1228"/>
      <c r="AD50" s="1228"/>
      <c r="AE50" s="1228"/>
      <c r="AF50" s="1228"/>
      <c r="AG50" s="1228"/>
      <c r="AH50" s="1228"/>
      <c r="AI50" s="1228"/>
      <c r="AJ50" s="1228"/>
      <c r="AK50" s="1228"/>
      <c r="AL50" s="1229"/>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6">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O12:P21"/>
    <mergeCell ref="Q12:T12"/>
    <mergeCell ref="U12:X12"/>
    <mergeCell ref="Y12:AL12"/>
    <mergeCell ref="F13:M14"/>
    <mergeCell ref="Q13:T13"/>
    <mergeCell ref="U13:X13"/>
    <mergeCell ref="Y13:AL15"/>
    <mergeCell ref="AN13:CM13"/>
    <mergeCell ref="A14:E14"/>
    <mergeCell ref="Q14:T14"/>
    <mergeCell ref="U14:X14"/>
    <mergeCell ref="AN14:AS15"/>
    <mergeCell ref="AT14:CM15"/>
    <mergeCell ref="A15:E15"/>
    <mergeCell ref="F15:M15"/>
    <mergeCell ref="Q15:T15"/>
    <mergeCell ref="U15:X15"/>
    <mergeCell ref="A16:E21"/>
    <mergeCell ref="F16:M16"/>
    <mergeCell ref="Q16:T16"/>
    <mergeCell ref="U16:X16"/>
    <mergeCell ref="F20:M21"/>
    <mergeCell ref="Q20:T20"/>
    <mergeCell ref="Y16:AL16"/>
    <mergeCell ref="AN16:AS17"/>
    <mergeCell ref="AT16:CM17"/>
    <mergeCell ref="F17:M18"/>
    <mergeCell ref="Q17:T17"/>
    <mergeCell ref="U17:X17"/>
    <mergeCell ref="Y17:AL17"/>
    <mergeCell ref="Q18:T18"/>
    <mergeCell ref="U18:X18"/>
    <mergeCell ref="Y18:AL18"/>
    <mergeCell ref="A22:E24"/>
    <mergeCell ref="F22:M22"/>
    <mergeCell ref="O22:P23"/>
    <mergeCell ref="Q22:AL22"/>
    <mergeCell ref="AN22:CM22"/>
    <mergeCell ref="AN18:AS19"/>
    <mergeCell ref="AT18:CM19"/>
    <mergeCell ref="F19:M19"/>
    <mergeCell ref="Q19:T19"/>
    <mergeCell ref="U19:X19"/>
    <mergeCell ref="Y19:AL19"/>
    <mergeCell ref="F23:M24"/>
    <mergeCell ref="Q23:AL23"/>
    <mergeCell ref="AO23:CM23"/>
    <mergeCell ref="O24:P25"/>
    <mergeCell ref="Q24:AL24"/>
    <mergeCell ref="AO24:CM24"/>
    <mergeCell ref="U20:X20"/>
    <mergeCell ref="Y20:AL20"/>
    <mergeCell ref="AN20:AS21"/>
    <mergeCell ref="AT20:CM21"/>
    <mergeCell ref="Q21:AL21"/>
    <mergeCell ref="A25:E27"/>
    <mergeCell ref="F25:M25"/>
    <mergeCell ref="Q25:AL25"/>
    <mergeCell ref="AO25:CM25"/>
    <mergeCell ref="F26:M27"/>
    <mergeCell ref="O26:P27"/>
    <mergeCell ref="Q26:AL26"/>
    <mergeCell ref="AO26:CM26"/>
    <mergeCell ref="Q27:AL27"/>
    <mergeCell ref="AO27:CM27"/>
    <mergeCell ref="AO32:BP32"/>
    <mergeCell ref="AO33:BP33"/>
    <mergeCell ref="BR33:BX34"/>
    <mergeCell ref="BY33:CG34"/>
    <mergeCell ref="CH33:CM34"/>
    <mergeCell ref="A34:M34"/>
    <mergeCell ref="O34:AL34"/>
    <mergeCell ref="AN34:BO34"/>
    <mergeCell ref="A28:AL28"/>
    <mergeCell ref="AN28:BP28"/>
    <mergeCell ref="A29:AL33"/>
    <mergeCell ref="AO29:BP29"/>
    <mergeCell ref="AO30:BP30"/>
    <mergeCell ref="BY30:CI30"/>
    <mergeCell ref="AO31:BP31"/>
    <mergeCell ref="BR31:BX32"/>
    <mergeCell ref="BY31:CG32"/>
    <mergeCell ref="CH31:CM32"/>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7:CG38"/>
    <mergeCell ref="CH37:CM38"/>
    <mergeCell ref="A38:M38"/>
    <mergeCell ref="O38:AL38"/>
    <mergeCell ref="A39:M39"/>
    <mergeCell ref="O39:AL39"/>
    <mergeCell ref="AN39:AV40"/>
    <mergeCell ref="AW39:BF40"/>
    <mergeCell ref="BG39:BP40"/>
    <mergeCell ref="BR39:BX40"/>
    <mergeCell ref="BG42:BP43"/>
    <mergeCell ref="CJ44:CM45"/>
    <mergeCell ref="A45:M45"/>
    <mergeCell ref="O45:AL45"/>
    <mergeCell ref="BR42:CB43"/>
    <mergeCell ref="CC42:CM43"/>
    <mergeCell ref="BY39:CG40"/>
    <mergeCell ref="CH39:CM40"/>
    <mergeCell ref="A40:M40"/>
    <mergeCell ref="O40:AL40"/>
    <mergeCell ref="A41:M41"/>
    <mergeCell ref="O41:AL41"/>
    <mergeCell ref="AU41:BE41"/>
    <mergeCell ref="BR41:CM41"/>
    <mergeCell ref="A43:M43"/>
    <mergeCell ref="O43:AL43"/>
    <mergeCell ref="A44:M44"/>
    <mergeCell ref="O44:AL44"/>
    <mergeCell ref="AN44:AR45"/>
    <mergeCell ref="AS44:AV45"/>
    <mergeCell ref="AW44:BB45"/>
    <mergeCell ref="A42:M42"/>
    <mergeCell ref="O42:AL42"/>
    <mergeCell ref="AN42:AV43"/>
    <mergeCell ref="AW42:BF43"/>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town.ninomiy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3―</oddFooter>
  </headerFooter>
  <drawing r:id="rId3"/>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11" zoomScale="70" zoomScaleNormal="9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521</v>
      </c>
      <c r="B1" s="644" ph="1"/>
      <c r="C1" s="644" ph="1"/>
      <c r="D1" s="644" ph="1"/>
      <c r="E1" s="644" ph="1"/>
      <c r="F1" s="644" ph="1"/>
      <c r="G1" s="644" ph="1"/>
      <c r="H1" s="644" ph="1"/>
      <c r="I1" s="645"/>
      <c r="J1" s="645"/>
      <c r="K1" s="645"/>
      <c r="L1" s="645"/>
      <c r="M1" s="645"/>
      <c r="N1" s="454" t="s">
        <v>522</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488</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523</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1" t="s">
        <v>236</v>
      </c>
      <c r="B4" s="641"/>
      <c r="C4" s="641"/>
      <c r="D4" s="641"/>
      <c r="E4" s="458">
        <v>143618</v>
      </c>
      <c r="F4" s="458"/>
      <c r="G4" s="458"/>
      <c r="H4" s="458"/>
      <c r="I4" s="647"/>
      <c r="J4" s="647"/>
      <c r="K4" s="647"/>
      <c r="L4" s="647"/>
      <c r="M4" s="647"/>
      <c r="N4" s="459" t="s">
        <v>524</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382" t="s">
        <v>237</v>
      </c>
      <c r="B5" s="484"/>
      <c r="C5" s="484"/>
      <c r="D5" s="484"/>
      <c r="E5" s="484"/>
      <c r="F5" s="484"/>
      <c r="G5" s="484"/>
      <c r="H5" s="485"/>
      <c r="I5" s="486" t="s" ph="1">
        <v>525</v>
      </c>
      <c r="J5" s="461" ph="1"/>
      <c r="K5" s="461" ph="1"/>
      <c r="L5" s="461" ph="1"/>
      <c r="M5" s="461" ph="1"/>
      <c r="N5" s="461" ph="1"/>
      <c r="O5" s="461" ph="1"/>
      <c r="P5" s="461" ph="1"/>
      <c r="Q5" s="461" ph="1"/>
      <c r="R5" s="461" ph="1"/>
      <c r="S5" s="461" ph="1"/>
      <c r="T5" s="461" ph="1"/>
      <c r="U5" s="461" ph="1"/>
      <c r="V5" s="461" ph="1"/>
      <c r="W5" s="461" ph="1"/>
      <c r="X5" s="461" ph="1"/>
      <c r="Y5" s="461" ph="1"/>
      <c r="Z5" s="461" ph="1"/>
      <c r="AA5" s="461" ph="1"/>
      <c r="AB5" s="461" ph="1"/>
      <c r="AC5" s="461" ph="1"/>
      <c r="AD5" s="461" ph="1"/>
      <c r="AE5" s="461" ph="1"/>
      <c r="AF5" s="461" ph="1"/>
      <c r="AG5" s="461" ph="1"/>
      <c r="AH5" s="461" ph="1"/>
      <c r="AI5" s="461" ph="1"/>
      <c r="AJ5" s="461" ph="1"/>
      <c r="AK5" s="461" ph="1"/>
      <c r="AL5" s="462" ph="1"/>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364"/>
      <c r="B6" s="365"/>
      <c r="C6" s="365"/>
      <c r="D6" s="365"/>
      <c r="E6" s="365"/>
      <c r="F6" s="365"/>
      <c r="G6" s="365"/>
      <c r="H6" s="366"/>
      <c r="I6" s="463" ph="1"/>
      <c r="J6" s="464" ph="1"/>
      <c r="K6" s="464" ph="1"/>
      <c r="L6" s="464" ph="1"/>
      <c r="M6" s="464" ph="1"/>
      <c r="N6" s="464" ph="1"/>
      <c r="O6" s="464" ph="1"/>
      <c r="P6" s="464" ph="1"/>
      <c r="Q6" s="464" ph="1"/>
      <c r="R6" s="464" ph="1"/>
      <c r="S6" s="464" ph="1"/>
      <c r="T6" s="464" ph="1"/>
      <c r="U6" s="464" ph="1"/>
      <c r="V6" s="464" ph="1"/>
      <c r="W6" s="464" ph="1"/>
      <c r="X6" s="464" ph="1"/>
      <c r="Y6" s="464" ph="1"/>
      <c r="Z6" s="464" ph="1"/>
      <c r="AA6" s="464" ph="1"/>
      <c r="AB6" s="464" ph="1"/>
      <c r="AC6" s="464" ph="1"/>
      <c r="AD6" s="464" ph="1"/>
      <c r="AE6" s="464" ph="1"/>
      <c r="AF6" s="464" ph="1"/>
      <c r="AG6" s="464" ph="1"/>
      <c r="AH6" s="464" ph="1"/>
      <c r="AI6" s="464" ph="1"/>
      <c r="AJ6" s="464" ph="1"/>
      <c r="AK6" s="464" ph="1"/>
      <c r="AL6" s="465" ph="1"/>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05" t="s">
        <v>238</v>
      </c>
      <c r="B7" s="406"/>
      <c r="C7" s="406"/>
      <c r="D7" s="407"/>
      <c r="E7" s="65" t="s">
        <v>0</v>
      </c>
      <c r="F7" s="492" t="s">
        <v>526</v>
      </c>
      <c r="G7" s="492"/>
      <c r="H7" s="492"/>
      <c r="I7" s="492"/>
      <c r="J7" s="492"/>
      <c r="K7" s="492"/>
      <c r="L7" s="493"/>
      <c r="M7" s="642"/>
      <c r="N7" s="642"/>
      <c r="O7" s="642"/>
      <c r="P7" s="642"/>
      <c r="Q7" s="642"/>
      <c r="R7" s="642"/>
      <c r="S7" s="642"/>
      <c r="T7" s="642"/>
      <c r="U7" s="642"/>
      <c r="V7" s="642"/>
      <c r="W7" s="642"/>
      <c r="X7" s="642"/>
      <c r="Y7" s="643"/>
      <c r="Z7" s="332" t="s">
        <v>239</v>
      </c>
      <c r="AA7" s="332"/>
      <c r="AB7" s="332"/>
      <c r="AC7" s="431" t="s">
        <v>527</v>
      </c>
      <c r="AD7" s="431"/>
      <c r="AE7" s="431"/>
      <c r="AF7" s="431"/>
      <c r="AG7" s="431"/>
      <c r="AH7" s="431"/>
      <c r="AI7" s="431"/>
      <c r="AJ7" s="431"/>
      <c r="AK7" s="431"/>
      <c r="AL7" s="43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c r="B8" s="406"/>
      <c r="C8" s="406"/>
      <c r="D8" s="407"/>
      <c r="E8" s="433" t="s">
        <v>528</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405" t="s">
        <v>240</v>
      </c>
      <c r="B9" s="406"/>
      <c r="C9" s="406"/>
      <c r="D9" s="407"/>
      <c r="E9" s="445" t="s">
        <v>995</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469"/>
      <c r="AO9" s="470"/>
      <c r="AP9" s="470"/>
      <c r="AQ9" s="470"/>
      <c r="AR9" s="470"/>
      <c r="AS9" s="470"/>
      <c r="AT9" s="470"/>
      <c r="AU9" s="470"/>
      <c r="AV9" s="470"/>
      <c r="AW9" s="470"/>
      <c r="AX9" s="470"/>
      <c r="AY9" s="470"/>
      <c r="AZ9" s="470"/>
      <c r="BA9" s="470"/>
      <c r="BB9" s="470"/>
      <c r="BC9" s="470"/>
      <c r="BD9" s="470"/>
      <c r="BE9" s="470"/>
      <c r="BF9" s="470"/>
      <c r="BG9" s="470"/>
      <c r="BH9" s="470"/>
      <c r="BI9" s="470"/>
      <c r="BJ9" s="470"/>
      <c r="BK9" s="470"/>
      <c r="BL9" s="470"/>
      <c r="BM9" s="470"/>
      <c r="BN9" s="470"/>
      <c r="BO9" s="470"/>
      <c r="BP9" s="470"/>
      <c r="BQ9" s="470"/>
      <c r="BR9" s="470"/>
      <c r="BS9" s="470"/>
      <c r="BT9" s="470"/>
      <c r="BU9" s="470"/>
      <c r="BV9" s="470"/>
      <c r="BW9" s="470"/>
      <c r="BX9" s="470"/>
      <c r="BY9" s="470"/>
      <c r="BZ9" s="470"/>
      <c r="CA9" s="470"/>
      <c r="CB9" s="470"/>
      <c r="CC9" s="470"/>
      <c r="CD9" s="470"/>
      <c r="CE9" s="470"/>
      <c r="CF9" s="470"/>
      <c r="CG9" s="470"/>
      <c r="CH9" s="470"/>
      <c r="CI9" s="470"/>
      <c r="CJ9" s="470"/>
      <c r="CK9" s="470"/>
      <c r="CL9" s="470"/>
      <c r="CM9" s="471"/>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469"/>
      <c r="AO10" s="470"/>
      <c r="AP10" s="470"/>
      <c r="AQ10" s="470"/>
      <c r="AR10" s="470"/>
      <c r="AS10" s="470"/>
      <c r="AT10" s="470"/>
      <c r="AU10" s="470"/>
      <c r="AV10" s="470"/>
      <c r="AW10" s="470"/>
      <c r="AX10" s="470"/>
      <c r="AY10" s="470"/>
      <c r="AZ10" s="470"/>
      <c r="BA10" s="470"/>
      <c r="BB10" s="470"/>
      <c r="BC10" s="470"/>
      <c r="BD10" s="470"/>
      <c r="BE10" s="470"/>
      <c r="BF10" s="470"/>
      <c r="BG10" s="470"/>
      <c r="BH10" s="470"/>
      <c r="BI10" s="470"/>
      <c r="BJ10" s="470"/>
      <c r="BK10" s="470"/>
      <c r="BL10" s="470"/>
      <c r="BM10" s="470"/>
      <c r="BN10" s="470"/>
      <c r="BO10" s="470"/>
      <c r="BP10" s="470"/>
      <c r="BQ10" s="470"/>
      <c r="BR10" s="470"/>
      <c r="BS10" s="470"/>
      <c r="BT10" s="470"/>
      <c r="BU10" s="470"/>
      <c r="BV10" s="470"/>
      <c r="BW10" s="470"/>
      <c r="BX10" s="470"/>
      <c r="BY10" s="470"/>
      <c r="BZ10" s="470"/>
      <c r="CA10" s="470"/>
      <c r="CB10" s="470"/>
      <c r="CC10" s="470"/>
      <c r="CD10" s="470"/>
      <c r="CE10" s="470"/>
      <c r="CF10" s="470"/>
      <c r="CG10" s="470"/>
      <c r="CH10" s="470"/>
      <c r="CI10" s="470"/>
      <c r="CJ10" s="470"/>
      <c r="CK10" s="470"/>
      <c r="CL10" s="470"/>
      <c r="CM10" s="471"/>
    </row>
    <row r="11" spans="1:100" ht="17.25" customHeight="1" x14ac:dyDescent="0.15">
      <c r="A11" s="405" t="s">
        <v>37</v>
      </c>
      <c r="B11" s="406"/>
      <c r="C11" s="406"/>
      <c r="D11" s="407"/>
      <c r="E11" s="615" t="s">
        <v>996</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469"/>
      <c r="AO11" s="470"/>
      <c r="AP11" s="470"/>
      <c r="AQ11" s="470"/>
      <c r="AR11" s="470"/>
      <c r="AS11" s="470"/>
      <c r="AT11" s="470"/>
      <c r="AU11" s="470"/>
      <c r="AV11" s="470"/>
      <c r="AW11" s="470"/>
      <c r="AX11" s="470"/>
      <c r="AY11" s="470"/>
      <c r="AZ11" s="470"/>
      <c r="BA11" s="470"/>
      <c r="BB11" s="470"/>
      <c r="BC11" s="470"/>
      <c r="BD11" s="470"/>
      <c r="BE11" s="470"/>
      <c r="BF11" s="470"/>
      <c r="BG11" s="470"/>
      <c r="BH11" s="470"/>
      <c r="BI11" s="470"/>
      <c r="BJ11" s="470"/>
      <c r="BK11" s="470"/>
      <c r="BL11" s="470"/>
      <c r="BM11" s="470"/>
      <c r="BN11" s="470"/>
      <c r="BO11" s="470"/>
      <c r="BP11" s="470"/>
      <c r="BQ11" s="470"/>
      <c r="BR11" s="470"/>
      <c r="BS11" s="470"/>
      <c r="BT11" s="470"/>
      <c r="BU11" s="470"/>
      <c r="BV11" s="470"/>
      <c r="BW11" s="470"/>
      <c r="BX11" s="470"/>
      <c r="BY11" s="470"/>
      <c r="BZ11" s="470"/>
      <c r="CA11" s="470"/>
      <c r="CB11" s="470"/>
      <c r="CC11" s="470"/>
      <c r="CD11" s="470"/>
      <c r="CE11" s="470"/>
      <c r="CF11" s="470"/>
      <c r="CG11" s="470"/>
      <c r="CH11" s="470"/>
      <c r="CI11" s="470"/>
      <c r="CJ11" s="470"/>
      <c r="CK11" s="470"/>
      <c r="CL11" s="470"/>
      <c r="CM11" s="471"/>
    </row>
    <row r="12" spans="1:100" ht="17.25" customHeight="1" x14ac:dyDescent="0.15">
      <c r="A12" s="332" t="s">
        <v>373</v>
      </c>
      <c r="B12" s="332"/>
      <c r="C12" s="332"/>
      <c r="D12" s="332"/>
      <c r="E12" s="328"/>
      <c r="F12" s="330" t="s">
        <v>1139</v>
      </c>
      <c r="G12" s="331"/>
      <c r="H12" s="331"/>
      <c r="I12" s="331"/>
      <c r="J12" s="331"/>
      <c r="K12" s="331"/>
      <c r="L12" s="331"/>
      <c r="M12" s="331"/>
      <c r="N12" s="522"/>
      <c r="O12" s="416" t="s">
        <v>242</v>
      </c>
      <c r="P12" s="417"/>
      <c r="Q12" s="377">
        <v>21520</v>
      </c>
      <c r="R12" s="220"/>
      <c r="S12" s="220"/>
      <c r="T12" s="220"/>
      <c r="U12" s="371" t="s">
        <v>211</v>
      </c>
      <c r="V12" s="220"/>
      <c r="W12" s="220"/>
      <c r="X12" s="220"/>
      <c r="Y12" s="371"/>
      <c r="Z12" s="220"/>
      <c r="AA12" s="220"/>
      <c r="AB12" s="220"/>
      <c r="AC12" s="220"/>
      <c r="AD12" s="220"/>
      <c r="AE12" s="220"/>
      <c r="AF12" s="220"/>
      <c r="AG12" s="220"/>
      <c r="AH12" s="220"/>
      <c r="AI12" s="220"/>
      <c r="AJ12" s="220"/>
      <c r="AK12" s="220"/>
      <c r="AL12" s="372"/>
      <c r="AM12" s="5"/>
      <c r="AN12" s="518" t="s">
        <v>245</v>
      </c>
      <c r="AO12" s="518"/>
      <c r="AP12" s="518"/>
      <c r="AQ12" s="518"/>
      <c r="AR12" s="518"/>
      <c r="AS12" s="518"/>
      <c r="AT12" s="518"/>
      <c r="AU12" s="518"/>
      <c r="AV12" s="518"/>
      <c r="AW12" s="518"/>
      <c r="AX12" s="518"/>
      <c r="AY12" s="518"/>
      <c r="AZ12" s="518"/>
      <c r="BA12" s="518"/>
      <c r="BB12" s="518"/>
      <c r="BC12" s="518"/>
      <c r="BD12" s="518"/>
      <c r="BE12" s="518"/>
      <c r="BF12" s="518"/>
      <c r="BG12" s="518"/>
      <c r="BH12" s="518"/>
      <c r="BI12" s="518"/>
      <c r="BJ12" s="518"/>
      <c r="BK12" s="518"/>
      <c r="BL12" s="518"/>
      <c r="BM12" s="518"/>
      <c r="BN12" s="518"/>
      <c r="BO12" s="518"/>
      <c r="BP12" s="518"/>
      <c r="BQ12" s="518"/>
      <c r="BR12" s="518"/>
      <c r="BS12" s="518"/>
      <c r="BT12" s="518"/>
      <c r="BU12" s="518"/>
      <c r="BV12" s="518"/>
      <c r="BW12" s="518"/>
      <c r="BX12" s="518"/>
      <c r="BY12" s="518"/>
      <c r="BZ12" s="518"/>
      <c r="CA12" s="518"/>
      <c r="CB12" s="518"/>
      <c r="CC12" s="518"/>
      <c r="CD12" s="518"/>
      <c r="CE12" s="518"/>
      <c r="CF12" s="518"/>
      <c r="CG12" s="518"/>
      <c r="CH12" s="518"/>
      <c r="CI12" s="518"/>
      <c r="CJ12" s="518"/>
      <c r="CK12" s="518"/>
      <c r="CL12" s="518"/>
      <c r="CM12" s="518"/>
      <c r="CQ12" s="3" ph="1"/>
      <c r="CR12" s="3" ph="1"/>
      <c r="CS12" s="3" ph="1"/>
      <c r="CT12" s="3" ph="1"/>
      <c r="CU12" s="3" ph="1"/>
      <c r="CV12" s="3" ph="1"/>
    </row>
    <row r="13" spans="1:100" ht="17.25" customHeight="1" x14ac:dyDescent="0.15">
      <c r="A13" s="328"/>
      <c r="B13" s="328"/>
      <c r="C13" s="328"/>
      <c r="D13" s="328"/>
      <c r="E13" s="328"/>
      <c r="F13" s="398" t="s">
        <v>1138</v>
      </c>
      <c r="G13" s="369"/>
      <c r="H13" s="369"/>
      <c r="I13" s="369"/>
      <c r="J13" s="369"/>
      <c r="K13" s="369"/>
      <c r="L13" s="369"/>
      <c r="M13" s="369"/>
      <c r="N13" s="523"/>
      <c r="O13" s="418"/>
      <c r="P13" s="419"/>
      <c r="Q13" s="377"/>
      <c r="R13" s="220"/>
      <c r="S13" s="220"/>
      <c r="T13" s="220"/>
      <c r="U13" s="371"/>
      <c r="V13" s="220"/>
      <c r="W13" s="220"/>
      <c r="X13" s="220"/>
      <c r="Y13" s="371"/>
      <c r="Z13" s="852"/>
      <c r="AA13" s="852"/>
      <c r="AB13" s="852"/>
      <c r="AC13" s="852"/>
      <c r="AD13" s="852"/>
      <c r="AE13" s="852"/>
      <c r="AF13" s="852"/>
      <c r="AG13" s="852"/>
      <c r="AH13" s="852"/>
      <c r="AI13" s="852"/>
      <c r="AJ13" s="852"/>
      <c r="AK13" s="852"/>
      <c r="AL13" s="853"/>
      <c r="AM13" s="5"/>
      <c r="AN13" s="287" t="s">
        <v>219</v>
      </c>
      <c r="AO13" s="287"/>
      <c r="AP13" s="287"/>
      <c r="AQ13" s="287"/>
      <c r="AR13" s="287"/>
      <c r="AS13" s="287"/>
      <c r="AT13" s="856" t="s">
        <v>529</v>
      </c>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426">
        <v>1</v>
      </c>
      <c r="B14" s="651"/>
      <c r="C14" s="651"/>
      <c r="D14" s="651"/>
      <c r="E14" s="651"/>
      <c r="F14" s="370"/>
      <c r="G14" s="370"/>
      <c r="H14" s="370"/>
      <c r="I14" s="370"/>
      <c r="J14" s="370"/>
      <c r="K14" s="370"/>
      <c r="L14" s="370"/>
      <c r="M14" s="370"/>
      <c r="N14" s="523"/>
      <c r="O14" s="418"/>
      <c r="P14" s="419"/>
      <c r="Q14" s="377"/>
      <c r="R14" s="220"/>
      <c r="S14" s="220"/>
      <c r="T14" s="220"/>
      <c r="U14" s="371"/>
      <c r="V14" s="220"/>
      <c r="W14" s="220"/>
      <c r="X14" s="220"/>
      <c r="Y14" s="371"/>
      <c r="Z14" s="220"/>
      <c r="AA14" s="220"/>
      <c r="AB14" s="220"/>
      <c r="AC14" s="220"/>
      <c r="AD14" s="220"/>
      <c r="AE14" s="220"/>
      <c r="AF14" s="220"/>
      <c r="AG14" s="220"/>
      <c r="AH14" s="220"/>
      <c r="AI14" s="220"/>
      <c r="AJ14" s="220"/>
      <c r="AK14" s="220"/>
      <c r="AL14" s="372"/>
      <c r="AM14" s="5"/>
      <c r="AN14" s="287"/>
      <c r="AO14" s="287"/>
      <c r="AP14" s="287"/>
      <c r="AQ14" s="287"/>
      <c r="AR14" s="287"/>
      <c r="AS14" s="287"/>
      <c r="AT14" s="856"/>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6339</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87" t="s">
        <v>220</v>
      </c>
      <c r="AO15" s="287"/>
      <c r="AP15" s="287"/>
      <c r="AQ15" s="287"/>
      <c r="AR15" s="287"/>
      <c r="AS15" s="287"/>
      <c r="AT15" s="856" t="s">
        <v>530</v>
      </c>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13</v>
      </c>
      <c r="B16" s="484"/>
      <c r="C16" s="484"/>
      <c r="D16" s="484"/>
      <c r="E16" s="485"/>
      <c r="F16" s="380" t="s">
        <v>730</v>
      </c>
      <c r="G16" s="381"/>
      <c r="H16" s="381"/>
      <c r="I16" s="381"/>
      <c r="J16" s="381"/>
      <c r="K16" s="381"/>
      <c r="L16" s="381"/>
      <c r="M16" s="381"/>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87"/>
      <c r="AO16" s="287"/>
      <c r="AP16" s="287"/>
      <c r="AQ16" s="287"/>
      <c r="AR16" s="287"/>
      <c r="AS16" s="287"/>
      <c r="AT16" s="856"/>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t="s">
        <v>731</v>
      </c>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t="s">
        <v>221</v>
      </c>
      <c r="AO17" s="287"/>
      <c r="AP17" s="287"/>
      <c r="AQ17" s="287"/>
      <c r="AR17" s="287"/>
      <c r="AS17" s="287"/>
      <c r="AT17" s="856" t="s">
        <v>1578</v>
      </c>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87"/>
      <c r="AO18" s="287"/>
      <c r="AP18" s="287"/>
      <c r="AQ18" s="287"/>
      <c r="AR18" s="287"/>
      <c r="AS18" s="287"/>
      <c r="AT18" s="856"/>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87" t="s">
        <v>222</v>
      </c>
      <c r="AO19" s="287"/>
      <c r="AP19" s="287"/>
      <c r="AQ19" s="287"/>
      <c r="AR19" s="287"/>
      <c r="AS19" s="287"/>
      <c r="AT19" s="856" t="s">
        <v>531</v>
      </c>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c r="AO20" s="287"/>
      <c r="AP20" s="287"/>
      <c r="AQ20" s="287"/>
      <c r="AR20" s="287"/>
      <c r="AS20" s="287"/>
      <c r="AT20" s="856"/>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7"/>
      <c r="R21" s="220"/>
      <c r="S21" s="220"/>
      <c r="T21" s="220"/>
      <c r="U21" s="371"/>
      <c r="V21" s="220"/>
      <c r="W21" s="220"/>
      <c r="X21" s="220"/>
      <c r="Y21" s="371"/>
      <c r="Z21" s="220"/>
      <c r="AA21" s="220"/>
      <c r="AB21" s="220"/>
      <c r="AC21" s="220"/>
      <c r="AD21" s="220"/>
      <c r="AE21" s="220"/>
      <c r="AF21" s="220"/>
      <c r="AG21" s="220"/>
      <c r="AH21" s="220"/>
      <c r="AI21" s="220"/>
      <c r="AJ21" s="220"/>
      <c r="AK21" s="220"/>
      <c r="AL21" s="372"/>
      <c r="AM21" s="5"/>
      <c r="AN21" s="287"/>
      <c r="AO21" s="287"/>
      <c r="AP21" s="287"/>
      <c r="AQ21" s="287"/>
      <c r="AR21" s="287"/>
      <c r="AS21" s="287"/>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330" t="s">
        <v>1211</v>
      </c>
      <c r="G22" s="331"/>
      <c r="H22" s="331"/>
      <c r="I22" s="331"/>
      <c r="J22" s="331"/>
      <c r="K22" s="331"/>
      <c r="L22" s="331"/>
      <c r="M22" s="331"/>
      <c r="N22" s="523"/>
      <c r="O22" s="1031" t="s">
        <v>258</v>
      </c>
      <c r="P22" s="1031"/>
      <c r="Q22" s="916" t="s">
        <v>922</v>
      </c>
      <c r="R22" s="917"/>
      <c r="S22" s="917"/>
      <c r="T22" s="917"/>
      <c r="U22" s="917"/>
      <c r="V22" s="917"/>
      <c r="W22" s="917"/>
      <c r="X22" s="917"/>
      <c r="Y22" s="917"/>
      <c r="Z22" s="917"/>
      <c r="AA22" s="917"/>
      <c r="AB22" s="917"/>
      <c r="AC22" s="917"/>
      <c r="AD22" s="917"/>
      <c r="AE22" s="917"/>
      <c r="AF22" s="917"/>
      <c r="AG22" s="917"/>
      <c r="AH22" s="917"/>
      <c r="AI22" s="917"/>
      <c r="AJ22" s="917"/>
      <c r="AK22" s="917"/>
      <c r="AL22" s="918"/>
      <c r="AM22" s="5"/>
      <c r="AN22" s="864" t="s">
        <v>462</v>
      </c>
      <c r="AO22" s="864"/>
      <c r="AP22" s="864"/>
      <c r="AQ22" s="864"/>
      <c r="AR22" s="864"/>
      <c r="AS22" s="864"/>
      <c r="AT22" s="864"/>
      <c r="AU22" s="864"/>
      <c r="AV22" s="864"/>
      <c r="AW22" s="864"/>
      <c r="AX22" s="864"/>
      <c r="AY22" s="864"/>
      <c r="AZ22" s="864"/>
      <c r="BA22" s="864"/>
      <c r="BB22" s="864"/>
      <c r="BC22" s="864"/>
      <c r="BD22" s="864"/>
      <c r="BE22" s="864"/>
      <c r="BF22" s="864"/>
      <c r="BG22" s="864"/>
      <c r="BH22" s="864"/>
      <c r="BI22" s="864"/>
      <c r="BJ22" s="864"/>
      <c r="BK22" s="864"/>
      <c r="BL22" s="864"/>
      <c r="BM22" s="864"/>
      <c r="BN22" s="864"/>
      <c r="BO22" s="864"/>
      <c r="BP22" s="864"/>
      <c r="BQ22" s="864"/>
      <c r="BR22" s="864"/>
      <c r="BS22" s="864"/>
      <c r="BT22" s="864"/>
      <c r="BU22" s="864"/>
      <c r="BV22" s="864"/>
      <c r="BW22" s="864"/>
      <c r="BX22" s="864"/>
      <c r="BY22" s="864"/>
      <c r="BZ22" s="864"/>
      <c r="CA22" s="864"/>
      <c r="CB22" s="864"/>
      <c r="CC22" s="864"/>
      <c r="CD22" s="864"/>
      <c r="CE22" s="864"/>
      <c r="CF22" s="864"/>
      <c r="CG22" s="864"/>
      <c r="CH22" s="864"/>
      <c r="CI22" s="864"/>
      <c r="CJ22" s="864"/>
      <c r="CK22" s="864"/>
      <c r="CL22" s="864"/>
      <c r="CM22" s="864"/>
      <c r="CQ22" s="3" ph="1"/>
      <c r="CR22" s="3" ph="1"/>
      <c r="CS22" s="3" ph="1"/>
      <c r="CT22" s="3" ph="1"/>
      <c r="CU22" s="3" ph="1"/>
      <c r="CV22" s="3" ph="1"/>
    </row>
    <row r="23" spans="1:100" ht="17.25" customHeight="1" x14ac:dyDescent="0.15">
      <c r="A23" s="328"/>
      <c r="B23" s="328"/>
      <c r="C23" s="328"/>
      <c r="D23" s="328"/>
      <c r="E23" s="328"/>
      <c r="F23" s="336" t="s">
        <v>1210</v>
      </c>
      <c r="G23" s="337"/>
      <c r="H23" s="337"/>
      <c r="I23" s="337"/>
      <c r="J23" s="337"/>
      <c r="K23" s="337"/>
      <c r="L23" s="337"/>
      <c r="M23" s="338"/>
      <c r="N23" s="523"/>
      <c r="O23" s="1031"/>
      <c r="P23" s="1031"/>
      <c r="Q23" s="355">
        <v>28369</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38" t="s">
        <v>16</v>
      </c>
      <c r="AO23" s="349" t="s">
        <v>1254</v>
      </c>
      <c r="AP23" s="349"/>
      <c r="AQ23" s="349"/>
      <c r="AR23" s="349"/>
      <c r="AS23" s="349"/>
      <c r="AT23" s="349"/>
      <c r="AU23" s="349"/>
      <c r="AV23" s="349"/>
      <c r="AW23" s="349"/>
      <c r="AX23" s="349"/>
      <c r="AY23" s="349"/>
      <c r="AZ23" s="349"/>
      <c r="BA23" s="349"/>
      <c r="BB23" s="349"/>
      <c r="BC23" s="349"/>
      <c r="BD23" s="349"/>
      <c r="BE23" s="349"/>
      <c r="BF23" s="349"/>
      <c r="BG23" s="349"/>
      <c r="BH23" s="349"/>
      <c r="BI23" s="349"/>
      <c r="BJ23" s="349"/>
      <c r="BK23" s="349"/>
      <c r="BL23" s="349"/>
      <c r="BM23" s="349"/>
      <c r="BN23" s="349"/>
      <c r="BO23" s="349"/>
      <c r="BP23" s="349"/>
      <c r="BQ23" s="349"/>
      <c r="BR23" s="349"/>
      <c r="BS23" s="349"/>
      <c r="BT23" s="349"/>
      <c r="BU23" s="349"/>
      <c r="BV23" s="349"/>
      <c r="BW23" s="349"/>
      <c r="BX23" s="349"/>
      <c r="BY23" s="349"/>
      <c r="BZ23" s="349"/>
      <c r="CA23" s="349"/>
      <c r="CB23" s="349"/>
      <c r="CC23" s="349"/>
      <c r="CD23" s="349"/>
      <c r="CE23" s="349"/>
      <c r="CF23" s="349"/>
      <c r="CG23" s="349"/>
      <c r="CH23" s="349"/>
      <c r="CI23" s="349"/>
      <c r="CJ23" s="349"/>
      <c r="CK23" s="349"/>
      <c r="CL23" s="349"/>
      <c r="CM23" s="350"/>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091" t="s">
        <v>997</v>
      </c>
      <c r="R24" s="1198"/>
      <c r="S24" s="1198"/>
      <c r="T24" s="1198"/>
      <c r="U24" s="1198"/>
      <c r="V24" s="1198"/>
      <c r="W24" s="1198"/>
      <c r="X24" s="1198"/>
      <c r="Y24" s="1198"/>
      <c r="Z24" s="1198"/>
      <c r="AA24" s="1198"/>
      <c r="AB24" s="1198"/>
      <c r="AC24" s="1198"/>
      <c r="AD24" s="1198"/>
      <c r="AE24" s="1198"/>
      <c r="AF24" s="1198"/>
      <c r="AG24" s="1198"/>
      <c r="AH24" s="1198"/>
      <c r="AI24" s="1198"/>
      <c r="AJ24" s="1198"/>
      <c r="AK24" s="1198"/>
      <c r="AL24" s="1199"/>
      <c r="AM24" s="108"/>
      <c r="AN24" s="39" t="s">
        <v>738</v>
      </c>
      <c r="AO24" s="351" t="s">
        <v>755</v>
      </c>
      <c r="AP24" s="351"/>
      <c r="AQ24" s="351"/>
      <c r="AR24" s="351"/>
      <c r="AS24" s="351"/>
      <c r="AT24" s="351"/>
      <c r="AU24" s="351"/>
      <c r="AV24" s="351"/>
      <c r="AW24" s="351"/>
      <c r="AX24" s="351"/>
      <c r="AY24" s="351"/>
      <c r="AZ24" s="351"/>
      <c r="BA24" s="351"/>
      <c r="BB24" s="351"/>
      <c r="BC24" s="351"/>
      <c r="BD24" s="351"/>
      <c r="BE24" s="351"/>
      <c r="BF24" s="351"/>
      <c r="BG24" s="351"/>
      <c r="BH24" s="351"/>
      <c r="BI24" s="351"/>
      <c r="BJ24" s="351"/>
      <c r="BK24" s="351"/>
      <c r="BL24" s="351"/>
      <c r="BM24" s="351"/>
      <c r="BN24" s="351"/>
      <c r="BO24" s="351"/>
      <c r="BP24" s="351"/>
      <c r="BQ24" s="351"/>
      <c r="BR24" s="351"/>
      <c r="BS24" s="351"/>
      <c r="BT24" s="351"/>
      <c r="BU24" s="351"/>
      <c r="BV24" s="351"/>
      <c r="BW24" s="351"/>
      <c r="BX24" s="351"/>
      <c r="BY24" s="351"/>
      <c r="BZ24" s="351"/>
      <c r="CA24" s="351"/>
      <c r="CB24" s="351"/>
      <c r="CC24" s="351"/>
      <c r="CD24" s="351"/>
      <c r="CE24" s="351"/>
      <c r="CF24" s="351"/>
      <c r="CG24" s="351"/>
      <c r="CH24" s="351"/>
      <c r="CI24" s="351"/>
      <c r="CJ24" s="351"/>
      <c r="CK24" s="351"/>
      <c r="CL24" s="351"/>
      <c r="CM24" s="352"/>
      <c r="CQ24" s="3" ph="1"/>
      <c r="CR24" s="3" ph="1"/>
      <c r="CS24" s="3" ph="1"/>
      <c r="CT24" s="3" ph="1"/>
      <c r="CU24" s="3" ph="1"/>
      <c r="CV24" s="3" ph="1"/>
    </row>
    <row r="25" spans="1:100" ht="17.25" customHeight="1" x14ac:dyDescent="0.15">
      <c r="A25" s="328" t="s">
        <v>263</v>
      </c>
      <c r="B25" s="328"/>
      <c r="C25" s="328"/>
      <c r="D25" s="328"/>
      <c r="E25" s="328"/>
      <c r="F25" s="330" t="s">
        <v>1605</v>
      </c>
      <c r="G25" s="331"/>
      <c r="H25" s="331"/>
      <c r="I25" s="331"/>
      <c r="J25" s="331"/>
      <c r="K25" s="331"/>
      <c r="L25" s="331"/>
      <c r="M25" s="331"/>
      <c r="N25" s="523"/>
      <c r="O25" s="428"/>
      <c r="P25" s="428"/>
      <c r="Q25" s="355">
        <v>28369</v>
      </c>
      <c r="R25" s="355"/>
      <c r="S25" s="355"/>
      <c r="T25" s="355"/>
      <c r="U25" s="355"/>
      <c r="V25" s="355"/>
      <c r="W25" s="355"/>
      <c r="X25" s="355"/>
      <c r="Y25" s="355"/>
      <c r="Z25" s="355"/>
      <c r="AA25" s="355"/>
      <c r="AB25" s="355"/>
      <c r="AC25" s="355"/>
      <c r="AD25" s="355"/>
      <c r="AE25" s="355"/>
      <c r="AF25" s="355"/>
      <c r="AG25" s="355"/>
      <c r="AH25" s="355"/>
      <c r="AI25" s="355"/>
      <c r="AJ25" s="355"/>
      <c r="AK25" s="355"/>
      <c r="AL25" s="355"/>
      <c r="AM25" s="108"/>
      <c r="AN25" s="39" t="s">
        <v>738</v>
      </c>
      <c r="AO25" s="351" t="s">
        <v>1098</v>
      </c>
      <c r="AP25" s="351"/>
      <c r="AQ25" s="351"/>
      <c r="AR25" s="351"/>
      <c r="AS25" s="351"/>
      <c r="AT25" s="351"/>
      <c r="AU25" s="351"/>
      <c r="AV25" s="351"/>
      <c r="AW25" s="351"/>
      <c r="AX25" s="351"/>
      <c r="AY25" s="351"/>
      <c r="AZ25" s="351"/>
      <c r="BA25" s="351"/>
      <c r="BB25" s="351"/>
      <c r="BC25" s="351"/>
      <c r="BD25" s="351"/>
      <c r="BE25" s="351"/>
      <c r="BF25" s="351"/>
      <c r="BG25" s="351"/>
      <c r="BH25" s="351"/>
      <c r="BI25" s="351"/>
      <c r="BJ25" s="351"/>
      <c r="BK25" s="351"/>
      <c r="BL25" s="351"/>
      <c r="BM25" s="351"/>
      <c r="BN25" s="351"/>
      <c r="BO25" s="351"/>
      <c r="BP25" s="351"/>
      <c r="BQ25" s="351"/>
      <c r="BR25" s="351"/>
      <c r="BS25" s="351"/>
      <c r="BT25" s="351"/>
      <c r="BU25" s="351"/>
      <c r="BV25" s="351"/>
      <c r="BW25" s="351"/>
      <c r="BX25" s="351"/>
      <c r="BY25" s="351"/>
      <c r="BZ25" s="351"/>
      <c r="CA25" s="351"/>
      <c r="CB25" s="351"/>
      <c r="CC25" s="351"/>
      <c r="CD25" s="351"/>
      <c r="CE25" s="351"/>
      <c r="CF25" s="351"/>
      <c r="CG25" s="351"/>
      <c r="CH25" s="351"/>
      <c r="CI25" s="351"/>
      <c r="CJ25" s="351"/>
      <c r="CK25" s="351"/>
      <c r="CL25" s="351"/>
      <c r="CM25" s="352"/>
      <c r="CQ25" s="3" ph="1"/>
      <c r="CR25" s="3" ph="1"/>
      <c r="CS25" s="3" ph="1"/>
      <c r="CT25" s="3" ph="1"/>
      <c r="CU25" s="3" ph="1"/>
      <c r="CV25" s="3" ph="1"/>
    </row>
    <row r="26" spans="1:100" ht="17.25" customHeight="1" x14ac:dyDescent="0.15">
      <c r="A26" s="328"/>
      <c r="B26" s="328"/>
      <c r="C26" s="328"/>
      <c r="D26" s="328"/>
      <c r="E26" s="328"/>
      <c r="F26" s="336" t="s">
        <v>1604</v>
      </c>
      <c r="G26" s="337"/>
      <c r="H26" s="337"/>
      <c r="I26" s="337"/>
      <c r="J26" s="337"/>
      <c r="K26" s="337"/>
      <c r="L26" s="337"/>
      <c r="M26" s="338"/>
      <c r="N26" s="523"/>
      <c r="O26" s="428" t="s">
        <v>264</v>
      </c>
      <c r="P26" s="428"/>
      <c r="Q26" s="486" t="s">
        <v>998</v>
      </c>
      <c r="R26" s="487"/>
      <c r="S26" s="487"/>
      <c r="T26" s="487"/>
      <c r="U26" s="487"/>
      <c r="V26" s="487"/>
      <c r="W26" s="487"/>
      <c r="X26" s="487"/>
      <c r="Y26" s="487"/>
      <c r="Z26" s="487"/>
      <c r="AA26" s="487"/>
      <c r="AB26" s="487"/>
      <c r="AC26" s="487"/>
      <c r="AD26" s="487"/>
      <c r="AE26" s="487"/>
      <c r="AF26" s="487"/>
      <c r="AG26" s="487"/>
      <c r="AH26" s="487"/>
      <c r="AI26" s="487"/>
      <c r="AJ26" s="487"/>
      <c r="AK26" s="487"/>
      <c r="AL26" s="488"/>
      <c r="AM26" s="108"/>
      <c r="AN26" s="39"/>
      <c r="AO26" s="351"/>
      <c r="AP26" s="351"/>
      <c r="AQ26" s="351"/>
      <c r="AR26" s="351"/>
      <c r="AS26" s="351"/>
      <c r="AT26" s="351"/>
      <c r="AU26" s="351"/>
      <c r="AV26" s="351"/>
      <c r="AW26" s="351"/>
      <c r="AX26" s="351"/>
      <c r="AY26" s="351"/>
      <c r="AZ26" s="351"/>
      <c r="BA26" s="351"/>
      <c r="BB26" s="351"/>
      <c r="BC26" s="351"/>
      <c r="BD26" s="351"/>
      <c r="BE26" s="351"/>
      <c r="BF26" s="351"/>
      <c r="BG26" s="351"/>
      <c r="BH26" s="351"/>
      <c r="BI26" s="351"/>
      <c r="BJ26" s="351"/>
      <c r="BK26" s="351"/>
      <c r="BL26" s="351"/>
      <c r="BM26" s="351"/>
      <c r="BN26" s="351"/>
      <c r="BO26" s="351"/>
      <c r="BP26" s="351"/>
      <c r="BQ26" s="351"/>
      <c r="BR26" s="351"/>
      <c r="BS26" s="351"/>
      <c r="BT26" s="351"/>
      <c r="BU26" s="351"/>
      <c r="BV26" s="351"/>
      <c r="BW26" s="351"/>
      <c r="BX26" s="351"/>
      <c r="BY26" s="351"/>
      <c r="BZ26" s="351"/>
      <c r="CA26" s="351"/>
      <c r="CB26" s="351"/>
      <c r="CC26" s="351"/>
      <c r="CD26" s="351"/>
      <c r="CE26" s="351"/>
      <c r="CF26" s="351"/>
      <c r="CG26" s="351"/>
      <c r="CH26" s="351"/>
      <c r="CI26" s="351"/>
      <c r="CJ26" s="351"/>
      <c r="CK26" s="351"/>
      <c r="CL26" s="351"/>
      <c r="CM26" s="352"/>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42">
        <v>29281</v>
      </c>
      <c r="R27" s="343"/>
      <c r="S27" s="343"/>
      <c r="T27" s="343"/>
      <c r="U27" s="343"/>
      <c r="V27" s="343"/>
      <c r="W27" s="343"/>
      <c r="X27" s="343"/>
      <c r="Y27" s="343"/>
      <c r="Z27" s="343"/>
      <c r="AA27" s="343"/>
      <c r="AB27" s="343"/>
      <c r="AC27" s="343"/>
      <c r="AD27" s="343"/>
      <c r="AE27" s="343"/>
      <c r="AF27" s="343"/>
      <c r="AG27" s="343"/>
      <c r="AH27" s="343"/>
      <c r="AI27" s="343"/>
      <c r="AJ27" s="343"/>
      <c r="AK27" s="343"/>
      <c r="AL27" s="344"/>
      <c r="AM27" s="108"/>
      <c r="AN27" s="40"/>
      <c r="AO27" s="353"/>
      <c r="AP27" s="353"/>
      <c r="AQ27" s="353"/>
      <c r="AR27" s="353"/>
      <c r="AS27" s="353"/>
      <c r="AT27" s="353"/>
      <c r="AU27" s="353"/>
      <c r="AV27" s="353"/>
      <c r="AW27" s="353"/>
      <c r="AX27" s="353"/>
      <c r="AY27" s="353"/>
      <c r="AZ27" s="353"/>
      <c r="BA27" s="353"/>
      <c r="BB27" s="353"/>
      <c r="BC27" s="353"/>
      <c r="BD27" s="353"/>
      <c r="BE27" s="353"/>
      <c r="BF27" s="353"/>
      <c r="BG27" s="353"/>
      <c r="BH27" s="353"/>
      <c r="BI27" s="353"/>
      <c r="BJ27" s="353"/>
      <c r="BK27" s="353"/>
      <c r="BL27" s="353"/>
      <c r="BM27" s="353"/>
      <c r="BN27" s="353"/>
      <c r="BO27" s="353"/>
      <c r="BP27" s="353"/>
      <c r="BQ27" s="353"/>
      <c r="BR27" s="353"/>
      <c r="BS27" s="353"/>
      <c r="BT27" s="353"/>
      <c r="BU27" s="353"/>
      <c r="BV27" s="353"/>
      <c r="BW27" s="353"/>
      <c r="BX27" s="353"/>
      <c r="BY27" s="353"/>
      <c r="BZ27" s="353"/>
      <c r="CA27" s="353"/>
      <c r="CB27" s="353"/>
      <c r="CC27" s="353"/>
      <c r="CD27" s="353"/>
      <c r="CE27" s="353"/>
      <c r="CF27" s="353"/>
      <c r="CG27" s="353"/>
      <c r="CH27" s="353"/>
      <c r="CI27" s="353"/>
      <c r="CJ27" s="353"/>
      <c r="CK27" s="353"/>
      <c r="CL27" s="353"/>
      <c r="CM27" s="354"/>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108"/>
      <c r="AN28" s="518" t="s">
        <v>1257</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068"/>
      <c r="BR28" s="1068"/>
      <c r="BS28" s="1068"/>
      <c r="BT28" s="1068"/>
      <c r="BU28" s="1068"/>
      <c r="BV28" s="1068"/>
      <c r="BW28" s="1068"/>
      <c r="BX28" s="1068"/>
      <c r="BY28" s="1068"/>
      <c r="BZ28" s="1068"/>
      <c r="CA28" s="1068"/>
      <c r="CB28" s="1068"/>
      <c r="CC28" s="1068"/>
      <c r="CD28" s="1068"/>
      <c r="CE28" s="1068"/>
      <c r="CF28" s="1068"/>
      <c r="CG28" s="1068"/>
      <c r="CH28" s="1068"/>
      <c r="CI28" s="1068"/>
      <c r="CJ28" s="1068"/>
      <c r="CK28" s="1068"/>
      <c r="CL28" s="1068"/>
      <c r="CM28" s="1068"/>
      <c r="CN28" s="33"/>
      <c r="CQ28" s="3" ph="1"/>
      <c r="CR28" s="3" ph="1"/>
      <c r="CS28" s="3" ph="1"/>
      <c r="CT28" s="3" ph="1"/>
      <c r="CU28" s="3" ph="1"/>
      <c r="CV28" s="3" ph="1"/>
    </row>
    <row r="29" spans="1:100" ht="17.25" customHeight="1" x14ac:dyDescent="0.15">
      <c r="A29" s="466" t="s">
        <v>515</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108"/>
      <c r="AN29" s="38" t="s">
        <v>16</v>
      </c>
      <c r="AO29" s="487" t="s">
        <v>1099</v>
      </c>
      <c r="AP29" s="487"/>
      <c r="AQ29" s="487"/>
      <c r="AR29" s="487"/>
      <c r="AS29" s="487"/>
      <c r="AT29" s="487"/>
      <c r="AU29" s="487"/>
      <c r="AV29" s="487"/>
      <c r="AW29" s="487"/>
      <c r="AX29" s="487"/>
      <c r="AY29" s="487"/>
      <c r="AZ29" s="487"/>
      <c r="BA29" s="487"/>
      <c r="BB29" s="487"/>
      <c r="BC29" s="487"/>
      <c r="BD29" s="487"/>
      <c r="BE29" s="487"/>
      <c r="BF29" s="487"/>
      <c r="BG29" s="487"/>
      <c r="BH29" s="487"/>
      <c r="BI29" s="487"/>
      <c r="BJ29" s="487"/>
      <c r="BK29" s="487"/>
      <c r="BL29" s="487"/>
      <c r="BM29" s="487"/>
      <c r="BN29" s="487"/>
      <c r="BO29" s="487"/>
      <c r="BP29" s="488"/>
      <c r="BQ29" s="117"/>
      <c r="BR29" s="68"/>
      <c r="BS29" s="68"/>
      <c r="BT29" s="68"/>
      <c r="BU29" s="68"/>
      <c r="BV29" s="68"/>
      <c r="BW29" s="68"/>
      <c r="BX29" s="68"/>
      <c r="BY29" s="68"/>
      <c r="BZ29" s="68"/>
      <c r="CA29" s="68"/>
      <c r="CB29" s="68"/>
      <c r="CC29" s="68"/>
      <c r="CD29" s="68"/>
      <c r="CE29" s="68"/>
      <c r="CF29" s="68"/>
      <c r="CG29" s="68"/>
      <c r="CH29" s="68"/>
      <c r="CI29" s="68"/>
      <c r="CJ29" s="68"/>
      <c r="CK29" s="68"/>
      <c r="CL29" s="68"/>
      <c r="CM29" s="68"/>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108"/>
      <c r="AN30" s="39" t="s">
        <v>16</v>
      </c>
      <c r="AO30" s="556" t="s">
        <v>756</v>
      </c>
      <c r="AP30" s="556"/>
      <c r="AQ30" s="556"/>
      <c r="AR30" s="556"/>
      <c r="AS30" s="556"/>
      <c r="AT30" s="556"/>
      <c r="AU30" s="556"/>
      <c r="AV30" s="556"/>
      <c r="AW30" s="556"/>
      <c r="AX30" s="556"/>
      <c r="AY30" s="556"/>
      <c r="AZ30" s="556"/>
      <c r="BA30" s="556"/>
      <c r="BB30" s="556"/>
      <c r="BC30" s="556"/>
      <c r="BD30" s="556"/>
      <c r="BE30" s="556"/>
      <c r="BF30" s="556"/>
      <c r="BG30" s="556"/>
      <c r="BH30" s="556"/>
      <c r="BI30" s="556"/>
      <c r="BJ30" s="556"/>
      <c r="BK30" s="556"/>
      <c r="BL30" s="556"/>
      <c r="BM30" s="556"/>
      <c r="BN30" s="556"/>
      <c r="BO30" s="556"/>
      <c r="BP30" s="557"/>
      <c r="BQ30" s="168"/>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108"/>
      <c r="AN31" s="39" t="s">
        <v>16</v>
      </c>
      <c r="AO31" s="556" t="s">
        <v>1100</v>
      </c>
      <c r="AP31" s="556"/>
      <c r="AQ31" s="556"/>
      <c r="AR31" s="556"/>
      <c r="AS31" s="556"/>
      <c r="AT31" s="556"/>
      <c r="AU31" s="556"/>
      <c r="AV31" s="556"/>
      <c r="AW31" s="556"/>
      <c r="AX31" s="556"/>
      <c r="AY31" s="556"/>
      <c r="AZ31" s="556"/>
      <c r="BA31" s="556"/>
      <c r="BB31" s="556"/>
      <c r="BC31" s="556"/>
      <c r="BD31" s="556"/>
      <c r="BE31" s="556"/>
      <c r="BF31" s="556"/>
      <c r="BG31" s="556"/>
      <c r="BH31" s="556"/>
      <c r="BI31" s="556"/>
      <c r="BJ31" s="556"/>
      <c r="BK31" s="556"/>
      <c r="BL31" s="556"/>
      <c r="BM31" s="556"/>
      <c r="BN31" s="556"/>
      <c r="BO31" s="556"/>
      <c r="BP31" s="557"/>
      <c r="BQ31" s="69"/>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108"/>
      <c r="AN32" s="39" t="s">
        <v>16</v>
      </c>
      <c r="AO32" s="556" t="s">
        <v>1101</v>
      </c>
      <c r="AP32" s="556"/>
      <c r="AQ32" s="556"/>
      <c r="AR32" s="556"/>
      <c r="AS32" s="556"/>
      <c r="AT32" s="556"/>
      <c r="AU32" s="556"/>
      <c r="AV32" s="556"/>
      <c r="AW32" s="556"/>
      <c r="AX32" s="556"/>
      <c r="AY32" s="556"/>
      <c r="AZ32" s="556"/>
      <c r="BA32" s="556"/>
      <c r="BB32" s="556"/>
      <c r="BC32" s="556"/>
      <c r="BD32" s="556"/>
      <c r="BE32" s="556"/>
      <c r="BF32" s="556"/>
      <c r="BG32" s="556"/>
      <c r="BH32" s="556"/>
      <c r="BI32" s="556"/>
      <c r="BJ32" s="556"/>
      <c r="BK32" s="556"/>
      <c r="BL32" s="556"/>
      <c r="BM32" s="556"/>
      <c r="BN32" s="556"/>
      <c r="BO32" s="556"/>
      <c r="BP32" s="557"/>
      <c r="BQ32" s="68"/>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72"/>
      <c r="B33" s="473"/>
      <c r="C33" s="473"/>
      <c r="D33" s="473"/>
      <c r="E33" s="473"/>
      <c r="F33" s="473"/>
      <c r="G33" s="473"/>
      <c r="H33" s="473"/>
      <c r="I33" s="473"/>
      <c r="J33" s="473"/>
      <c r="K33" s="473"/>
      <c r="L33" s="473"/>
      <c r="M33" s="473"/>
      <c r="N33" s="473"/>
      <c r="O33" s="473"/>
      <c r="P33" s="473"/>
      <c r="Q33" s="473"/>
      <c r="R33" s="473"/>
      <c r="S33" s="473"/>
      <c r="T33" s="473"/>
      <c r="U33" s="473"/>
      <c r="V33" s="473"/>
      <c r="W33" s="473"/>
      <c r="X33" s="473"/>
      <c r="Y33" s="473"/>
      <c r="Z33" s="473"/>
      <c r="AA33" s="473"/>
      <c r="AB33" s="473"/>
      <c r="AC33" s="473"/>
      <c r="AD33" s="473"/>
      <c r="AE33" s="473"/>
      <c r="AF33" s="473"/>
      <c r="AG33" s="473"/>
      <c r="AH33" s="473"/>
      <c r="AI33" s="473"/>
      <c r="AJ33" s="473"/>
      <c r="AK33" s="473"/>
      <c r="AL33" s="474"/>
      <c r="AM33" s="108"/>
      <c r="AN33" s="40"/>
      <c r="AO33" s="552"/>
      <c r="AP33" s="552"/>
      <c r="AQ33" s="552"/>
      <c r="AR33" s="552"/>
      <c r="AS33" s="552"/>
      <c r="AT33" s="552"/>
      <c r="AU33" s="552"/>
      <c r="AV33" s="552"/>
      <c r="AW33" s="552"/>
      <c r="AX33" s="552"/>
      <c r="AY33" s="552"/>
      <c r="AZ33" s="552"/>
      <c r="BA33" s="552"/>
      <c r="BB33" s="552"/>
      <c r="BC33" s="552"/>
      <c r="BD33" s="552"/>
      <c r="BE33" s="552"/>
      <c r="BF33" s="552"/>
      <c r="BG33" s="552"/>
      <c r="BH33" s="552"/>
      <c r="BI33" s="552"/>
      <c r="BJ33" s="552"/>
      <c r="BK33" s="552"/>
      <c r="BL33" s="552"/>
      <c r="BM33" s="552"/>
      <c r="BN33" s="552"/>
      <c r="BO33" s="552"/>
      <c r="BP33" s="553"/>
      <c r="BQ33" s="76"/>
      <c r="BR33" s="292" t="s">
        <v>267</v>
      </c>
      <c r="BS33" s="293"/>
      <c r="BT33" s="293"/>
      <c r="BU33" s="293"/>
      <c r="BV33" s="293"/>
      <c r="BW33" s="293"/>
      <c r="BX33" s="294"/>
      <c r="BY33" s="284">
        <v>336</v>
      </c>
      <c r="BZ33" s="285"/>
      <c r="CA33" s="285"/>
      <c r="CB33" s="285"/>
      <c r="CC33" s="285"/>
      <c r="CD33" s="285"/>
      <c r="CE33" s="285"/>
      <c r="CF33" s="285"/>
      <c r="CG33" s="288"/>
      <c r="CH33" s="1266">
        <v>7.6589900000000002</v>
      </c>
      <c r="CI33" s="1266"/>
      <c r="CJ33" s="1266"/>
      <c r="CK33" s="1266"/>
      <c r="CL33" s="1266"/>
      <c r="CM33" s="1266"/>
      <c r="CQ33" s="3" ph="1"/>
      <c r="CR33" s="3" ph="1"/>
      <c r="CS33" s="3" ph="1"/>
      <c r="CT33" s="3" ph="1"/>
      <c r="CU33" s="3" ph="1"/>
      <c r="CV33" s="3" ph="1"/>
    </row>
    <row r="34" spans="1:100" ht="17.25" customHeight="1" x14ac:dyDescent="0.15">
      <c r="A34" s="255" t="s">
        <v>274</v>
      </c>
      <c r="B34" s="255"/>
      <c r="C34" s="255"/>
      <c r="D34" s="255"/>
      <c r="E34" s="255"/>
      <c r="F34" s="255"/>
      <c r="G34" s="255"/>
      <c r="H34" s="255"/>
      <c r="I34" s="255"/>
      <c r="J34" s="255"/>
      <c r="K34" s="255"/>
      <c r="L34" s="255"/>
      <c r="M34" s="255"/>
      <c r="N34" s="162"/>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1266"/>
      <c r="CI34" s="1266"/>
      <c r="CJ34" s="1266"/>
      <c r="CK34" s="1266"/>
      <c r="CL34" s="1266"/>
      <c r="CM34" s="1266"/>
      <c r="CQ34" s="3" ph="1"/>
    </row>
    <row r="35" spans="1:100" ht="17.25" customHeight="1" x14ac:dyDescent="0.15">
      <c r="A35" s="311" t="s">
        <v>532</v>
      </c>
      <c r="B35" s="312"/>
      <c r="C35" s="312"/>
      <c r="D35" s="312"/>
      <c r="E35" s="312"/>
      <c r="F35" s="312"/>
      <c r="G35" s="312"/>
      <c r="H35" s="312"/>
      <c r="I35" s="312"/>
      <c r="J35" s="312"/>
      <c r="K35" s="312"/>
      <c r="L35" s="312"/>
      <c r="M35" s="313"/>
      <c r="N35" s="129"/>
      <c r="O35" s="1268" t="s">
        <v>184</v>
      </c>
      <c r="P35" s="1269"/>
      <c r="Q35" s="1269"/>
      <c r="R35" s="1269"/>
      <c r="S35" s="1269"/>
      <c r="T35" s="1269"/>
      <c r="U35" s="1269"/>
      <c r="V35" s="1269"/>
      <c r="W35" s="1269"/>
      <c r="X35" s="1269"/>
      <c r="Y35" s="1269"/>
      <c r="Z35" s="1269"/>
      <c r="AA35" s="1269"/>
      <c r="AB35" s="1269"/>
      <c r="AC35" s="1269"/>
      <c r="AD35" s="1269"/>
      <c r="AE35" s="1269"/>
      <c r="AF35" s="1269"/>
      <c r="AG35" s="1269"/>
      <c r="AH35" s="1269"/>
      <c r="AI35" s="1269"/>
      <c r="AJ35" s="1269"/>
      <c r="AK35" s="1269"/>
      <c r="AL35" s="1270"/>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271</v>
      </c>
      <c r="BZ35" s="681"/>
      <c r="CA35" s="682"/>
      <c r="CB35" s="682"/>
      <c r="CC35" s="682"/>
      <c r="CD35" s="682"/>
      <c r="CE35" s="682"/>
      <c r="CF35" s="682"/>
      <c r="CG35" s="682"/>
      <c r="CH35" s="1267">
        <v>28.971959999999999</v>
      </c>
      <c r="CI35" s="1267"/>
      <c r="CJ35" s="1267"/>
      <c r="CK35" s="1267"/>
      <c r="CL35" s="1267"/>
      <c r="CM35" s="1267"/>
      <c r="CQ35" s="3" ph="1"/>
    </row>
    <row r="36" spans="1:100" ht="17.25" customHeight="1" x14ac:dyDescent="0.15">
      <c r="A36" s="251">
        <v>32121</v>
      </c>
      <c r="B36" s="690"/>
      <c r="C36" s="690"/>
      <c r="D36" s="690"/>
      <c r="E36" s="690"/>
      <c r="F36" s="690"/>
      <c r="G36" s="690"/>
      <c r="H36" s="690"/>
      <c r="I36" s="690"/>
      <c r="J36" s="690"/>
      <c r="K36" s="690"/>
      <c r="L36" s="690"/>
      <c r="M36" s="691"/>
      <c r="N36" s="129"/>
      <c r="O36" s="782" t="s">
        <v>533</v>
      </c>
      <c r="P36" s="1226"/>
      <c r="Q36" s="1226"/>
      <c r="R36" s="1226"/>
      <c r="S36" s="1226"/>
      <c r="T36" s="1226"/>
      <c r="U36" s="1226"/>
      <c r="V36" s="1226"/>
      <c r="W36" s="1226"/>
      <c r="X36" s="1226"/>
      <c r="Y36" s="1226"/>
      <c r="Z36" s="1226"/>
      <c r="AA36" s="1226"/>
      <c r="AB36" s="1226"/>
      <c r="AC36" s="1226"/>
      <c r="AD36" s="1226"/>
      <c r="AE36" s="1226"/>
      <c r="AF36" s="1226"/>
      <c r="AG36" s="1226"/>
      <c r="AH36" s="1226"/>
      <c r="AI36" s="1226"/>
      <c r="AJ36" s="1226"/>
      <c r="AK36" s="1226"/>
      <c r="AL36" s="1227"/>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1267"/>
      <c r="CI36" s="1267"/>
      <c r="CJ36" s="1267"/>
      <c r="CK36" s="1267"/>
      <c r="CL36" s="1267"/>
      <c r="CM36" s="1267"/>
      <c r="CQ36" s="3" ph="1"/>
    </row>
    <row r="37" spans="1:100" ht="17.25" customHeight="1" x14ac:dyDescent="0.15">
      <c r="A37" s="324" t="s">
        <v>534</v>
      </c>
      <c r="B37" s="692"/>
      <c r="C37" s="692"/>
      <c r="D37" s="692"/>
      <c r="E37" s="692"/>
      <c r="F37" s="692"/>
      <c r="G37" s="692"/>
      <c r="H37" s="692"/>
      <c r="I37" s="692"/>
      <c r="J37" s="692"/>
      <c r="K37" s="692"/>
      <c r="L37" s="692"/>
      <c r="M37" s="693"/>
      <c r="N37" s="129"/>
      <c r="O37" s="813" t="s">
        <v>535</v>
      </c>
      <c r="P37" s="1226"/>
      <c r="Q37" s="1226"/>
      <c r="R37" s="1226"/>
      <c r="S37" s="1226"/>
      <c r="T37" s="1226"/>
      <c r="U37" s="1226"/>
      <c r="V37" s="1226"/>
      <c r="W37" s="1226"/>
      <c r="X37" s="1226"/>
      <c r="Y37" s="1226"/>
      <c r="Z37" s="1226"/>
      <c r="AA37" s="1226"/>
      <c r="AB37" s="1226"/>
      <c r="AC37" s="1226"/>
      <c r="AD37" s="1226"/>
      <c r="AE37" s="1226"/>
      <c r="AF37" s="1226"/>
      <c r="AG37" s="1226"/>
      <c r="AH37" s="1226"/>
      <c r="AI37" s="1226"/>
      <c r="AJ37" s="1226"/>
      <c r="AK37" s="1226"/>
      <c r="AL37" s="1227"/>
      <c r="AM37" s="5"/>
      <c r="AN37" s="287" t="s">
        <v>399</v>
      </c>
      <c r="AO37" s="287"/>
      <c r="AP37" s="287"/>
      <c r="AQ37" s="287"/>
      <c r="AR37" s="287"/>
      <c r="AS37" s="287"/>
      <c r="AT37" s="287"/>
      <c r="AU37" s="287"/>
      <c r="AV37" s="287"/>
      <c r="AW37" s="681">
        <v>9679</v>
      </c>
      <c r="AX37" s="681"/>
      <c r="AY37" s="681"/>
      <c r="AZ37" s="681"/>
      <c r="BA37" s="681"/>
      <c r="BB37" s="681"/>
      <c r="BC37" s="681"/>
      <c r="BD37" s="681"/>
      <c r="BE37" s="681"/>
      <c r="BF37" s="681"/>
      <c r="BG37" s="681">
        <v>3359</v>
      </c>
      <c r="BH37" s="681"/>
      <c r="BI37" s="681"/>
      <c r="BJ37" s="681"/>
      <c r="BK37" s="681"/>
      <c r="BL37" s="681"/>
      <c r="BM37" s="681"/>
      <c r="BN37" s="681"/>
      <c r="BO37" s="681"/>
      <c r="BP37" s="681"/>
      <c r="BQ37" s="149"/>
      <c r="BR37" s="680" t="s">
        <v>273</v>
      </c>
      <c r="BS37" s="680"/>
      <c r="BT37" s="680"/>
      <c r="BU37" s="680"/>
      <c r="BV37" s="680"/>
      <c r="BW37" s="680"/>
      <c r="BX37" s="680"/>
      <c r="BY37" s="681">
        <v>2780</v>
      </c>
      <c r="BZ37" s="681"/>
      <c r="CA37" s="682"/>
      <c r="CB37" s="682"/>
      <c r="CC37" s="682"/>
      <c r="CD37" s="682"/>
      <c r="CE37" s="682"/>
      <c r="CF37" s="682"/>
      <c r="CG37" s="682"/>
      <c r="CH37" s="1267">
        <v>63.369039999999998</v>
      </c>
      <c r="CI37" s="1267"/>
      <c r="CJ37" s="1267"/>
      <c r="CK37" s="1267"/>
      <c r="CL37" s="1267"/>
      <c r="CM37" s="1267"/>
      <c r="CQ37" s="3" ph="1"/>
    </row>
    <row r="38" spans="1:100" ht="17.25" customHeight="1" x14ac:dyDescent="0.15">
      <c r="A38" s="251">
        <v>33772</v>
      </c>
      <c r="B38" s="690"/>
      <c r="C38" s="690"/>
      <c r="D38" s="690"/>
      <c r="E38" s="690"/>
      <c r="F38" s="690"/>
      <c r="G38" s="690"/>
      <c r="H38" s="690"/>
      <c r="I38" s="690"/>
      <c r="J38" s="690"/>
      <c r="K38" s="690"/>
      <c r="L38" s="690"/>
      <c r="M38" s="691"/>
      <c r="N38" s="145"/>
      <c r="O38" s="782" t="s">
        <v>144</v>
      </c>
      <c r="P38" s="783"/>
      <c r="Q38" s="783"/>
      <c r="R38" s="783"/>
      <c r="S38" s="783"/>
      <c r="T38" s="783"/>
      <c r="U38" s="783"/>
      <c r="V38" s="783"/>
      <c r="W38" s="783"/>
      <c r="X38" s="783"/>
      <c r="Y38" s="783"/>
      <c r="Z38" s="783"/>
      <c r="AA38" s="783"/>
      <c r="AB38" s="783"/>
      <c r="AC38" s="783"/>
      <c r="AD38" s="783"/>
      <c r="AE38" s="783"/>
      <c r="AF38" s="783"/>
      <c r="AG38" s="783"/>
      <c r="AH38" s="783"/>
      <c r="AI38" s="783"/>
      <c r="AJ38" s="783"/>
      <c r="AK38" s="783"/>
      <c r="AL38" s="784"/>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1267"/>
      <c r="CI38" s="1267"/>
      <c r="CJ38" s="1267"/>
      <c r="CK38" s="1267"/>
      <c r="CL38" s="1267"/>
      <c r="CM38" s="1267"/>
      <c r="CQ38" s="3" ph="1"/>
    </row>
    <row r="39" spans="1:100" ht="17.25" customHeight="1" x14ac:dyDescent="0.15">
      <c r="A39" s="216" t="s">
        <v>536</v>
      </c>
      <c r="B39" s="692"/>
      <c r="C39" s="692"/>
      <c r="D39" s="692"/>
      <c r="E39" s="692"/>
      <c r="F39" s="692"/>
      <c r="G39" s="692"/>
      <c r="H39" s="692"/>
      <c r="I39" s="692"/>
      <c r="J39" s="692"/>
      <c r="K39" s="692"/>
      <c r="L39" s="692"/>
      <c r="M39" s="693"/>
      <c r="N39" s="6"/>
      <c r="O39" s="782" t="s">
        <v>230</v>
      </c>
      <c r="P39" s="783"/>
      <c r="Q39" s="783"/>
      <c r="R39" s="783"/>
      <c r="S39" s="783"/>
      <c r="T39" s="783"/>
      <c r="U39" s="783"/>
      <c r="V39" s="783"/>
      <c r="W39" s="783"/>
      <c r="X39" s="783"/>
      <c r="Y39" s="783"/>
      <c r="Z39" s="783"/>
      <c r="AA39" s="783"/>
      <c r="AB39" s="783"/>
      <c r="AC39" s="783"/>
      <c r="AD39" s="783"/>
      <c r="AE39" s="783"/>
      <c r="AF39" s="783"/>
      <c r="AG39" s="783"/>
      <c r="AH39" s="783"/>
      <c r="AI39" s="783"/>
      <c r="AJ39" s="783"/>
      <c r="AK39" s="783"/>
      <c r="AL39" s="784"/>
      <c r="AM39" s="5"/>
      <c r="AN39" s="300" t="s">
        <v>1059</v>
      </c>
      <c r="AO39" s="300"/>
      <c r="AP39" s="300"/>
      <c r="AQ39" s="300"/>
      <c r="AR39" s="300"/>
      <c r="AS39" s="300"/>
      <c r="AT39" s="300"/>
      <c r="AU39" s="300"/>
      <c r="AV39" s="300"/>
      <c r="AW39" s="681">
        <v>9300</v>
      </c>
      <c r="AX39" s="681"/>
      <c r="AY39" s="681"/>
      <c r="AZ39" s="682"/>
      <c r="BA39" s="682"/>
      <c r="BB39" s="682"/>
      <c r="BC39" s="682"/>
      <c r="BD39" s="682"/>
      <c r="BE39" s="682"/>
      <c r="BF39" s="682"/>
      <c r="BG39" s="681">
        <v>3436</v>
      </c>
      <c r="BH39" s="681"/>
      <c r="BI39" s="681"/>
      <c r="BJ39" s="681"/>
      <c r="BK39" s="681"/>
      <c r="BL39" s="681"/>
      <c r="BM39" s="681"/>
      <c r="BN39" s="681"/>
      <c r="BO39" s="681"/>
      <c r="BP39" s="681"/>
      <c r="BQ39" s="149"/>
      <c r="BR39" s="301" t="s">
        <v>1119</v>
      </c>
      <c r="BS39" s="293"/>
      <c r="BT39" s="293"/>
      <c r="BU39" s="293"/>
      <c r="BV39" s="293"/>
      <c r="BW39" s="293"/>
      <c r="BX39" s="294"/>
      <c r="BY39" s="681">
        <v>4497</v>
      </c>
      <c r="BZ39" s="681"/>
      <c r="CA39" s="682"/>
      <c r="CB39" s="682"/>
      <c r="CC39" s="682"/>
      <c r="CD39" s="682"/>
      <c r="CE39" s="682"/>
      <c r="CF39" s="682"/>
      <c r="CG39" s="682"/>
      <c r="CH39" s="1267">
        <v>100</v>
      </c>
      <c r="CI39" s="1267"/>
      <c r="CJ39" s="1267"/>
      <c r="CK39" s="1267"/>
      <c r="CL39" s="1267"/>
      <c r="CM39" s="1267"/>
    </row>
    <row r="40" spans="1:100" ht="17.25" customHeight="1" x14ac:dyDescent="0.15">
      <c r="A40" s="251">
        <v>33948</v>
      </c>
      <c r="B40" s="690"/>
      <c r="C40" s="690"/>
      <c r="D40" s="690"/>
      <c r="E40" s="690"/>
      <c r="F40" s="690"/>
      <c r="G40" s="690"/>
      <c r="H40" s="690"/>
      <c r="I40" s="690"/>
      <c r="J40" s="690"/>
      <c r="K40" s="690"/>
      <c r="L40" s="690"/>
      <c r="M40" s="691"/>
      <c r="N40" s="107"/>
      <c r="O40" s="813" t="s">
        <v>209</v>
      </c>
      <c r="P40" s="1271"/>
      <c r="Q40" s="1271"/>
      <c r="R40" s="1271"/>
      <c r="S40" s="1271"/>
      <c r="T40" s="1271"/>
      <c r="U40" s="1271"/>
      <c r="V40" s="1271"/>
      <c r="W40" s="1271"/>
      <c r="X40" s="1271"/>
      <c r="Y40" s="1271"/>
      <c r="Z40" s="1271"/>
      <c r="AA40" s="1271"/>
      <c r="AB40" s="1271"/>
      <c r="AC40" s="1271"/>
      <c r="AD40" s="1271"/>
      <c r="AE40" s="1271"/>
      <c r="AF40" s="1271"/>
      <c r="AG40" s="1271"/>
      <c r="AH40" s="1271"/>
      <c r="AI40" s="1271"/>
      <c r="AJ40" s="1271"/>
      <c r="AK40" s="1271"/>
      <c r="AL40" s="1272"/>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1267"/>
      <c r="CI40" s="1267"/>
      <c r="CJ40" s="1267"/>
      <c r="CK40" s="1267"/>
      <c r="CL40" s="1267"/>
      <c r="CM40" s="1267"/>
    </row>
    <row r="41" spans="1:100" ht="17.25" customHeight="1" x14ac:dyDescent="0.15">
      <c r="A41" s="216" t="s">
        <v>537</v>
      </c>
      <c r="B41" s="692"/>
      <c r="C41" s="692"/>
      <c r="D41" s="692"/>
      <c r="E41" s="692"/>
      <c r="F41" s="692"/>
      <c r="G41" s="692"/>
      <c r="H41" s="692"/>
      <c r="I41" s="692"/>
      <c r="J41" s="692"/>
      <c r="K41" s="692"/>
      <c r="L41" s="692"/>
      <c r="M41" s="693"/>
      <c r="N41" s="107"/>
      <c r="O41" s="813" t="s">
        <v>146</v>
      </c>
      <c r="P41" s="1226"/>
      <c r="Q41" s="1226"/>
      <c r="R41" s="1226"/>
      <c r="S41" s="1226"/>
      <c r="T41" s="1226"/>
      <c r="U41" s="1226"/>
      <c r="V41" s="1226"/>
      <c r="W41" s="1226"/>
      <c r="X41" s="1226"/>
      <c r="Y41" s="1226"/>
      <c r="Z41" s="1226"/>
      <c r="AA41" s="1226"/>
      <c r="AB41" s="1226"/>
      <c r="AC41" s="1226"/>
      <c r="AD41" s="1226"/>
      <c r="AE41" s="1226"/>
      <c r="AF41" s="1226"/>
      <c r="AG41" s="1226"/>
      <c r="AH41" s="1226"/>
      <c r="AI41" s="1226"/>
      <c r="AJ41" s="1226"/>
      <c r="AK41" s="1226"/>
      <c r="AL41" s="1227"/>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v>33948</v>
      </c>
      <c r="B42" s="690"/>
      <c r="C42" s="690"/>
      <c r="D42" s="690"/>
      <c r="E42" s="690"/>
      <c r="F42" s="690"/>
      <c r="G42" s="690"/>
      <c r="H42" s="690"/>
      <c r="I42" s="690"/>
      <c r="J42" s="690"/>
      <c r="K42" s="690"/>
      <c r="L42" s="690"/>
      <c r="M42" s="691"/>
      <c r="N42" s="107"/>
      <c r="O42" s="782" t="s">
        <v>538</v>
      </c>
      <c r="P42" s="783"/>
      <c r="Q42" s="783"/>
      <c r="R42" s="783"/>
      <c r="S42" s="783"/>
      <c r="T42" s="783"/>
      <c r="U42" s="783"/>
      <c r="V42" s="783"/>
      <c r="W42" s="783"/>
      <c r="X42" s="783"/>
      <c r="Y42" s="783"/>
      <c r="Z42" s="783"/>
      <c r="AA42" s="783"/>
      <c r="AB42" s="783"/>
      <c r="AC42" s="783"/>
      <c r="AD42" s="783"/>
      <c r="AE42" s="783"/>
      <c r="AF42" s="783"/>
      <c r="AG42" s="783"/>
      <c r="AH42" s="783"/>
      <c r="AI42" s="783"/>
      <c r="AJ42" s="783"/>
      <c r="AK42" s="783"/>
      <c r="AL42" s="784"/>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c r="B43" s="692"/>
      <c r="C43" s="692"/>
      <c r="D43" s="692"/>
      <c r="E43" s="692"/>
      <c r="F43" s="692"/>
      <c r="G43" s="692"/>
      <c r="H43" s="692"/>
      <c r="I43" s="692"/>
      <c r="J43" s="692"/>
      <c r="K43" s="692"/>
      <c r="L43" s="692"/>
      <c r="M43" s="693"/>
      <c r="N43" s="6"/>
      <c r="O43" s="771" t="s">
        <v>999</v>
      </c>
      <c r="P43" s="772"/>
      <c r="Q43" s="772"/>
      <c r="R43" s="772"/>
      <c r="S43" s="772"/>
      <c r="T43" s="772"/>
      <c r="U43" s="772"/>
      <c r="V43" s="772"/>
      <c r="W43" s="772"/>
      <c r="X43" s="772"/>
      <c r="Y43" s="772"/>
      <c r="Z43" s="772"/>
      <c r="AA43" s="772"/>
      <c r="AB43" s="772"/>
      <c r="AC43" s="772"/>
      <c r="AD43" s="772"/>
      <c r="AE43" s="772"/>
      <c r="AF43" s="772"/>
      <c r="AG43" s="772"/>
      <c r="AH43" s="772"/>
      <c r="AI43" s="772"/>
      <c r="AJ43" s="772"/>
      <c r="AK43" s="772"/>
      <c r="AL43" s="773"/>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c r="B44" s="690"/>
      <c r="C44" s="690"/>
      <c r="D44" s="690"/>
      <c r="E44" s="690"/>
      <c r="F44" s="690"/>
      <c r="G44" s="690"/>
      <c r="H44" s="690"/>
      <c r="I44" s="690"/>
      <c r="J44" s="690"/>
      <c r="K44" s="690"/>
      <c r="L44" s="690"/>
      <c r="M44" s="691"/>
      <c r="N44" s="107"/>
      <c r="O44" s="813" t="s">
        <v>502</v>
      </c>
      <c r="P44" s="706"/>
      <c r="Q44" s="706"/>
      <c r="R44" s="706"/>
      <c r="S44" s="706"/>
      <c r="T44" s="706"/>
      <c r="U44" s="706"/>
      <c r="V44" s="706"/>
      <c r="W44" s="706"/>
      <c r="X44" s="706"/>
      <c r="Y44" s="706"/>
      <c r="Z44" s="706"/>
      <c r="AA44" s="706"/>
      <c r="AB44" s="706"/>
      <c r="AC44" s="706"/>
      <c r="AD44" s="706"/>
      <c r="AE44" s="706"/>
      <c r="AF44" s="706"/>
      <c r="AG44" s="706"/>
      <c r="AH44" s="706"/>
      <c r="AI44" s="706"/>
      <c r="AJ44" s="706"/>
      <c r="AK44" s="706"/>
      <c r="AL44" s="707"/>
      <c r="AM44" s="5"/>
      <c r="AN44" s="729">
        <v>465.2</v>
      </c>
      <c r="AO44" s="730"/>
      <c r="AP44" s="730"/>
      <c r="AQ44" s="730"/>
      <c r="AR44" s="730"/>
      <c r="AS44" s="727" t="s">
        <v>383</v>
      </c>
      <c r="AT44" s="727"/>
      <c r="AU44" s="727"/>
      <c r="AV44" s="728"/>
      <c r="AW44" s="710">
        <v>36.799999999999997</v>
      </c>
      <c r="AX44" s="711"/>
      <c r="AY44" s="711"/>
      <c r="AZ44" s="711"/>
      <c r="BA44" s="711"/>
      <c r="BB44" s="711"/>
      <c r="BC44" s="706" t="s">
        <v>384</v>
      </c>
      <c r="BD44" s="706"/>
      <c r="BE44" s="706"/>
      <c r="BF44" s="707"/>
      <c r="BG44" s="710">
        <v>129.19999999999999</v>
      </c>
      <c r="BH44" s="711"/>
      <c r="BI44" s="711"/>
      <c r="BJ44" s="711"/>
      <c r="BK44" s="711"/>
      <c r="BL44" s="711"/>
      <c r="BM44" s="706" t="s">
        <v>384</v>
      </c>
      <c r="BN44" s="706"/>
      <c r="BO44" s="706"/>
      <c r="BP44" s="707"/>
      <c r="BQ44" s="130"/>
      <c r="BR44" s="714">
        <v>19.989999999999998</v>
      </c>
      <c r="BS44" s="715"/>
      <c r="BT44" s="715"/>
      <c r="BU44" s="715"/>
      <c r="BV44" s="715"/>
      <c r="BW44" s="715"/>
      <c r="BX44" s="715"/>
      <c r="BY44" s="696" t="s">
        <v>385</v>
      </c>
      <c r="BZ44" s="696"/>
      <c r="CA44" s="696"/>
      <c r="CB44" s="697"/>
      <c r="CC44" s="718">
        <v>233</v>
      </c>
      <c r="CD44" s="719"/>
      <c r="CE44" s="719"/>
      <c r="CF44" s="719"/>
      <c r="CG44" s="719"/>
      <c r="CH44" s="719"/>
      <c r="CI44" s="719"/>
      <c r="CJ44" s="696" t="s">
        <v>386</v>
      </c>
      <c r="CK44" s="696"/>
      <c r="CL44" s="696"/>
      <c r="CM44" s="697"/>
    </row>
    <row r="45" spans="1:100" ht="17.25" customHeight="1" x14ac:dyDescent="0.15">
      <c r="A45" s="216"/>
      <c r="B45" s="692"/>
      <c r="C45" s="692"/>
      <c r="D45" s="692"/>
      <c r="E45" s="692"/>
      <c r="F45" s="692"/>
      <c r="G45" s="692"/>
      <c r="H45" s="692"/>
      <c r="I45" s="692"/>
      <c r="J45" s="692"/>
      <c r="K45" s="692"/>
      <c r="L45" s="692"/>
      <c r="M45" s="693"/>
      <c r="N45" s="169"/>
      <c r="O45" s="1273" t="s">
        <v>1122</v>
      </c>
      <c r="P45" s="1274"/>
      <c r="Q45" s="1274"/>
      <c r="R45" s="1274"/>
      <c r="S45" s="1274"/>
      <c r="T45" s="1274"/>
      <c r="U45" s="1274"/>
      <c r="V45" s="1274"/>
      <c r="W45" s="1274"/>
      <c r="X45" s="1274"/>
      <c r="Y45" s="1274"/>
      <c r="Z45" s="1274"/>
      <c r="AA45" s="1274"/>
      <c r="AB45" s="1274"/>
      <c r="AC45" s="1274"/>
      <c r="AD45" s="1274"/>
      <c r="AE45" s="1274"/>
      <c r="AF45" s="1274"/>
      <c r="AG45" s="1274"/>
      <c r="AH45" s="1274"/>
      <c r="AI45" s="1274"/>
      <c r="AJ45" s="1274"/>
      <c r="AK45" s="1274"/>
      <c r="AL45" s="1275"/>
      <c r="AM45" s="5"/>
      <c r="AN45" s="731"/>
      <c r="AO45" s="732"/>
      <c r="AP45" s="732"/>
      <c r="AQ45" s="732"/>
      <c r="AR45" s="732"/>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c r="B46" s="690"/>
      <c r="C46" s="690"/>
      <c r="D46" s="690"/>
      <c r="E46" s="690"/>
      <c r="F46" s="690"/>
      <c r="G46" s="690"/>
      <c r="H46" s="690"/>
      <c r="I46" s="690"/>
      <c r="J46" s="690"/>
      <c r="K46" s="690"/>
      <c r="L46" s="690"/>
      <c r="M46" s="691"/>
      <c r="N46" s="84"/>
      <c r="O46" s="771"/>
      <c r="P46" s="772"/>
      <c r="Q46" s="772"/>
      <c r="R46" s="772"/>
      <c r="S46" s="772"/>
      <c r="T46" s="772"/>
      <c r="U46" s="772"/>
      <c r="V46" s="772"/>
      <c r="W46" s="772"/>
      <c r="X46" s="772"/>
      <c r="Y46" s="772"/>
      <c r="Z46" s="772"/>
      <c r="AA46" s="772"/>
      <c r="AB46" s="772"/>
      <c r="AC46" s="772"/>
      <c r="AD46" s="772"/>
      <c r="AE46" s="772"/>
      <c r="AF46" s="772"/>
      <c r="AG46" s="772"/>
      <c r="AH46" s="772"/>
      <c r="AI46" s="772"/>
      <c r="AJ46" s="772"/>
      <c r="AK46" s="772"/>
      <c r="AL46" s="773"/>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692"/>
      <c r="C47" s="692"/>
      <c r="D47" s="692"/>
      <c r="E47" s="692"/>
      <c r="F47" s="692"/>
      <c r="G47" s="692"/>
      <c r="H47" s="692"/>
      <c r="I47" s="692"/>
      <c r="J47" s="692"/>
      <c r="K47" s="692"/>
      <c r="L47" s="692"/>
      <c r="M47" s="693"/>
      <c r="N47" s="84"/>
      <c r="O47" s="771"/>
      <c r="P47" s="772"/>
      <c r="Q47" s="772"/>
      <c r="R47" s="772"/>
      <c r="S47" s="772"/>
      <c r="T47" s="772"/>
      <c r="U47" s="772"/>
      <c r="V47" s="772"/>
      <c r="W47" s="772"/>
      <c r="X47" s="772"/>
      <c r="Y47" s="772"/>
      <c r="Z47" s="772"/>
      <c r="AA47" s="772"/>
      <c r="AB47" s="772"/>
      <c r="AC47" s="772"/>
      <c r="AD47" s="772"/>
      <c r="AE47" s="772"/>
      <c r="AF47" s="772"/>
      <c r="AG47" s="772"/>
      <c r="AH47" s="772"/>
      <c r="AI47" s="772"/>
      <c r="AJ47" s="772"/>
      <c r="AK47" s="772"/>
      <c r="AL47" s="773"/>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690"/>
      <c r="C48" s="690"/>
      <c r="D48" s="690"/>
      <c r="E48" s="690"/>
      <c r="F48" s="690"/>
      <c r="G48" s="690"/>
      <c r="H48" s="690"/>
      <c r="I48" s="690"/>
      <c r="J48" s="690"/>
      <c r="K48" s="690"/>
      <c r="L48" s="690"/>
      <c r="M48" s="691"/>
      <c r="N48" s="84"/>
      <c r="O48" s="771"/>
      <c r="P48" s="772"/>
      <c r="Q48" s="772"/>
      <c r="R48" s="772"/>
      <c r="S48" s="772"/>
      <c r="T48" s="772"/>
      <c r="U48" s="772"/>
      <c r="V48" s="772"/>
      <c r="W48" s="772"/>
      <c r="X48" s="772"/>
      <c r="Y48" s="772"/>
      <c r="Z48" s="772"/>
      <c r="AA48" s="772"/>
      <c r="AB48" s="772"/>
      <c r="AC48" s="772"/>
      <c r="AD48" s="772"/>
      <c r="AE48" s="772"/>
      <c r="AF48" s="772"/>
      <c r="AG48" s="772"/>
      <c r="AH48" s="772"/>
      <c r="AI48" s="772"/>
      <c r="AJ48" s="772"/>
      <c r="AK48" s="772"/>
      <c r="AL48" s="773"/>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84"/>
      <c r="O49" s="771"/>
      <c r="P49" s="772"/>
      <c r="Q49" s="772"/>
      <c r="R49" s="772"/>
      <c r="S49" s="772"/>
      <c r="T49" s="772"/>
      <c r="U49" s="772"/>
      <c r="V49" s="772"/>
      <c r="W49" s="772"/>
      <c r="X49" s="772"/>
      <c r="Y49" s="772"/>
      <c r="Z49" s="772"/>
      <c r="AA49" s="772"/>
      <c r="AB49" s="772"/>
      <c r="AC49" s="772"/>
      <c r="AD49" s="772"/>
      <c r="AE49" s="772"/>
      <c r="AF49" s="772"/>
      <c r="AG49" s="772"/>
      <c r="AH49" s="772"/>
      <c r="AI49" s="772"/>
      <c r="AJ49" s="772"/>
      <c r="AK49" s="772"/>
      <c r="AL49" s="773"/>
      <c r="AM49" s="5"/>
      <c r="AN49" s="223">
        <v>3195.4140000000002</v>
      </c>
      <c r="AO49" s="224"/>
      <c r="AP49" s="224"/>
      <c r="AQ49" s="224"/>
      <c r="AR49" s="224"/>
      <c r="AS49" s="224"/>
      <c r="AT49" s="225"/>
      <c r="AU49" s="229">
        <v>0.91500000000000004</v>
      </c>
      <c r="AV49" s="230"/>
      <c r="AW49" s="230"/>
      <c r="AX49" s="230"/>
      <c r="AY49" s="231"/>
      <c r="AZ49" s="210">
        <v>1.9</v>
      </c>
      <c r="BA49" s="211"/>
      <c r="BB49" s="211"/>
      <c r="BC49" s="211"/>
      <c r="BD49" s="212"/>
      <c r="BE49" s="1276" t="s">
        <v>1716</v>
      </c>
      <c r="BF49" s="211"/>
      <c r="BG49" s="211"/>
      <c r="BH49" s="211"/>
      <c r="BI49" s="212"/>
      <c r="BJ49" s="210" t="s">
        <v>227</v>
      </c>
      <c r="BK49" s="211"/>
      <c r="BL49" s="211"/>
      <c r="BM49" s="211"/>
      <c r="BN49" s="212"/>
      <c r="BO49" s="210">
        <v>10.7</v>
      </c>
      <c r="BP49" s="211"/>
      <c r="BQ49" s="211"/>
      <c r="BR49" s="211"/>
      <c r="BS49" s="212"/>
      <c r="BT49" s="210">
        <v>75.3</v>
      </c>
      <c r="BU49" s="211"/>
      <c r="BV49" s="211"/>
      <c r="BW49" s="211"/>
      <c r="BX49" s="212"/>
      <c r="BY49" s="210">
        <v>63.5</v>
      </c>
      <c r="BZ49" s="211"/>
      <c r="CA49" s="211"/>
      <c r="CB49" s="211"/>
      <c r="CC49" s="212"/>
      <c r="CD49" s="210">
        <v>35.799999999999997</v>
      </c>
      <c r="CE49" s="211"/>
      <c r="CF49" s="211"/>
      <c r="CG49" s="211"/>
      <c r="CH49" s="212"/>
      <c r="CI49" s="210">
        <v>67.8</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84"/>
      <c r="O50" s="1052"/>
      <c r="P50" s="860"/>
      <c r="Q50" s="860"/>
      <c r="R50" s="860"/>
      <c r="S50" s="860"/>
      <c r="T50" s="860"/>
      <c r="U50" s="860"/>
      <c r="V50" s="860"/>
      <c r="W50" s="860"/>
      <c r="X50" s="860"/>
      <c r="Y50" s="860"/>
      <c r="Z50" s="860"/>
      <c r="AA50" s="860"/>
      <c r="AB50" s="860"/>
      <c r="AC50" s="860"/>
      <c r="AD50" s="860"/>
      <c r="AE50" s="860"/>
      <c r="AF50" s="860"/>
      <c r="AG50" s="860"/>
      <c r="AH50" s="860"/>
      <c r="AI50" s="860"/>
      <c r="AJ50" s="860"/>
      <c r="AK50" s="860"/>
      <c r="AL50" s="86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201">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BR42:CB43"/>
    <mergeCell ref="CC42:CM43"/>
    <mergeCell ref="A46:M46"/>
    <mergeCell ref="O46:AL46"/>
    <mergeCell ref="AN46:AV46"/>
    <mergeCell ref="AW46:BD46"/>
    <mergeCell ref="CD46:CM46"/>
    <mergeCell ref="BC44:BF45"/>
    <mergeCell ref="BG44:BL45"/>
    <mergeCell ref="BM44:BP45"/>
    <mergeCell ref="BR44:BX45"/>
    <mergeCell ref="BY44:CB45"/>
    <mergeCell ref="CC44:CI45"/>
    <mergeCell ref="A43:M43"/>
    <mergeCell ref="O43:AL43"/>
    <mergeCell ref="A44:M44"/>
    <mergeCell ref="O44:AL44"/>
    <mergeCell ref="AN44:AR45"/>
    <mergeCell ref="AS44:AV45"/>
    <mergeCell ref="AW44:BB45"/>
    <mergeCell ref="BY39:CG40"/>
    <mergeCell ref="CH39:CM40"/>
    <mergeCell ref="A40:M40"/>
    <mergeCell ref="O40:AL40"/>
    <mergeCell ref="A41:M41"/>
    <mergeCell ref="O41:AL41"/>
    <mergeCell ref="AU41:BE41"/>
    <mergeCell ref="BR41:CM41"/>
    <mergeCell ref="BG42:BP43"/>
    <mergeCell ref="A39:M39"/>
    <mergeCell ref="O39:AL39"/>
    <mergeCell ref="AN39:AV40"/>
    <mergeCell ref="AW39:BF40"/>
    <mergeCell ref="BG39:BP40"/>
    <mergeCell ref="BR39:BX40"/>
    <mergeCell ref="A42:M42"/>
    <mergeCell ref="O42:AL42"/>
    <mergeCell ref="AN42:AV43"/>
    <mergeCell ref="AW42:BF4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7:CG38"/>
    <mergeCell ref="CH37:CM38"/>
    <mergeCell ref="A38:M38"/>
    <mergeCell ref="O38:AL38"/>
    <mergeCell ref="AO32:BP32"/>
    <mergeCell ref="AO33:BP33"/>
    <mergeCell ref="BR33:BX34"/>
    <mergeCell ref="BY33:CG34"/>
    <mergeCell ref="CH33:CM34"/>
    <mergeCell ref="A34:M34"/>
    <mergeCell ref="O34:AL34"/>
    <mergeCell ref="AN34:BO34"/>
    <mergeCell ref="A28:AL28"/>
    <mergeCell ref="AN28:CM28"/>
    <mergeCell ref="A29:AL33"/>
    <mergeCell ref="AO29:BP29"/>
    <mergeCell ref="AO30:BP30"/>
    <mergeCell ref="BY30:CI30"/>
    <mergeCell ref="AO31:BP31"/>
    <mergeCell ref="BR31:BX32"/>
    <mergeCell ref="BY31:CG32"/>
    <mergeCell ref="CH31:CM32"/>
    <mergeCell ref="A25:E27"/>
    <mergeCell ref="F25:M25"/>
    <mergeCell ref="Q25:AL25"/>
    <mergeCell ref="AO25:CM25"/>
    <mergeCell ref="F26:M27"/>
    <mergeCell ref="O26:P27"/>
    <mergeCell ref="Q26:AL26"/>
    <mergeCell ref="AO26:CM26"/>
    <mergeCell ref="Q27:AL27"/>
    <mergeCell ref="AO27:CM27"/>
    <mergeCell ref="AN19:AS21"/>
    <mergeCell ref="F20:M21"/>
    <mergeCell ref="Q20:T20"/>
    <mergeCell ref="U20:X20"/>
    <mergeCell ref="Y20:AL20"/>
    <mergeCell ref="AN22:CM22"/>
    <mergeCell ref="F23:M24"/>
    <mergeCell ref="Q23:AL23"/>
    <mergeCell ref="AO23:CM23"/>
    <mergeCell ref="O24:P25"/>
    <mergeCell ref="Q24:AL24"/>
    <mergeCell ref="AO24:CM24"/>
    <mergeCell ref="Q21:T21"/>
    <mergeCell ref="U21:X21"/>
    <mergeCell ref="Y21:AL21"/>
    <mergeCell ref="AT19:CM21"/>
    <mergeCell ref="A16:E21"/>
    <mergeCell ref="F16:M16"/>
    <mergeCell ref="Q16:T16"/>
    <mergeCell ref="U16:X16"/>
    <mergeCell ref="Y16:AL16"/>
    <mergeCell ref="F17:M18"/>
    <mergeCell ref="Q17:T17"/>
    <mergeCell ref="U17:X17"/>
    <mergeCell ref="A22:E24"/>
    <mergeCell ref="F22:M22"/>
    <mergeCell ref="O22:P23"/>
    <mergeCell ref="Q22:AL22"/>
    <mergeCell ref="F19:M19"/>
    <mergeCell ref="Q19:T19"/>
    <mergeCell ref="U19:X19"/>
    <mergeCell ref="Y19:AL19"/>
    <mergeCell ref="Q15:T15"/>
    <mergeCell ref="U15:X15"/>
    <mergeCell ref="Y15:AL15"/>
    <mergeCell ref="Y17:AL17"/>
    <mergeCell ref="AN17:AS18"/>
    <mergeCell ref="AT17:CM18"/>
    <mergeCell ref="Q18:T18"/>
    <mergeCell ref="U18:X18"/>
    <mergeCell ref="Y18:AL18"/>
    <mergeCell ref="AN15:AS16"/>
    <mergeCell ref="AT15:CM16"/>
    <mergeCell ref="Y12:AL12"/>
    <mergeCell ref="AN12:CM12"/>
    <mergeCell ref="F13:M14"/>
    <mergeCell ref="Q13:T13"/>
    <mergeCell ref="U13:X13"/>
    <mergeCell ref="Y13:AL13"/>
    <mergeCell ref="AN13:AS14"/>
    <mergeCell ref="AT13:CM14"/>
    <mergeCell ref="A9:D10"/>
    <mergeCell ref="E9:AL10"/>
    <mergeCell ref="A11:D11"/>
    <mergeCell ref="E11:AL11"/>
    <mergeCell ref="A12:E13"/>
    <mergeCell ref="F12:M12"/>
    <mergeCell ref="N12:N27"/>
    <mergeCell ref="O12:P21"/>
    <mergeCell ref="Q12:T12"/>
    <mergeCell ref="U12:X12"/>
    <mergeCell ref="A14:E14"/>
    <mergeCell ref="Q14:T14"/>
    <mergeCell ref="U14:X14"/>
    <mergeCell ref="Y14:AL14"/>
    <mergeCell ref="A15:E15"/>
    <mergeCell ref="F15:M15"/>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town.naka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4―</oddFooter>
  </headerFooter>
  <drawing r:id="rId3"/>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14" zoomScale="70" zoomScaleNormal="100" zoomScaleSheetLayoutView="70" workbookViewId="0">
      <selection activeCell="F16" sqref="F16:M16"/>
    </sheetView>
  </sheetViews>
  <sheetFormatPr defaultColWidth="9" defaultRowHeight="12" x14ac:dyDescent="0.15"/>
  <cols>
    <col min="1" max="37" width="2.5" style="3" customWidth="1"/>
    <col min="38" max="38" width="4.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539</v>
      </c>
      <c r="B1" s="644" ph="1"/>
      <c r="C1" s="644" ph="1"/>
      <c r="D1" s="644" ph="1"/>
      <c r="E1" s="644" ph="1"/>
      <c r="F1" s="644" ph="1"/>
      <c r="G1" s="644" ph="1"/>
      <c r="H1" s="644" ph="1"/>
      <c r="I1" s="645"/>
      <c r="J1" s="645"/>
      <c r="K1" s="645"/>
      <c r="L1" s="645"/>
      <c r="M1" s="645"/>
      <c r="N1" s="454" t="s">
        <v>540</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488</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1153" t="s">
        <v>717</v>
      </c>
      <c r="AO2" s="1153"/>
      <c r="AP2" s="1153"/>
      <c r="AQ2" s="1153"/>
      <c r="AR2" s="1153"/>
      <c r="AS2" s="1153"/>
      <c r="AT2" s="1153"/>
      <c r="AU2" s="1153"/>
      <c r="AV2" s="1153"/>
      <c r="AW2" s="1153"/>
      <c r="AX2" s="1153"/>
      <c r="AY2" s="1153"/>
      <c r="AZ2" s="1153"/>
      <c r="BA2" s="1153"/>
      <c r="BB2" s="1153"/>
      <c r="BC2" s="1153"/>
      <c r="BD2" s="1153"/>
      <c r="BE2" s="1153"/>
      <c r="BF2" s="1153"/>
      <c r="BG2" s="1153"/>
      <c r="BH2" s="1153"/>
      <c r="BI2" s="1153"/>
      <c r="BJ2" s="1153"/>
      <c r="BK2" s="1153"/>
      <c r="BL2" s="1153"/>
      <c r="BM2" s="1153"/>
      <c r="BN2" s="1153"/>
      <c r="BO2" s="1153"/>
      <c r="BP2" s="1153"/>
      <c r="BQ2" s="1153"/>
      <c r="BR2" s="1153"/>
      <c r="BS2" s="1153"/>
      <c r="BT2" s="1153"/>
      <c r="BU2" s="1153"/>
      <c r="BV2" s="1153"/>
      <c r="BW2" s="1153"/>
      <c r="BX2" s="1153"/>
      <c r="BY2" s="1153"/>
      <c r="BZ2" s="1153"/>
      <c r="CA2" s="1153"/>
      <c r="CB2" s="1153"/>
      <c r="CC2" s="1153"/>
      <c r="CD2" s="1153"/>
      <c r="CE2" s="1153"/>
      <c r="CF2" s="1153"/>
      <c r="CG2" s="1153"/>
      <c r="CH2" s="1153"/>
      <c r="CI2" s="1153"/>
      <c r="CJ2" s="1153"/>
      <c r="CK2" s="1153"/>
      <c r="CL2" s="1153"/>
      <c r="CM2" s="1153"/>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1153"/>
      <c r="AO3" s="1153"/>
      <c r="AP3" s="1153"/>
      <c r="AQ3" s="1153"/>
      <c r="AR3" s="1153"/>
      <c r="AS3" s="1153"/>
      <c r="AT3" s="1153"/>
      <c r="AU3" s="1153"/>
      <c r="AV3" s="1153"/>
      <c r="AW3" s="1153"/>
      <c r="AX3" s="1153"/>
      <c r="AY3" s="1153"/>
      <c r="AZ3" s="1153"/>
      <c r="BA3" s="1153"/>
      <c r="BB3" s="1153"/>
      <c r="BC3" s="1153"/>
      <c r="BD3" s="1153"/>
      <c r="BE3" s="1153"/>
      <c r="BF3" s="1153"/>
      <c r="BG3" s="1153"/>
      <c r="BH3" s="1153"/>
      <c r="BI3" s="1153"/>
      <c r="BJ3" s="1153"/>
      <c r="BK3" s="1153"/>
      <c r="BL3" s="1153"/>
      <c r="BM3" s="1153"/>
      <c r="BN3" s="1153"/>
      <c r="BO3" s="1153"/>
      <c r="BP3" s="1153"/>
      <c r="BQ3" s="1153"/>
      <c r="BR3" s="1153"/>
      <c r="BS3" s="1153"/>
      <c r="BT3" s="1153"/>
      <c r="BU3" s="1153"/>
      <c r="BV3" s="1153"/>
      <c r="BW3" s="1153"/>
      <c r="BX3" s="1153"/>
      <c r="BY3" s="1153"/>
      <c r="BZ3" s="1153"/>
      <c r="CA3" s="1153"/>
      <c r="CB3" s="1153"/>
      <c r="CC3" s="1153"/>
      <c r="CD3" s="1153"/>
      <c r="CE3" s="1153"/>
      <c r="CF3" s="1153"/>
      <c r="CG3" s="1153"/>
      <c r="CH3" s="1153"/>
      <c r="CI3" s="1153"/>
      <c r="CJ3" s="1153"/>
      <c r="CK3" s="1153"/>
      <c r="CL3" s="1153"/>
      <c r="CM3" s="1153"/>
      <c r="CQ3" s="3" ph="1"/>
    </row>
    <row r="4" spans="1:100" ht="17.25" customHeight="1" x14ac:dyDescent="0.15">
      <c r="A4" s="641" t="s">
        <v>236</v>
      </c>
      <c r="B4" s="641"/>
      <c r="C4" s="641"/>
      <c r="D4" s="641"/>
      <c r="E4" s="458">
        <v>143626</v>
      </c>
      <c r="F4" s="458"/>
      <c r="G4" s="458"/>
      <c r="H4" s="458"/>
      <c r="I4" s="647"/>
      <c r="J4" s="647"/>
      <c r="K4" s="647"/>
      <c r="L4" s="647"/>
      <c r="M4" s="647"/>
      <c r="N4" s="459" t="s">
        <v>541</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1153"/>
      <c r="AO4" s="1153"/>
      <c r="AP4" s="1153"/>
      <c r="AQ4" s="1153"/>
      <c r="AR4" s="1153"/>
      <c r="AS4" s="1153"/>
      <c r="AT4" s="1153"/>
      <c r="AU4" s="1153"/>
      <c r="AV4" s="1153"/>
      <c r="AW4" s="1153"/>
      <c r="AX4" s="1153"/>
      <c r="AY4" s="1153"/>
      <c r="AZ4" s="1153"/>
      <c r="BA4" s="1153"/>
      <c r="BB4" s="1153"/>
      <c r="BC4" s="1153"/>
      <c r="BD4" s="1153"/>
      <c r="BE4" s="1153"/>
      <c r="BF4" s="1153"/>
      <c r="BG4" s="1153"/>
      <c r="BH4" s="1153"/>
      <c r="BI4" s="1153"/>
      <c r="BJ4" s="1153"/>
      <c r="BK4" s="1153"/>
      <c r="BL4" s="1153"/>
      <c r="BM4" s="1153"/>
      <c r="BN4" s="1153"/>
      <c r="BO4" s="1153"/>
      <c r="BP4" s="1153"/>
      <c r="BQ4" s="1153"/>
      <c r="BR4" s="1153"/>
      <c r="BS4" s="1153"/>
      <c r="BT4" s="1153"/>
      <c r="BU4" s="1153"/>
      <c r="BV4" s="1153"/>
      <c r="BW4" s="1153"/>
      <c r="BX4" s="1153"/>
      <c r="BY4" s="1153"/>
      <c r="BZ4" s="1153"/>
      <c r="CA4" s="1153"/>
      <c r="CB4" s="1153"/>
      <c r="CC4" s="1153"/>
      <c r="CD4" s="1153"/>
      <c r="CE4" s="1153"/>
      <c r="CF4" s="1153"/>
      <c r="CG4" s="1153"/>
      <c r="CH4" s="1153"/>
      <c r="CI4" s="1153"/>
      <c r="CJ4" s="1153"/>
      <c r="CK4" s="1153"/>
      <c r="CL4" s="1153"/>
      <c r="CM4" s="1153"/>
    </row>
    <row r="5" spans="1:100" ht="17.25" customHeight="1" x14ac:dyDescent="0.15">
      <c r="A5" s="382" t="s">
        <v>237</v>
      </c>
      <c r="B5" s="484"/>
      <c r="C5" s="484"/>
      <c r="D5" s="484"/>
      <c r="E5" s="484"/>
      <c r="F5" s="484"/>
      <c r="G5" s="484"/>
      <c r="H5" s="485"/>
      <c r="I5" s="486" t="s">
        <v>757</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1153"/>
      <c r="AO5" s="1153"/>
      <c r="AP5" s="1153"/>
      <c r="AQ5" s="1153"/>
      <c r="AR5" s="1153"/>
      <c r="AS5" s="1153"/>
      <c r="AT5" s="1153"/>
      <c r="AU5" s="1153"/>
      <c r="AV5" s="1153"/>
      <c r="AW5" s="1153"/>
      <c r="AX5" s="1153"/>
      <c r="AY5" s="1153"/>
      <c r="AZ5" s="1153"/>
      <c r="BA5" s="1153"/>
      <c r="BB5" s="1153"/>
      <c r="BC5" s="1153"/>
      <c r="BD5" s="1153"/>
      <c r="BE5" s="1153"/>
      <c r="BF5" s="1153"/>
      <c r="BG5" s="1153"/>
      <c r="BH5" s="1153"/>
      <c r="BI5" s="1153"/>
      <c r="BJ5" s="1153"/>
      <c r="BK5" s="1153"/>
      <c r="BL5" s="1153"/>
      <c r="BM5" s="1153"/>
      <c r="BN5" s="1153"/>
      <c r="BO5" s="1153"/>
      <c r="BP5" s="1153"/>
      <c r="BQ5" s="1153"/>
      <c r="BR5" s="1153"/>
      <c r="BS5" s="1153"/>
      <c r="BT5" s="1153"/>
      <c r="BU5" s="1153"/>
      <c r="BV5" s="1153"/>
      <c r="BW5" s="1153"/>
      <c r="BX5" s="1153"/>
      <c r="BY5" s="1153"/>
      <c r="BZ5" s="1153"/>
      <c r="CA5" s="1153"/>
      <c r="CB5" s="1153"/>
      <c r="CC5" s="1153"/>
      <c r="CD5" s="1153"/>
      <c r="CE5" s="1153"/>
      <c r="CF5" s="1153"/>
      <c r="CG5" s="1153"/>
      <c r="CH5" s="1153"/>
      <c r="CI5" s="1153"/>
      <c r="CJ5" s="1153"/>
      <c r="CK5" s="1153"/>
      <c r="CL5" s="1153"/>
      <c r="CM5" s="1153"/>
    </row>
    <row r="6" spans="1:100" ht="17.25" customHeight="1" x14ac:dyDescent="0.15">
      <c r="A6" s="364"/>
      <c r="B6" s="365"/>
      <c r="C6" s="365"/>
      <c r="D6" s="365"/>
      <c r="E6" s="365"/>
      <c r="F6" s="365"/>
      <c r="G6" s="365"/>
      <c r="H6" s="366"/>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1153"/>
      <c r="AO6" s="1153"/>
      <c r="AP6" s="1153"/>
      <c r="AQ6" s="1153"/>
      <c r="AR6" s="1153"/>
      <c r="AS6" s="1153"/>
      <c r="AT6" s="1153"/>
      <c r="AU6" s="1153"/>
      <c r="AV6" s="1153"/>
      <c r="AW6" s="1153"/>
      <c r="AX6" s="1153"/>
      <c r="AY6" s="1153"/>
      <c r="AZ6" s="1153"/>
      <c r="BA6" s="1153"/>
      <c r="BB6" s="1153"/>
      <c r="BC6" s="1153"/>
      <c r="BD6" s="1153"/>
      <c r="BE6" s="1153"/>
      <c r="BF6" s="1153"/>
      <c r="BG6" s="1153"/>
      <c r="BH6" s="1153"/>
      <c r="BI6" s="1153"/>
      <c r="BJ6" s="1153"/>
      <c r="BK6" s="1153"/>
      <c r="BL6" s="1153"/>
      <c r="BM6" s="1153"/>
      <c r="BN6" s="1153"/>
      <c r="BO6" s="1153"/>
      <c r="BP6" s="1153"/>
      <c r="BQ6" s="1153"/>
      <c r="BR6" s="1153"/>
      <c r="BS6" s="1153"/>
      <c r="BT6" s="1153"/>
      <c r="BU6" s="1153"/>
      <c r="BV6" s="1153"/>
      <c r="BW6" s="1153"/>
      <c r="BX6" s="1153"/>
      <c r="BY6" s="1153"/>
      <c r="BZ6" s="1153"/>
      <c r="CA6" s="1153"/>
      <c r="CB6" s="1153"/>
      <c r="CC6" s="1153"/>
      <c r="CD6" s="1153"/>
      <c r="CE6" s="1153"/>
      <c r="CF6" s="1153"/>
      <c r="CG6" s="1153"/>
      <c r="CH6" s="1153"/>
      <c r="CI6" s="1153"/>
      <c r="CJ6" s="1153"/>
      <c r="CK6" s="1153"/>
      <c r="CL6" s="1153"/>
      <c r="CM6" s="1153"/>
    </row>
    <row r="7" spans="1:100" ht="17.25" customHeight="1" x14ac:dyDescent="0.15">
      <c r="A7" s="405" t="s">
        <v>238</v>
      </c>
      <c r="B7" s="406"/>
      <c r="C7" s="406"/>
      <c r="D7" s="407"/>
      <c r="E7" s="65" t="s">
        <v>0</v>
      </c>
      <c r="F7" s="492" t="s">
        <v>542</v>
      </c>
      <c r="G7" s="492"/>
      <c r="H7" s="492"/>
      <c r="I7" s="492"/>
      <c r="J7" s="492"/>
      <c r="K7" s="492"/>
      <c r="L7" s="493"/>
      <c r="M7" s="642"/>
      <c r="N7" s="642"/>
      <c r="O7" s="642"/>
      <c r="P7" s="642"/>
      <c r="Q7" s="642"/>
      <c r="R7" s="642"/>
      <c r="S7" s="642"/>
      <c r="T7" s="642"/>
      <c r="U7" s="642"/>
      <c r="V7" s="642"/>
      <c r="W7" s="642"/>
      <c r="X7" s="642"/>
      <c r="Y7" s="643"/>
      <c r="Z7" s="332" t="s">
        <v>239</v>
      </c>
      <c r="AA7" s="332"/>
      <c r="AB7" s="332"/>
      <c r="AC7" s="431" t="s">
        <v>543</v>
      </c>
      <c r="AD7" s="431"/>
      <c r="AE7" s="431"/>
      <c r="AF7" s="431"/>
      <c r="AG7" s="431"/>
      <c r="AH7" s="431"/>
      <c r="AI7" s="431"/>
      <c r="AJ7" s="431"/>
      <c r="AK7" s="431"/>
      <c r="AL7" s="431"/>
      <c r="AM7" s="5"/>
      <c r="AN7" s="1153"/>
      <c r="AO7" s="1153"/>
      <c r="AP7" s="1153"/>
      <c r="AQ7" s="1153"/>
      <c r="AR7" s="1153"/>
      <c r="AS7" s="1153"/>
      <c r="AT7" s="1153"/>
      <c r="AU7" s="1153"/>
      <c r="AV7" s="1153"/>
      <c r="AW7" s="1153"/>
      <c r="AX7" s="1153"/>
      <c r="AY7" s="1153"/>
      <c r="AZ7" s="1153"/>
      <c r="BA7" s="1153"/>
      <c r="BB7" s="1153"/>
      <c r="BC7" s="1153"/>
      <c r="BD7" s="1153"/>
      <c r="BE7" s="1153"/>
      <c r="BF7" s="1153"/>
      <c r="BG7" s="1153"/>
      <c r="BH7" s="1153"/>
      <c r="BI7" s="1153"/>
      <c r="BJ7" s="1153"/>
      <c r="BK7" s="1153"/>
      <c r="BL7" s="1153"/>
      <c r="BM7" s="1153"/>
      <c r="BN7" s="1153"/>
      <c r="BO7" s="1153"/>
      <c r="BP7" s="1153"/>
      <c r="BQ7" s="1153"/>
      <c r="BR7" s="1153"/>
      <c r="BS7" s="1153"/>
      <c r="BT7" s="1153"/>
      <c r="BU7" s="1153"/>
      <c r="BV7" s="1153"/>
      <c r="BW7" s="1153"/>
      <c r="BX7" s="1153"/>
      <c r="BY7" s="1153"/>
      <c r="BZ7" s="1153"/>
      <c r="CA7" s="1153"/>
      <c r="CB7" s="1153"/>
      <c r="CC7" s="1153"/>
      <c r="CD7" s="1153"/>
      <c r="CE7" s="1153"/>
      <c r="CF7" s="1153"/>
      <c r="CG7" s="1153"/>
      <c r="CH7" s="1153"/>
      <c r="CI7" s="1153"/>
      <c r="CJ7" s="1153"/>
      <c r="CK7" s="1153"/>
      <c r="CL7" s="1153"/>
      <c r="CM7" s="1153"/>
    </row>
    <row r="8" spans="1:100" ht="17.25" customHeight="1" x14ac:dyDescent="0.15">
      <c r="A8" s="405"/>
      <c r="B8" s="406"/>
      <c r="C8" s="406"/>
      <c r="D8" s="407"/>
      <c r="E8" s="433" t="s">
        <v>544</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1153"/>
      <c r="AO8" s="1153"/>
      <c r="AP8" s="1153"/>
      <c r="AQ8" s="1153"/>
      <c r="AR8" s="1153"/>
      <c r="AS8" s="1153"/>
      <c r="AT8" s="1153"/>
      <c r="AU8" s="1153"/>
      <c r="AV8" s="1153"/>
      <c r="AW8" s="1153"/>
      <c r="AX8" s="1153"/>
      <c r="AY8" s="1153"/>
      <c r="AZ8" s="1153"/>
      <c r="BA8" s="1153"/>
      <c r="BB8" s="1153"/>
      <c r="BC8" s="1153"/>
      <c r="BD8" s="1153"/>
      <c r="BE8" s="1153"/>
      <c r="BF8" s="1153"/>
      <c r="BG8" s="1153"/>
      <c r="BH8" s="1153"/>
      <c r="BI8" s="1153"/>
      <c r="BJ8" s="1153"/>
      <c r="BK8" s="1153"/>
      <c r="BL8" s="1153"/>
      <c r="BM8" s="1153"/>
      <c r="BN8" s="1153"/>
      <c r="BO8" s="1153"/>
      <c r="BP8" s="1153"/>
      <c r="BQ8" s="1153"/>
      <c r="BR8" s="1153"/>
      <c r="BS8" s="1153"/>
      <c r="BT8" s="1153"/>
      <c r="BU8" s="1153"/>
      <c r="BV8" s="1153"/>
      <c r="BW8" s="1153"/>
      <c r="BX8" s="1153"/>
      <c r="BY8" s="1153"/>
      <c r="BZ8" s="1153"/>
      <c r="CA8" s="1153"/>
      <c r="CB8" s="1153"/>
      <c r="CC8" s="1153"/>
      <c r="CD8" s="1153"/>
      <c r="CE8" s="1153"/>
      <c r="CF8" s="1153"/>
      <c r="CG8" s="1153"/>
      <c r="CH8" s="1153"/>
      <c r="CI8" s="1153"/>
      <c r="CJ8" s="1153"/>
      <c r="CK8" s="1153"/>
      <c r="CL8" s="1153"/>
      <c r="CM8" s="1153"/>
    </row>
    <row r="9" spans="1:100" ht="17.25" customHeight="1" x14ac:dyDescent="0.15">
      <c r="A9" s="405" t="s">
        <v>240</v>
      </c>
      <c r="B9" s="406"/>
      <c r="C9" s="406"/>
      <c r="D9" s="407"/>
      <c r="E9" s="445" t="s">
        <v>1000</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1153"/>
      <c r="AO9" s="1153"/>
      <c r="AP9" s="1153"/>
      <c r="AQ9" s="1153"/>
      <c r="AR9" s="1153"/>
      <c r="AS9" s="1153"/>
      <c r="AT9" s="1153"/>
      <c r="AU9" s="1153"/>
      <c r="AV9" s="1153"/>
      <c r="AW9" s="1153"/>
      <c r="AX9" s="1153"/>
      <c r="AY9" s="1153"/>
      <c r="AZ9" s="1153"/>
      <c r="BA9" s="1153"/>
      <c r="BB9" s="1153"/>
      <c r="BC9" s="1153"/>
      <c r="BD9" s="1153"/>
      <c r="BE9" s="1153"/>
      <c r="BF9" s="1153"/>
      <c r="BG9" s="1153"/>
      <c r="BH9" s="1153"/>
      <c r="BI9" s="1153"/>
      <c r="BJ9" s="1153"/>
      <c r="BK9" s="1153"/>
      <c r="BL9" s="1153"/>
      <c r="BM9" s="1153"/>
      <c r="BN9" s="1153"/>
      <c r="BO9" s="1153"/>
      <c r="BP9" s="1153"/>
      <c r="BQ9" s="1153"/>
      <c r="BR9" s="1153"/>
      <c r="BS9" s="1153"/>
      <c r="BT9" s="1153"/>
      <c r="BU9" s="1153"/>
      <c r="BV9" s="1153"/>
      <c r="BW9" s="1153"/>
      <c r="BX9" s="1153"/>
      <c r="BY9" s="1153"/>
      <c r="BZ9" s="1153"/>
      <c r="CA9" s="1153"/>
      <c r="CB9" s="1153"/>
      <c r="CC9" s="1153"/>
      <c r="CD9" s="1153"/>
      <c r="CE9" s="1153"/>
      <c r="CF9" s="1153"/>
      <c r="CG9" s="1153"/>
      <c r="CH9" s="1153"/>
      <c r="CI9" s="1153"/>
      <c r="CJ9" s="1153"/>
      <c r="CK9" s="1153"/>
      <c r="CL9" s="1153"/>
      <c r="CM9" s="1153"/>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1153"/>
      <c r="AO10" s="1153"/>
      <c r="AP10" s="1153"/>
      <c r="AQ10" s="1153"/>
      <c r="AR10" s="1153"/>
      <c r="AS10" s="1153"/>
      <c r="AT10" s="1153"/>
      <c r="AU10" s="1153"/>
      <c r="AV10" s="1153"/>
      <c r="AW10" s="1153"/>
      <c r="AX10" s="1153"/>
      <c r="AY10" s="1153"/>
      <c r="AZ10" s="1153"/>
      <c r="BA10" s="1153"/>
      <c r="BB10" s="1153"/>
      <c r="BC10" s="1153"/>
      <c r="BD10" s="1153"/>
      <c r="BE10" s="1153"/>
      <c r="BF10" s="1153"/>
      <c r="BG10" s="1153"/>
      <c r="BH10" s="1153"/>
      <c r="BI10" s="1153"/>
      <c r="BJ10" s="1153"/>
      <c r="BK10" s="1153"/>
      <c r="BL10" s="1153"/>
      <c r="BM10" s="1153"/>
      <c r="BN10" s="1153"/>
      <c r="BO10" s="1153"/>
      <c r="BP10" s="1153"/>
      <c r="BQ10" s="1153"/>
      <c r="BR10" s="1153"/>
      <c r="BS10" s="1153"/>
      <c r="BT10" s="1153"/>
      <c r="BU10" s="1153"/>
      <c r="BV10" s="1153"/>
      <c r="BW10" s="1153"/>
      <c r="BX10" s="1153"/>
      <c r="BY10" s="1153"/>
      <c r="BZ10" s="1153"/>
      <c r="CA10" s="1153"/>
      <c r="CB10" s="1153"/>
      <c r="CC10" s="1153"/>
      <c r="CD10" s="1153"/>
      <c r="CE10" s="1153"/>
      <c r="CF10" s="1153"/>
      <c r="CG10" s="1153"/>
      <c r="CH10" s="1153"/>
      <c r="CI10" s="1153"/>
      <c r="CJ10" s="1153"/>
      <c r="CK10" s="1153"/>
      <c r="CL10" s="1153"/>
      <c r="CM10" s="1153"/>
    </row>
    <row r="11" spans="1:100" ht="17.25" customHeight="1" x14ac:dyDescent="0.15">
      <c r="A11" s="405" t="s">
        <v>37</v>
      </c>
      <c r="B11" s="406"/>
      <c r="C11" s="406"/>
      <c r="D11" s="407"/>
      <c r="E11" s="615" t="s">
        <v>1001</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1153"/>
      <c r="AO11" s="1153"/>
      <c r="AP11" s="1153"/>
      <c r="AQ11" s="1153"/>
      <c r="AR11" s="1153"/>
      <c r="AS11" s="1153"/>
      <c r="AT11" s="1153"/>
      <c r="AU11" s="1153"/>
      <c r="AV11" s="1153"/>
      <c r="AW11" s="1153"/>
      <c r="AX11" s="1153"/>
      <c r="AY11" s="1153"/>
      <c r="AZ11" s="1153"/>
      <c r="BA11" s="1153"/>
      <c r="BB11" s="1153"/>
      <c r="BC11" s="1153"/>
      <c r="BD11" s="1153"/>
      <c r="BE11" s="1153"/>
      <c r="BF11" s="1153"/>
      <c r="BG11" s="1153"/>
      <c r="BH11" s="1153"/>
      <c r="BI11" s="1153"/>
      <c r="BJ11" s="1153"/>
      <c r="BK11" s="1153"/>
      <c r="BL11" s="1153"/>
      <c r="BM11" s="1153"/>
      <c r="BN11" s="1153"/>
      <c r="BO11" s="1153"/>
      <c r="BP11" s="1153"/>
      <c r="BQ11" s="1153"/>
      <c r="BR11" s="1153"/>
      <c r="BS11" s="1153"/>
      <c r="BT11" s="1153"/>
      <c r="BU11" s="1153"/>
      <c r="BV11" s="1153"/>
      <c r="BW11" s="1153"/>
      <c r="BX11" s="1153"/>
      <c r="BY11" s="1153"/>
      <c r="BZ11" s="1153"/>
      <c r="CA11" s="1153"/>
      <c r="CB11" s="1153"/>
      <c r="CC11" s="1153"/>
      <c r="CD11" s="1153"/>
      <c r="CE11" s="1153"/>
      <c r="CF11" s="1153"/>
      <c r="CG11" s="1153"/>
      <c r="CH11" s="1153"/>
      <c r="CI11" s="1153"/>
      <c r="CJ11" s="1153"/>
      <c r="CK11" s="1153"/>
      <c r="CL11" s="1153"/>
      <c r="CM11" s="1153"/>
    </row>
    <row r="12" spans="1:100" ht="17.25" customHeight="1" x14ac:dyDescent="0.15">
      <c r="A12" s="332" t="s">
        <v>373</v>
      </c>
      <c r="B12" s="332"/>
      <c r="C12" s="332"/>
      <c r="D12" s="332"/>
      <c r="E12" s="328"/>
      <c r="F12" s="844" t="s">
        <v>545</v>
      </c>
      <c r="G12" s="845"/>
      <c r="H12" s="845"/>
      <c r="I12" s="845"/>
      <c r="J12" s="845"/>
      <c r="K12" s="845"/>
      <c r="L12" s="845"/>
      <c r="M12" s="845"/>
      <c r="N12" s="522"/>
      <c r="O12" s="416" t="s">
        <v>242</v>
      </c>
      <c r="P12" s="417"/>
      <c r="Q12" s="377">
        <v>20546</v>
      </c>
      <c r="R12" s="220"/>
      <c r="S12" s="220"/>
      <c r="T12" s="220"/>
      <c r="U12" s="399" t="s">
        <v>546</v>
      </c>
      <c r="V12" s="985"/>
      <c r="W12" s="985"/>
      <c r="X12" s="985"/>
      <c r="Y12" s="985"/>
      <c r="Z12" s="985"/>
      <c r="AA12" s="985"/>
      <c r="AB12" s="985"/>
      <c r="AC12" s="985"/>
      <c r="AD12" s="985"/>
      <c r="AE12" s="985"/>
      <c r="AF12" s="985"/>
      <c r="AG12" s="985"/>
      <c r="AH12" s="985"/>
      <c r="AI12" s="985"/>
      <c r="AJ12" s="985"/>
      <c r="AK12" s="985"/>
      <c r="AL12" s="986"/>
      <c r="AM12" s="5"/>
      <c r="AN12" s="518" t="s">
        <v>245</v>
      </c>
      <c r="AO12" s="518"/>
      <c r="AP12" s="518"/>
      <c r="AQ12" s="518"/>
      <c r="AR12" s="518"/>
      <c r="AS12" s="518"/>
      <c r="AT12" s="518"/>
      <c r="AU12" s="518"/>
      <c r="AV12" s="518"/>
      <c r="AW12" s="518"/>
      <c r="AX12" s="518"/>
      <c r="AY12" s="518"/>
      <c r="AZ12" s="518"/>
      <c r="BA12" s="518"/>
      <c r="BB12" s="518"/>
      <c r="BC12" s="518"/>
      <c r="BD12" s="518"/>
      <c r="BE12" s="518"/>
      <c r="BF12" s="518"/>
      <c r="BG12" s="518"/>
      <c r="BH12" s="518"/>
      <c r="BI12" s="518"/>
      <c r="BJ12" s="518"/>
      <c r="BK12" s="518"/>
      <c r="BL12" s="518"/>
      <c r="BM12" s="518"/>
      <c r="BN12" s="518"/>
      <c r="BO12" s="518"/>
      <c r="BP12" s="518"/>
      <c r="BQ12" s="518"/>
      <c r="BR12" s="518"/>
      <c r="BS12" s="518"/>
      <c r="BT12" s="518"/>
      <c r="BU12" s="518"/>
      <c r="BV12" s="518"/>
      <c r="BW12" s="518"/>
      <c r="BX12" s="518"/>
      <c r="BY12" s="518"/>
      <c r="BZ12" s="518"/>
      <c r="CA12" s="518"/>
      <c r="CB12" s="518"/>
      <c r="CC12" s="518"/>
      <c r="CD12" s="518"/>
      <c r="CE12" s="518"/>
      <c r="CF12" s="518"/>
      <c r="CG12" s="518"/>
      <c r="CH12" s="518"/>
      <c r="CI12" s="518"/>
      <c r="CJ12" s="518"/>
      <c r="CK12" s="518"/>
      <c r="CL12" s="518"/>
      <c r="CM12" s="518"/>
      <c r="CQ12" s="3" ph="1"/>
      <c r="CR12" s="3" ph="1"/>
      <c r="CS12" s="3" ph="1"/>
      <c r="CT12" s="3" ph="1"/>
      <c r="CU12" s="3" ph="1"/>
      <c r="CV12" s="3" ph="1"/>
    </row>
    <row r="13" spans="1:100" ht="17.25" customHeight="1" x14ac:dyDescent="0.15">
      <c r="A13" s="328"/>
      <c r="B13" s="328"/>
      <c r="C13" s="328"/>
      <c r="D13" s="328"/>
      <c r="E13" s="328"/>
      <c r="F13" s="398" t="s">
        <v>547</v>
      </c>
      <c r="G13" s="369"/>
      <c r="H13" s="369"/>
      <c r="I13" s="369"/>
      <c r="J13" s="369"/>
      <c r="K13" s="369"/>
      <c r="L13" s="369"/>
      <c r="M13" s="369"/>
      <c r="N13" s="523"/>
      <c r="O13" s="418"/>
      <c r="P13" s="419"/>
      <c r="Q13" s="377"/>
      <c r="R13" s="220"/>
      <c r="S13" s="220"/>
      <c r="T13" s="220"/>
      <c r="U13" s="985"/>
      <c r="V13" s="985"/>
      <c r="W13" s="985"/>
      <c r="X13" s="985"/>
      <c r="Y13" s="985"/>
      <c r="Z13" s="985"/>
      <c r="AA13" s="985"/>
      <c r="AB13" s="985"/>
      <c r="AC13" s="985"/>
      <c r="AD13" s="985"/>
      <c r="AE13" s="985"/>
      <c r="AF13" s="985"/>
      <c r="AG13" s="985"/>
      <c r="AH13" s="985"/>
      <c r="AI13" s="985"/>
      <c r="AJ13" s="985"/>
      <c r="AK13" s="985"/>
      <c r="AL13" s="986"/>
      <c r="AM13" s="5"/>
      <c r="AN13" s="436" t="s">
        <v>219</v>
      </c>
      <c r="AO13" s="437"/>
      <c r="AP13" s="437"/>
      <c r="AQ13" s="437"/>
      <c r="AR13" s="437"/>
      <c r="AS13" s="438"/>
      <c r="AT13" s="1101" t="s">
        <v>1579</v>
      </c>
      <c r="AU13" s="351"/>
      <c r="AV13" s="351"/>
      <c r="AW13" s="351"/>
      <c r="AX13" s="351"/>
      <c r="AY13" s="351"/>
      <c r="AZ13" s="351"/>
      <c r="BA13" s="351"/>
      <c r="BB13" s="351"/>
      <c r="BC13" s="351"/>
      <c r="BD13" s="351"/>
      <c r="BE13" s="351"/>
      <c r="BF13" s="351"/>
      <c r="BG13" s="351"/>
      <c r="BH13" s="351"/>
      <c r="BI13" s="351"/>
      <c r="BJ13" s="351"/>
      <c r="BK13" s="351"/>
      <c r="BL13" s="351"/>
      <c r="BM13" s="351"/>
      <c r="BN13" s="351"/>
      <c r="BO13" s="351"/>
      <c r="BP13" s="351"/>
      <c r="BQ13" s="351"/>
      <c r="BR13" s="351"/>
      <c r="BS13" s="351"/>
      <c r="BT13" s="351"/>
      <c r="BU13" s="351"/>
      <c r="BV13" s="351"/>
      <c r="BW13" s="351"/>
      <c r="BX13" s="351"/>
      <c r="BY13" s="351"/>
      <c r="BZ13" s="351"/>
      <c r="CA13" s="351"/>
      <c r="CB13" s="351"/>
      <c r="CC13" s="351"/>
      <c r="CD13" s="351"/>
      <c r="CE13" s="351"/>
      <c r="CF13" s="351"/>
      <c r="CG13" s="351"/>
      <c r="CH13" s="351"/>
      <c r="CI13" s="351"/>
      <c r="CJ13" s="351"/>
      <c r="CK13" s="351"/>
      <c r="CL13" s="351"/>
      <c r="CM13" s="352"/>
      <c r="CQ13" s="3" ph="1"/>
      <c r="CR13" s="3" ph="1"/>
      <c r="CS13" s="3" ph="1"/>
      <c r="CT13" s="3" ph="1"/>
      <c r="CU13" s="3" ph="1"/>
      <c r="CV13" s="3" ph="1"/>
    </row>
    <row r="14" spans="1:100" ht="17.25" customHeight="1" x14ac:dyDescent="0.15">
      <c r="A14" s="426">
        <v>2</v>
      </c>
      <c r="B14" s="651"/>
      <c r="C14" s="651"/>
      <c r="D14" s="651"/>
      <c r="E14" s="651"/>
      <c r="F14" s="370"/>
      <c r="G14" s="370"/>
      <c r="H14" s="370"/>
      <c r="I14" s="370"/>
      <c r="J14" s="370"/>
      <c r="K14" s="370"/>
      <c r="L14" s="370"/>
      <c r="M14" s="370"/>
      <c r="N14" s="523"/>
      <c r="O14" s="418"/>
      <c r="P14" s="419"/>
      <c r="Q14" s="377"/>
      <c r="R14" s="220"/>
      <c r="S14" s="220"/>
      <c r="T14" s="220"/>
      <c r="U14" s="371"/>
      <c r="V14" s="220"/>
      <c r="W14" s="220"/>
      <c r="X14" s="220"/>
      <c r="Y14" s="371"/>
      <c r="Z14" s="220"/>
      <c r="AA14" s="220"/>
      <c r="AB14" s="220"/>
      <c r="AC14" s="220"/>
      <c r="AD14" s="220"/>
      <c r="AE14" s="220"/>
      <c r="AF14" s="220"/>
      <c r="AG14" s="220"/>
      <c r="AH14" s="220"/>
      <c r="AI14" s="220"/>
      <c r="AJ14" s="220"/>
      <c r="AK14" s="220"/>
      <c r="AL14" s="372"/>
      <c r="AM14" s="5"/>
      <c r="AN14" s="295"/>
      <c r="AO14" s="296"/>
      <c r="AP14" s="296"/>
      <c r="AQ14" s="296"/>
      <c r="AR14" s="296"/>
      <c r="AS14" s="297"/>
      <c r="AT14" s="901"/>
      <c r="AU14" s="353"/>
      <c r="AV14" s="353"/>
      <c r="AW14" s="353"/>
      <c r="AX14" s="353"/>
      <c r="AY14" s="353"/>
      <c r="AZ14" s="353"/>
      <c r="BA14" s="353"/>
      <c r="BB14" s="353"/>
      <c r="BC14" s="353"/>
      <c r="BD14" s="353"/>
      <c r="BE14" s="353"/>
      <c r="BF14" s="353"/>
      <c r="BG14" s="353"/>
      <c r="BH14" s="353"/>
      <c r="BI14" s="353"/>
      <c r="BJ14" s="353"/>
      <c r="BK14" s="353"/>
      <c r="BL14" s="353"/>
      <c r="BM14" s="353"/>
      <c r="BN14" s="353"/>
      <c r="BO14" s="353"/>
      <c r="BP14" s="353"/>
      <c r="BQ14" s="353"/>
      <c r="BR14" s="353"/>
      <c r="BS14" s="353"/>
      <c r="BT14" s="353"/>
      <c r="BU14" s="353"/>
      <c r="BV14" s="353"/>
      <c r="BW14" s="353"/>
      <c r="BX14" s="353"/>
      <c r="BY14" s="353"/>
      <c r="BZ14" s="353"/>
      <c r="CA14" s="353"/>
      <c r="CB14" s="353"/>
      <c r="CC14" s="353"/>
      <c r="CD14" s="353"/>
      <c r="CE14" s="353"/>
      <c r="CF14" s="353"/>
      <c r="CG14" s="353"/>
      <c r="CH14" s="353"/>
      <c r="CI14" s="353"/>
      <c r="CJ14" s="353"/>
      <c r="CK14" s="353"/>
      <c r="CL14" s="353"/>
      <c r="CM14" s="354"/>
      <c r="CQ14" s="3" ph="1"/>
      <c r="CR14" s="3" ph="1"/>
      <c r="CS14" s="3" ph="1"/>
      <c r="CT14" s="3" ph="1"/>
      <c r="CU14" s="3" ph="1"/>
      <c r="CV14" s="3" ph="1"/>
    </row>
    <row r="15" spans="1:100" ht="17.25" customHeight="1" x14ac:dyDescent="0.15">
      <c r="A15" s="428" t="s">
        <v>246</v>
      </c>
      <c r="B15" s="428"/>
      <c r="C15" s="428"/>
      <c r="D15" s="428"/>
      <c r="E15" s="428"/>
      <c r="F15" s="429">
        <v>46377</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92" t="s">
        <v>220</v>
      </c>
      <c r="AO15" s="293"/>
      <c r="AP15" s="293"/>
      <c r="AQ15" s="293"/>
      <c r="AR15" s="293"/>
      <c r="AS15" s="294"/>
      <c r="AT15" s="460" t="s">
        <v>548</v>
      </c>
      <c r="AU15" s="349"/>
      <c r="AV15" s="349"/>
      <c r="AW15" s="349"/>
      <c r="AX15" s="349"/>
      <c r="AY15" s="349"/>
      <c r="AZ15" s="349"/>
      <c r="BA15" s="349"/>
      <c r="BB15" s="349"/>
      <c r="BC15" s="349"/>
      <c r="BD15" s="349"/>
      <c r="BE15" s="349"/>
      <c r="BF15" s="349"/>
      <c r="BG15" s="349"/>
      <c r="BH15" s="349"/>
      <c r="BI15" s="349"/>
      <c r="BJ15" s="349"/>
      <c r="BK15" s="349"/>
      <c r="BL15" s="349"/>
      <c r="BM15" s="349"/>
      <c r="BN15" s="349"/>
      <c r="BO15" s="349"/>
      <c r="BP15" s="349"/>
      <c r="BQ15" s="349"/>
      <c r="BR15" s="349"/>
      <c r="BS15" s="349"/>
      <c r="BT15" s="349"/>
      <c r="BU15" s="349"/>
      <c r="BV15" s="349"/>
      <c r="BW15" s="349"/>
      <c r="BX15" s="349"/>
      <c r="BY15" s="349"/>
      <c r="BZ15" s="349"/>
      <c r="CA15" s="349"/>
      <c r="CB15" s="349"/>
      <c r="CC15" s="349"/>
      <c r="CD15" s="349"/>
      <c r="CE15" s="349"/>
      <c r="CF15" s="349"/>
      <c r="CG15" s="349"/>
      <c r="CH15" s="349"/>
      <c r="CI15" s="349"/>
      <c r="CJ15" s="349"/>
      <c r="CK15" s="349"/>
      <c r="CL15" s="349"/>
      <c r="CM15" s="350"/>
    </row>
    <row r="16" spans="1:100" ht="17.25" customHeight="1" x14ac:dyDescent="0.15">
      <c r="A16" s="382" t="s">
        <v>213</v>
      </c>
      <c r="B16" s="484"/>
      <c r="C16" s="484"/>
      <c r="D16" s="484"/>
      <c r="E16" s="485"/>
      <c r="F16" s="380" t="s">
        <v>1405</v>
      </c>
      <c r="G16" s="381"/>
      <c r="H16" s="381"/>
      <c r="I16" s="381"/>
      <c r="J16" s="381"/>
      <c r="K16" s="381"/>
      <c r="L16" s="381"/>
      <c r="M16" s="381"/>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95"/>
      <c r="AO16" s="296"/>
      <c r="AP16" s="296"/>
      <c r="AQ16" s="296"/>
      <c r="AR16" s="296"/>
      <c r="AS16" s="297"/>
      <c r="AT16" s="901"/>
      <c r="AU16" s="353"/>
      <c r="AV16" s="353"/>
      <c r="AW16" s="353"/>
      <c r="AX16" s="353"/>
      <c r="AY16" s="353"/>
      <c r="AZ16" s="353"/>
      <c r="BA16" s="353"/>
      <c r="BB16" s="353"/>
      <c r="BC16" s="353"/>
      <c r="BD16" s="353"/>
      <c r="BE16" s="353"/>
      <c r="BF16" s="353"/>
      <c r="BG16" s="353"/>
      <c r="BH16" s="353"/>
      <c r="BI16" s="353"/>
      <c r="BJ16" s="353"/>
      <c r="BK16" s="353"/>
      <c r="BL16" s="353"/>
      <c r="BM16" s="353"/>
      <c r="BN16" s="353"/>
      <c r="BO16" s="353"/>
      <c r="BP16" s="353"/>
      <c r="BQ16" s="353"/>
      <c r="BR16" s="353"/>
      <c r="BS16" s="353"/>
      <c r="BT16" s="353"/>
      <c r="BU16" s="353"/>
      <c r="BV16" s="353"/>
      <c r="BW16" s="353"/>
      <c r="BX16" s="353"/>
      <c r="BY16" s="353"/>
      <c r="BZ16" s="353"/>
      <c r="CA16" s="353"/>
      <c r="CB16" s="353"/>
      <c r="CC16" s="353"/>
      <c r="CD16" s="353"/>
      <c r="CE16" s="353"/>
      <c r="CF16" s="353"/>
      <c r="CG16" s="353"/>
      <c r="CH16" s="353"/>
      <c r="CI16" s="353"/>
      <c r="CJ16" s="353"/>
      <c r="CK16" s="353"/>
      <c r="CL16" s="353"/>
      <c r="CM16" s="354"/>
      <c r="CQ16" s="3" ph="1"/>
      <c r="CR16" s="3" ph="1"/>
      <c r="CS16" s="3" ph="1"/>
      <c r="CT16" s="3" ph="1"/>
      <c r="CU16" s="3" ph="1"/>
      <c r="CV16" s="3" ph="1"/>
    </row>
    <row r="17" spans="1:100" ht="17.25" customHeight="1" x14ac:dyDescent="0.15">
      <c r="A17" s="361"/>
      <c r="B17" s="362"/>
      <c r="C17" s="362"/>
      <c r="D17" s="362"/>
      <c r="E17" s="363"/>
      <c r="F17" s="398" t="s">
        <v>1142</v>
      </c>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92" t="s">
        <v>221</v>
      </c>
      <c r="AO17" s="293"/>
      <c r="AP17" s="293"/>
      <c r="AQ17" s="293"/>
      <c r="AR17" s="293"/>
      <c r="AS17" s="294"/>
      <c r="AT17" s="460" t="s">
        <v>1194</v>
      </c>
      <c r="AU17" s="349"/>
      <c r="AV17" s="349"/>
      <c r="AW17" s="349"/>
      <c r="AX17" s="349"/>
      <c r="AY17" s="349"/>
      <c r="AZ17" s="349"/>
      <c r="BA17" s="349"/>
      <c r="BB17" s="349"/>
      <c r="BC17" s="349"/>
      <c r="BD17" s="349"/>
      <c r="BE17" s="349"/>
      <c r="BF17" s="349"/>
      <c r="BG17" s="349"/>
      <c r="BH17" s="349"/>
      <c r="BI17" s="349"/>
      <c r="BJ17" s="349"/>
      <c r="BK17" s="349"/>
      <c r="BL17" s="349"/>
      <c r="BM17" s="349"/>
      <c r="BN17" s="349"/>
      <c r="BO17" s="349"/>
      <c r="BP17" s="349"/>
      <c r="BQ17" s="349"/>
      <c r="BR17" s="349"/>
      <c r="BS17" s="349"/>
      <c r="BT17" s="349"/>
      <c r="BU17" s="349"/>
      <c r="BV17" s="349"/>
      <c r="BW17" s="349"/>
      <c r="BX17" s="349"/>
      <c r="BY17" s="349"/>
      <c r="BZ17" s="349"/>
      <c r="CA17" s="349"/>
      <c r="CB17" s="349"/>
      <c r="CC17" s="349"/>
      <c r="CD17" s="349"/>
      <c r="CE17" s="349"/>
      <c r="CF17" s="349"/>
      <c r="CG17" s="349"/>
      <c r="CH17" s="349"/>
      <c r="CI17" s="349"/>
      <c r="CJ17" s="349"/>
      <c r="CK17" s="349"/>
      <c r="CL17" s="349"/>
      <c r="CM17" s="350"/>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95"/>
      <c r="AO18" s="296"/>
      <c r="AP18" s="296"/>
      <c r="AQ18" s="296"/>
      <c r="AR18" s="296"/>
      <c r="AS18" s="297"/>
      <c r="AT18" s="901"/>
      <c r="AU18" s="353"/>
      <c r="AV18" s="353"/>
      <c r="AW18" s="353"/>
      <c r="AX18" s="353"/>
      <c r="AY18" s="353"/>
      <c r="AZ18" s="353"/>
      <c r="BA18" s="353"/>
      <c r="BB18" s="353"/>
      <c r="BC18" s="353"/>
      <c r="BD18" s="353"/>
      <c r="BE18" s="353"/>
      <c r="BF18" s="353"/>
      <c r="BG18" s="353"/>
      <c r="BH18" s="353"/>
      <c r="BI18" s="353"/>
      <c r="BJ18" s="353"/>
      <c r="BK18" s="353"/>
      <c r="BL18" s="353"/>
      <c r="BM18" s="353"/>
      <c r="BN18" s="353"/>
      <c r="BO18" s="353"/>
      <c r="BP18" s="353"/>
      <c r="BQ18" s="353"/>
      <c r="BR18" s="353"/>
      <c r="BS18" s="353"/>
      <c r="BT18" s="353"/>
      <c r="BU18" s="353"/>
      <c r="BV18" s="353"/>
      <c r="BW18" s="353"/>
      <c r="BX18" s="353"/>
      <c r="BY18" s="353"/>
      <c r="BZ18" s="353"/>
      <c r="CA18" s="353"/>
      <c r="CB18" s="353"/>
      <c r="CC18" s="353"/>
      <c r="CD18" s="353"/>
      <c r="CE18" s="353"/>
      <c r="CF18" s="353"/>
      <c r="CG18" s="353"/>
      <c r="CH18" s="353"/>
      <c r="CI18" s="353"/>
      <c r="CJ18" s="353"/>
      <c r="CK18" s="353"/>
      <c r="CL18" s="353"/>
      <c r="CM18" s="354"/>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92" t="s">
        <v>222</v>
      </c>
      <c r="AO19" s="293"/>
      <c r="AP19" s="293"/>
      <c r="AQ19" s="293"/>
      <c r="AR19" s="293"/>
      <c r="AS19" s="294"/>
      <c r="AT19" s="460" t="s">
        <v>1580</v>
      </c>
      <c r="AU19" s="349"/>
      <c r="AV19" s="349"/>
      <c r="AW19" s="349"/>
      <c r="AX19" s="349"/>
      <c r="AY19" s="349"/>
      <c r="AZ19" s="349"/>
      <c r="BA19" s="349"/>
      <c r="BB19" s="349"/>
      <c r="BC19" s="349"/>
      <c r="BD19" s="349"/>
      <c r="BE19" s="349"/>
      <c r="BF19" s="349"/>
      <c r="BG19" s="349"/>
      <c r="BH19" s="349"/>
      <c r="BI19" s="349"/>
      <c r="BJ19" s="349"/>
      <c r="BK19" s="349"/>
      <c r="BL19" s="349"/>
      <c r="BM19" s="349"/>
      <c r="BN19" s="349"/>
      <c r="BO19" s="349"/>
      <c r="BP19" s="349"/>
      <c r="BQ19" s="349"/>
      <c r="BR19" s="349"/>
      <c r="BS19" s="349"/>
      <c r="BT19" s="349"/>
      <c r="BU19" s="349"/>
      <c r="BV19" s="349"/>
      <c r="BW19" s="349"/>
      <c r="BX19" s="349"/>
      <c r="BY19" s="349"/>
      <c r="BZ19" s="349"/>
      <c r="CA19" s="349"/>
      <c r="CB19" s="349"/>
      <c r="CC19" s="349"/>
      <c r="CD19" s="349"/>
      <c r="CE19" s="349"/>
      <c r="CF19" s="349"/>
      <c r="CG19" s="349"/>
      <c r="CH19" s="349"/>
      <c r="CI19" s="349"/>
      <c r="CJ19" s="349"/>
      <c r="CK19" s="349"/>
      <c r="CL19" s="349"/>
      <c r="CM19" s="350"/>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436"/>
      <c r="AO20" s="437"/>
      <c r="AP20" s="437"/>
      <c r="AQ20" s="437"/>
      <c r="AR20" s="437"/>
      <c r="AS20" s="438"/>
      <c r="AT20" s="1101"/>
      <c r="AU20" s="351"/>
      <c r="AV20" s="351"/>
      <c r="AW20" s="351"/>
      <c r="AX20" s="351"/>
      <c r="AY20" s="351"/>
      <c r="AZ20" s="351"/>
      <c r="BA20" s="351"/>
      <c r="BB20" s="351"/>
      <c r="BC20" s="351"/>
      <c r="BD20" s="351"/>
      <c r="BE20" s="351"/>
      <c r="BF20" s="351"/>
      <c r="BG20" s="351"/>
      <c r="BH20" s="351"/>
      <c r="BI20" s="351"/>
      <c r="BJ20" s="351"/>
      <c r="BK20" s="351"/>
      <c r="BL20" s="351"/>
      <c r="BM20" s="351"/>
      <c r="BN20" s="351"/>
      <c r="BO20" s="351"/>
      <c r="BP20" s="351"/>
      <c r="BQ20" s="351"/>
      <c r="BR20" s="351"/>
      <c r="BS20" s="351"/>
      <c r="BT20" s="351"/>
      <c r="BU20" s="351"/>
      <c r="BV20" s="351"/>
      <c r="BW20" s="351"/>
      <c r="BX20" s="351"/>
      <c r="BY20" s="351"/>
      <c r="BZ20" s="351"/>
      <c r="CA20" s="351"/>
      <c r="CB20" s="351"/>
      <c r="CC20" s="351"/>
      <c r="CD20" s="351"/>
      <c r="CE20" s="351"/>
      <c r="CF20" s="351"/>
      <c r="CG20" s="351"/>
      <c r="CH20" s="351"/>
      <c r="CI20" s="351"/>
      <c r="CJ20" s="351"/>
      <c r="CK20" s="351"/>
      <c r="CL20" s="351"/>
      <c r="CM20" s="352"/>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7"/>
      <c r="R21" s="220"/>
      <c r="S21" s="220"/>
      <c r="T21" s="220"/>
      <c r="U21" s="371"/>
      <c r="V21" s="220"/>
      <c r="W21" s="220"/>
      <c r="X21" s="220"/>
      <c r="Y21" s="371"/>
      <c r="Z21" s="220"/>
      <c r="AA21" s="220"/>
      <c r="AB21" s="220"/>
      <c r="AC21" s="220"/>
      <c r="AD21" s="220"/>
      <c r="AE21" s="220"/>
      <c r="AF21" s="220"/>
      <c r="AG21" s="220"/>
      <c r="AH21" s="220"/>
      <c r="AI21" s="220"/>
      <c r="AJ21" s="220"/>
      <c r="AK21" s="220"/>
      <c r="AL21" s="372"/>
      <c r="AM21" s="5"/>
      <c r="AN21" s="295"/>
      <c r="AO21" s="296"/>
      <c r="AP21" s="296"/>
      <c r="AQ21" s="296"/>
      <c r="AR21" s="296"/>
      <c r="AS21" s="297"/>
      <c r="AT21" s="901"/>
      <c r="AU21" s="353"/>
      <c r="AV21" s="353"/>
      <c r="AW21" s="353"/>
      <c r="AX21" s="353"/>
      <c r="AY21" s="353"/>
      <c r="AZ21" s="353"/>
      <c r="BA21" s="353"/>
      <c r="BB21" s="353"/>
      <c r="BC21" s="353"/>
      <c r="BD21" s="353"/>
      <c r="BE21" s="353"/>
      <c r="BF21" s="353"/>
      <c r="BG21" s="353"/>
      <c r="BH21" s="353"/>
      <c r="BI21" s="353"/>
      <c r="BJ21" s="353"/>
      <c r="BK21" s="353"/>
      <c r="BL21" s="353"/>
      <c r="BM21" s="353"/>
      <c r="BN21" s="353"/>
      <c r="BO21" s="353"/>
      <c r="BP21" s="353"/>
      <c r="BQ21" s="353"/>
      <c r="BR21" s="353"/>
      <c r="BS21" s="353"/>
      <c r="BT21" s="353"/>
      <c r="BU21" s="353"/>
      <c r="BV21" s="353"/>
      <c r="BW21" s="353"/>
      <c r="BX21" s="353"/>
      <c r="BY21" s="353"/>
      <c r="BZ21" s="353"/>
      <c r="CA21" s="353"/>
      <c r="CB21" s="353"/>
      <c r="CC21" s="353"/>
      <c r="CD21" s="353"/>
      <c r="CE21" s="353"/>
      <c r="CF21" s="353"/>
      <c r="CG21" s="353"/>
      <c r="CH21" s="353"/>
      <c r="CI21" s="353"/>
      <c r="CJ21" s="353"/>
      <c r="CK21" s="353"/>
      <c r="CL21" s="353"/>
      <c r="CM21" s="354"/>
      <c r="CQ21" s="3" ph="1"/>
      <c r="CR21" s="3" ph="1"/>
      <c r="CS21" s="3" ph="1"/>
      <c r="CT21" s="3" ph="1"/>
      <c r="CU21" s="3" ph="1"/>
      <c r="CV21" s="3" ph="1"/>
    </row>
    <row r="22" spans="1:100" ht="17.25" customHeight="1" x14ac:dyDescent="0.15">
      <c r="A22" s="332" t="s">
        <v>259</v>
      </c>
      <c r="B22" s="332"/>
      <c r="C22" s="332"/>
      <c r="D22" s="332"/>
      <c r="E22" s="332"/>
      <c r="F22" s="345" t="s">
        <v>1423</v>
      </c>
      <c r="G22" s="346"/>
      <c r="H22" s="346"/>
      <c r="I22" s="346"/>
      <c r="J22" s="346"/>
      <c r="K22" s="346"/>
      <c r="L22" s="346"/>
      <c r="M22" s="346"/>
      <c r="N22" s="523"/>
      <c r="O22" s="1031" t="s">
        <v>258</v>
      </c>
      <c r="P22" s="1031"/>
      <c r="Q22" s="1230" t="s">
        <v>1002</v>
      </c>
      <c r="R22" s="1230"/>
      <c r="S22" s="1230"/>
      <c r="T22" s="1230"/>
      <c r="U22" s="1230"/>
      <c r="V22" s="1230"/>
      <c r="W22" s="1230"/>
      <c r="X22" s="1230"/>
      <c r="Y22" s="1230"/>
      <c r="Z22" s="1230"/>
      <c r="AA22" s="1230"/>
      <c r="AB22" s="1230"/>
      <c r="AC22" s="1230"/>
      <c r="AD22" s="1230"/>
      <c r="AE22" s="1230"/>
      <c r="AF22" s="1230"/>
      <c r="AG22" s="1230"/>
      <c r="AH22" s="1230"/>
      <c r="AI22" s="1230"/>
      <c r="AJ22" s="1230"/>
      <c r="AK22" s="1230"/>
      <c r="AL22" s="1230"/>
      <c r="AM22" s="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3" ph="1"/>
      <c r="CR22" s="3" ph="1"/>
      <c r="CS22" s="3" ph="1"/>
      <c r="CT22" s="3" ph="1"/>
      <c r="CU22" s="3" ph="1"/>
      <c r="CV22" s="3" ph="1"/>
    </row>
    <row r="23" spans="1:100" ht="17.25" customHeight="1" x14ac:dyDescent="0.15">
      <c r="A23" s="328"/>
      <c r="B23" s="328"/>
      <c r="C23" s="328"/>
      <c r="D23" s="328"/>
      <c r="E23" s="328"/>
      <c r="F23" s="564" t="s">
        <v>1422</v>
      </c>
      <c r="G23" s="565"/>
      <c r="H23" s="565"/>
      <c r="I23" s="565"/>
      <c r="J23" s="565"/>
      <c r="K23" s="565"/>
      <c r="L23" s="565"/>
      <c r="M23" s="566"/>
      <c r="N23" s="523"/>
      <c r="O23" s="1031"/>
      <c r="P23" s="1031"/>
      <c r="Q23" s="355">
        <v>31664</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 t="s">
        <v>16</v>
      </c>
      <c r="AO23" s="487" t="s">
        <v>1581</v>
      </c>
      <c r="AP23" s="487"/>
      <c r="AQ23" s="487"/>
      <c r="AR23" s="487"/>
      <c r="AS23" s="487"/>
      <c r="AT23" s="487"/>
      <c r="AU23" s="487"/>
      <c r="AV23" s="487"/>
      <c r="AW23" s="487"/>
      <c r="AX23" s="487"/>
      <c r="AY23" s="487"/>
      <c r="AZ23" s="487"/>
      <c r="BA23" s="487"/>
      <c r="BB23" s="487"/>
      <c r="BC23" s="487"/>
      <c r="BD23" s="487"/>
      <c r="BE23" s="487"/>
      <c r="BF23" s="487"/>
      <c r="BG23" s="487"/>
      <c r="BH23" s="487"/>
      <c r="BI23" s="487"/>
      <c r="BJ23" s="487"/>
      <c r="BK23" s="487"/>
      <c r="BL23" s="487"/>
      <c r="BM23" s="487"/>
      <c r="BN23" s="487"/>
      <c r="BO23" s="487"/>
      <c r="BP23" s="487"/>
      <c r="BQ23" s="487"/>
      <c r="BR23" s="487"/>
      <c r="BS23" s="487"/>
      <c r="BT23" s="487"/>
      <c r="BU23" s="487"/>
      <c r="BV23" s="487"/>
      <c r="BW23" s="487"/>
      <c r="BX23" s="487"/>
      <c r="BY23" s="487"/>
      <c r="BZ23" s="487"/>
      <c r="CA23" s="487"/>
      <c r="CB23" s="487"/>
      <c r="CC23" s="487"/>
      <c r="CD23" s="487"/>
      <c r="CE23" s="487"/>
      <c r="CF23" s="487"/>
      <c r="CG23" s="487"/>
      <c r="CH23" s="487"/>
      <c r="CI23" s="487"/>
      <c r="CJ23" s="487"/>
      <c r="CK23" s="487"/>
      <c r="CL23" s="487"/>
      <c r="CM23" s="488"/>
      <c r="CQ23" s="3" ph="1"/>
      <c r="CR23" s="3" ph="1"/>
      <c r="CS23" s="3" ph="1"/>
      <c r="CT23" s="3" ph="1"/>
      <c r="CU23" s="3" ph="1"/>
      <c r="CV23" s="3" ph="1"/>
    </row>
    <row r="24" spans="1:100" ht="17.25" customHeight="1" x14ac:dyDescent="0.15">
      <c r="A24" s="329"/>
      <c r="B24" s="329"/>
      <c r="C24" s="329"/>
      <c r="D24" s="329"/>
      <c r="E24" s="329"/>
      <c r="F24" s="567"/>
      <c r="G24" s="568"/>
      <c r="H24" s="568"/>
      <c r="I24" s="568"/>
      <c r="J24" s="568"/>
      <c r="K24" s="568"/>
      <c r="L24" s="568"/>
      <c r="M24" s="569"/>
      <c r="N24" s="523"/>
      <c r="O24" s="428" t="s">
        <v>260</v>
      </c>
      <c r="P24" s="428"/>
      <c r="Q24" s="1091" t="s">
        <v>997</v>
      </c>
      <c r="R24" s="1198"/>
      <c r="S24" s="1198"/>
      <c r="T24" s="1198"/>
      <c r="U24" s="1198"/>
      <c r="V24" s="1198"/>
      <c r="W24" s="1198"/>
      <c r="X24" s="1198"/>
      <c r="Y24" s="1198"/>
      <c r="Z24" s="1198"/>
      <c r="AA24" s="1198"/>
      <c r="AB24" s="1198"/>
      <c r="AC24" s="1198"/>
      <c r="AD24" s="1198"/>
      <c r="AE24" s="1198"/>
      <c r="AF24" s="1198"/>
      <c r="AG24" s="1198"/>
      <c r="AH24" s="1198"/>
      <c r="AI24" s="1198"/>
      <c r="AJ24" s="1198"/>
      <c r="AK24" s="1198"/>
      <c r="AL24" s="1199"/>
      <c r="AM24" s="5"/>
      <c r="AN24" s="37" t="s">
        <v>16</v>
      </c>
      <c r="AO24" s="655" t="s">
        <v>1582</v>
      </c>
      <c r="AP24" s="655"/>
      <c r="AQ24" s="655"/>
      <c r="AR24" s="655"/>
      <c r="AS24" s="655"/>
      <c r="AT24" s="655"/>
      <c r="AU24" s="655"/>
      <c r="AV24" s="655"/>
      <c r="AW24" s="655"/>
      <c r="AX24" s="655"/>
      <c r="AY24" s="655"/>
      <c r="AZ24" s="655"/>
      <c r="BA24" s="655"/>
      <c r="BB24" s="655"/>
      <c r="BC24" s="655"/>
      <c r="BD24" s="655"/>
      <c r="BE24" s="655"/>
      <c r="BF24" s="655"/>
      <c r="BG24" s="655"/>
      <c r="BH24" s="655"/>
      <c r="BI24" s="655"/>
      <c r="BJ24" s="655"/>
      <c r="BK24" s="655"/>
      <c r="BL24" s="655"/>
      <c r="BM24" s="655"/>
      <c r="BN24" s="655"/>
      <c r="BO24" s="655"/>
      <c r="BP24" s="655"/>
      <c r="BQ24" s="655"/>
      <c r="BR24" s="655"/>
      <c r="BS24" s="655"/>
      <c r="BT24" s="655"/>
      <c r="BU24" s="655"/>
      <c r="BV24" s="655"/>
      <c r="BW24" s="655"/>
      <c r="BX24" s="655"/>
      <c r="BY24" s="655"/>
      <c r="BZ24" s="655"/>
      <c r="CA24" s="655"/>
      <c r="CB24" s="655"/>
      <c r="CC24" s="655"/>
      <c r="CD24" s="655"/>
      <c r="CE24" s="655"/>
      <c r="CF24" s="655"/>
      <c r="CG24" s="655"/>
      <c r="CH24" s="655"/>
      <c r="CI24" s="655"/>
      <c r="CJ24" s="655"/>
      <c r="CK24" s="655"/>
      <c r="CL24" s="655"/>
      <c r="CM24" s="656"/>
      <c r="CQ24" s="3" ph="1"/>
      <c r="CR24" s="3" ph="1"/>
      <c r="CS24" s="3" ph="1"/>
      <c r="CT24" s="3" ph="1"/>
      <c r="CU24" s="3" ph="1"/>
      <c r="CV24" s="3" ph="1"/>
    </row>
    <row r="25" spans="1:100" ht="17.25" customHeight="1" x14ac:dyDescent="0.15">
      <c r="A25" s="328" t="s">
        <v>263</v>
      </c>
      <c r="B25" s="328"/>
      <c r="C25" s="328"/>
      <c r="D25" s="328"/>
      <c r="E25" s="328"/>
      <c r="F25" s="844" t="s">
        <v>1425</v>
      </c>
      <c r="G25" s="845"/>
      <c r="H25" s="845"/>
      <c r="I25" s="845"/>
      <c r="J25" s="845"/>
      <c r="K25" s="845"/>
      <c r="L25" s="845"/>
      <c r="M25" s="845"/>
      <c r="N25" s="523"/>
      <c r="O25" s="428"/>
      <c r="P25" s="428"/>
      <c r="Q25" s="355">
        <v>27080</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16</v>
      </c>
      <c r="AO25" s="655" t="s">
        <v>1583</v>
      </c>
      <c r="AP25" s="655"/>
      <c r="AQ25" s="655"/>
      <c r="AR25" s="655"/>
      <c r="AS25" s="655"/>
      <c r="AT25" s="655"/>
      <c r="AU25" s="655"/>
      <c r="AV25" s="655"/>
      <c r="AW25" s="655"/>
      <c r="AX25" s="655"/>
      <c r="AY25" s="655"/>
      <c r="AZ25" s="655"/>
      <c r="BA25" s="655"/>
      <c r="BB25" s="655"/>
      <c r="BC25" s="655"/>
      <c r="BD25" s="655"/>
      <c r="BE25" s="655"/>
      <c r="BF25" s="655"/>
      <c r="BG25" s="655"/>
      <c r="BH25" s="655"/>
      <c r="BI25" s="655"/>
      <c r="BJ25" s="655"/>
      <c r="BK25" s="655"/>
      <c r="BL25" s="655"/>
      <c r="BM25" s="655"/>
      <c r="BN25" s="655"/>
      <c r="BO25" s="655"/>
      <c r="BP25" s="655"/>
      <c r="BQ25" s="655"/>
      <c r="BR25" s="655"/>
      <c r="BS25" s="655"/>
      <c r="BT25" s="655"/>
      <c r="BU25" s="655"/>
      <c r="BV25" s="655"/>
      <c r="BW25" s="655"/>
      <c r="BX25" s="655"/>
      <c r="BY25" s="655"/>
      <c r="BZ25" s="655"/>
      <c r="CA25" s="655"/>
      <c r="CB25" s="655"/>
      <c r="CC25" s="655"/>
      <c r="CD25" s="655"/>
      <c r="CE25" s="655"/>
      <c r="CF25" s="655"/>
      <c r="CG25" s="655"/>
      <c r="CH25" s="655"/>
      <c r="CI25" s="655"/>
      <c r="CJ25" s="655"/>
      <c r="CK25" s="655"/>
      <c r="CL25" s="655"/>
      <c r="CM25" s="656"/>
      <c r="CQ25" s="3" ph="1"/>
      <c r="CR25" s="3" ph="1"/>
      <c r="CS25" s="3" ph="1"/>
      <c r="CT25" s="3" ph="1"/>
      <c r="CU25" s="3" ph="1"/>
      <c r="CV25" s="3" ph="1"/>
    </row>
    <row r="26" spans="1:100" ht="17.25" customHeight="1" x14ac:dyDescent="0.15">
      <c r="A26" s="328"/>
      <c r="B26" s="328"/>
      <c r="C26" s="328"/>
      <c r="D26" s="328"/>
      <c r="E26" s="328"/>
      <c r="F26" s="336" t="s">
        <v>1424</v>
      </c>
      <c r="G26" s="337"/>
      <c r="H26" s="337"/>
      <c r="I26" s="337"/>
      <c r="J26" s="337"/>
      <c r="K26" s="337"/>
      <c r="L26" s="337"/>
      <c r="M26" s="338"/>
      <c r="N26" s="523"/>
      <c r="O26" s="428" t="s">
        <v>264</v>
      </c>
      <c r="P26" s="428"/>
      <c r="Q26" s="486" t="s">
        <v>549</v>
      </c>
      <c r="R26" s="487"/>
      <c r="S26" s="487"/>
      <c r="T26" s="487"/>
      <c r="U26" s="487"/>
      <c r="V26" s="487"/>
      <c r="W26" s="487"/>
      <c r="X26" s="487"/>
      <c r="Y26" s="487"/>
      <c r="Z26" s="487"/>
      <c r="AA26" s="487"/>
      <c r="AB26" s="487"/>
      <c r="AC26" s="487"/>
      <c r="AD26" s="487"/>
      <c r="AE26" s="487"/>
      <c r="AF26" s="487"/>
      <c r="AG26" s="487"/>
      <c r="AH26" s="487"/>
      <c r="AI26" s="487"/>
      <c r="AJ26" s="487"/>
      <c r="AK26" s="487"/>
      <c r="AL26" s="488"/>
      <c r="AM26" s="5"/>
      <c r="AN26" s="37" t="s">
        <v>16</v>
      </c>
      <c r="AO26" s="556" t="s">
        <v>1584</v>
      </c>
      <c r="AP26" s="1217"/>
      <c r="AQ26" s="1217"/>
      <c r="AR26" s="1217"/>
      <c r="AS26" s="1217"/>
      <c r="AT26" s="1217"/>
      <c r="AU26" s="1217"/>
      <c r="AV26" s="1217"/>
      <c r="AW26" s="1217"/>
      <c r="AX26" s="1217"/>
      <c r="AY26" s="1217"/>
      <c r="AZ26" s="1217"/>
      <c r="BA26" s="1217"/>
      <c r="BB26" s="1217"/>
      <c r="BC26" s="1217"/>
      <c r="BD26" s="1217"/>
      <c r="BE26" s="1217"/>
      <c r="BF26" s="1217"/>
      <c r="BG26" s="1217"/>
      <c r="BH26" s="1217"/>
      <c r="BI26" s="1217"/>
      <c r="BJ26" s="1217"/>
      <c r="BK26" s="1217"/>
      <c r="BL26" s="1217"/>
      <c r="BM26" s="1217"/>
      <c r="BN26" s="1217"/>
      <c r="BO26" s="1217"/>
      <c r="BP26" s="1217"/>
      <c r="BQ26" s="1217"/>
      <c r="BR26" s="1217"/>
      <c r="BS26" s="1217"/>
      <c r="BT26" s="1217"/>
      <c r="BU26" s="1217"/>
      <c r="BV26" s="1217"/>
      <c r="BW26" s="1217"/>
      <c r="BX26" s="1217"/>
      <c r="BY26" s="1217"/>
      <c r="BZ26" s="1217"/>
      <c r="CA26" s="1217"/>
      <c r="CB26" s="1217"/>
      <c r="CC26" s="1217"/>
      <c r="CD26" s="1217"/>
      <c r="CE26" s="1217"/>
      <c r="CF26" s="1217"/>
      <c r="CG26" s="1217"/>
      <c r="CH26" s="1217"/>
      <c r="CI26" s="1217"/>
      <c r="CJ26" s="1217"/>
      <c r="CK26" s="1217"/>
      <c r="CL26" s="1217"/>
      <c r="CM26" s="1218"/>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42">
        <v>31664</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17" t="s">
        <v>16</v>
      </c>
      <c r="AO27" s="552" t="s">
        <v>1585</v>
      </c>
      <c r="AP27" s="552"/>
      <c r="AQ27" s="552"/>
      <c r="AR27" s="552"/>
      <c r="AS27" s="552"/>
      <c r="AT27" s="552"/>
      <c r="AU27" s="552"/>
      <c r="AV27" s="552"/>
      <c r="AW27" s="552"/>
      <c r="AX27" s="552"/>
      <c r="AY27" s="552"/>
      <c r="AZ27" s="552"/>
      <c r="BA27" s="552"/>
      <c r="BB27" s="552"/>
      <c r="BC27" s="552"/>
      <c r="BD27" s="552"/>
      <c r="BE27" s="552"/>
      <c r="BF27" s="552"/>
      <c r="BG27" s="552"/>
      <c r="BH27" s="552"/>
      <c r="BI27" s="552"/>
      <c r="BJ27" s="552"/>
      <c r="BK27" s="552"/>
      <c r="BL27" s="552"/>
      <c r="BM27" s="552"/>
      <c r="BN27" s="552"/>
      <c r="BO27" s="552"/>
      <c r="BP27" s="552"/>
      <c r="BQ27" s="552"/>
      <c r="BR27" s="552"/>
      <c r="BS27" s="552"/>
      <c r="BT27" s="552"/>
      <c r="BU27" s="552"/>
      <c r="BV27" s="552"/>
      <c r="BW27" s="552"/>
      <c r="BX27" s="552"/>
      <c r="BY27" s="552"/>
      <c r="BZ27" s="552"/>
      <c r="CA27" s="552"/>
      <c r="CB27" s="552"/>
      <c r="CC27" s="552"/>
      <c r="CD27" s="552"/>
      <c r="CE27" s="552"/>
      <c r="CF27" s="552"/>
      <c r="CG27" s="552"/>
      <c r="CH27" s="552"/>
      <c r="CI27" s="552"/>
      <c r="CJ27" s="552"/>
      <c r="CK27" s="552"/>
      <c r="CL27" s="552"/>
      <c r="CM27" s="553"/>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1283" t="s">
        <v>515</v>
      </c>
      <c r="B29" s="1284"/>
      <c r="C29" s="1284"/>
      <c r="D29" s="1284"/>
      <c r="E29" s="1284"/>
      <c r="F29" s="1284"/>
      <c r="G29" s="1284"/>
      <c r="H29" s="1284"/>
      <c r="I29" s="1284"/>
      <c r="J29" s="1284"/>
      <c r="K29" s="1284"/>
      <c r="L29" s="1284"/>
      <c r="M29" s="1284"/>
      <c r="N29" s="1284"/>
      <c r="O29" s="1284"/>
      <c r="P29" s="1284"/>
      <c r="Q29" s="1284"/>
      <c r="R29" s="1284"/>
      <c r="S29" s="1284"/>
      <c r="T29" s="1284"/>
      <c r="U29" s="1284"/>
      <c r="V29" s="1284"/>
      <c r="W29" s="1284"/>
      <c r="X29" s="1284"/>
      <c r="Y29" s="1284"/>
      <c r="Z29" s="1284"/>
      <c r="AA29" s="1284"/>
      <c r="AB29" s="1284"/>
      <c r="AC29" s="1284"/>
      <c r="AD29" s="1284"/>
      <c r="AE29" s="1284"/>
      <c r="AF29" s="1284"/>
      <c r="AG29" s="1284"/>
      <c r="AH29" s="1284"/>
      <c r="AI29" s="1284"/>
      <c r="AJ29" s="1284"/>
      <c r="AK29" s="1284"/>
      <c r="AL29" s="1285"/>
      <c r="AM29" s="5"/>
      <c r="AN29" s="38" t="s">
        <v>16</v>
      </c>
      <c r="AO29" s="1070" t="s">
        <v>1586</v>
      </c>
      <c r="AP29" s="1286"/>
      <c r="AQ29" s="1286"/>
      <c r="AR29" s="1286"/>
      <c r="AS29" s="1286"/>
      <c r="AT29" s="1286"/>
      <c r="AU29" s="1286"/>
      <c r="AV29" s="1286"/>
      <c r="AW29" s="1286"/>
      <c r="AX29" s="1286"/>
      <c r="AY29" s="1286"/>
      <c r="AZ29" s="1286"/>
      <c r="BA29" s="1286"/>
      <c r="BB29" s="1286"/>
      <c r="BC29" s="1286"/>
      <c r="BD29" s="1286"/>
      <c r="BE29" s="1286"/>
      <c r="BF29" s="1286"/>
      <c r="BG29" s="1286"/>
      <c r="BH29" s="1286"/>
      <c r="BI29" s="1286"/>
      <c r="BJ29" s="1286"/>
      <c r="BK29" s="1286"/>
      <c r="BL29" s="1286"/>
      <c r="BM29" s="1286"/>
      <c r="BN29" s="1286"/>
      <c r="BO29" s="1286"/>
      <c r="BP29" s="1287"/>
      <c r="BQ29" s="72"/>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166" t="s">
        <v>274</v>
      </c>
      <c r="B30" s="166"/>
      <c r="C30" s="166"/>
      <c r="D30" s="166"/>
      <c r="E30" s="166"/>
      <c r="F30" s="166"/>
      <c r="G30" s="166"/>
      <c r="H30" s="166"/>
      <c r="I30" s="166"/>
      <c r="J30" s="166"/>
      <c r="K30" s="166"/>
      <c r="L30" s="166"/>
      <c r="M30" s="166"/>
      <c r="N30" s="162"/>
      <c r="O30" s="134" t="s">
        <v>275</v>
      </c>
      <c r="P30" s="162"/>
      <c r="Q30" s="162"/>
      <c r="R30" s="162"/>
      <c r="S30" s="162"/>
      <c r="T30" s="162"/>
      <c r="U30" s="162"/>
      <c r="V30" s="162"/>
      <c r="W30" s="162"/>
      <c r="X30" s="162"/>
      <c r="Y30" s="162"/>
      <c r="Z30" s="162"/>
      <c r="AA30" s="162"/>
      <c r="AB30" s="162"/>
      <c r="AC30" s="162"/>
      <c r="AD30" s="162"/>
      <c r="AE30" s="162"/>
      <c r="AF30" s="162"/>
      <c r="AG30" s="162"/>
      <c r="AH30" s="162"/>
      <c r="AI30" s="162"/>
      <c r="AJ30" s="162"/>
      <c r="AK30" s="162"/>
      <c r="AL30" s="162"/>
      <c r="AM30" s="5"/>
      <c r="AN30" s="39" t="s">
        <v>16</v>
      </c>
      <c r="AO30" s="993" t="s">
        <v>1587</v>
      </c>
      <c r="AP30" s="993"/>
      <c r="AQ30" s="993"/>
      <c r="AR30" s="993"/>
      <c r="AS30" s="993"/>
      <c r="AT30" s="993"/>
      <c r="AU30" s="993"/>
      <c r="AV30" s="993"/>
      <c r="AW30" s="993"/>
      <c r="AX30" s="993"/>
      <c r="AY30" s="993"/>
      <c r="AZ30" s="993"/>
      <c r="BA30" s="993"/>
      <c r="BB30" s="993"/>
      <c r="BC30" s="993"/>
      <c r="BD30" s="993"/>
      <c r="BE30" s="993"/>
      <c r="BF30" s="993"/>
      <c r="BG30" s="993"/>
      <c r="BH30" s="993"/>
      <c r="BI30" s="993"/>
      <c r="BJ30" s="993"/>
      <c r="BK30" s="993"/>
      <c r="BL30" s="993"/>
      <c r="BM30" s="993"/>
      <c r="BN30" s="993"/>
      <c r="BO30" s="993"/>
      <c r="BP30" s="994"/>
      <c r="BQ30" s="72"/>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311" t="s">
        <v>550</v>
      </c>
      <c r="B31" s="312"/>
      <c r="C31" s="312"/>
      <c r="D31" s="312"/>
      <c r="E31" s="312"/>
      <c r="F31" s="312"/>
      <c r="G31" s="312"/>
      <c r="H31" s="312"/>
      <c r="I31" s="312"/>
      <c r="J31" s="312"/>
      <c r="K31" s="312"/>
      <c r="L31" s="312"/>
      <c r="M31" s="313"/>
      <c r="N31" s="145"/>
      <c r="O31" s="1280" t="s">
        <v>69</v>
      </c>
      <c r="P31" s="1281"/>
      <c r="Q31" s="1281"/>
      <c r="R31" s="1281"/>
      <c r="S31" s="1281"/>
      <c r="T31" s="1281"/>
      <c r="U31" s="1281"/>
      <c r="V31" s="1281"/>
      <c r="W31" s="1281"/>
      <c r="X31" s="1281"/>
      <c r="Y31" s="1281"/>
      <c r="Z31" s="1281"/>
      <c r="AA31" s="1281"/>
      <c r="AB31" s="1281"/>
      <c r="AC31" s="1281"/>
      <c r="AD31" s="1281"/>
      <c r="AE31" s="1281"/>
      <c r="AF31" s="1281"/>
      <c r="AG31" s="1281"/>
      <c r="AH31" s="1281"/>
      <c r="AI31" s="1281"/>
      <c r="AJ31" s="1281"/>
      <c r="AK31" s="1281"/>
      <c r="AL31" s="1282"/>
      <c r="AM31" s="5"/>
      <c r="AN31" s="39" t="s">
        <v>16</v>
      </c>
      <c r="AO31" s="351" t="s">
        <v>1588</v>
      </c>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54"/>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251">
        <v>29406</v>
      </c>
      <c r="B32" s="252"/>
      <c r="C32" s="252"/>
      <c r="D32" s="252"/>
      <c r="E32" s="252"/>
      <c r="F32" s="252"/>
      <c r="G32" s="252"/>
      <c r="H32" s="252"/>
      <c r="I32" s="252"/>
      <c r="J32" s="252"/>
      <c r="K32" s="252"/>
      <c r="L32" s="252"/>
      <c r="M32" s="253"/>
      <c r="N32" s="129"/>
      <c r="O32" s="1148" t="s">
        <v>70</v>
      </c>
      <c r="P32" s="655"/>
      <c r="Q32" s="655"/>
      <c r="R32" s="655"/>
      <c r="S32" s="655"/>
      <c r="T32" s="655"/>
      <c r="U32" s="655"/>
      <c r="V32" s="655"/>
      <c r="W32" s="655"/>
      <c r="X32" s="655"/>
      <c r="Y32" s="655"/>
      <c r="Z32" s="655"/>
      <c r="AA32" s="655"/>
      <c r="AB32" s="655"/>
      <c r="AC32" s="655"/>
      <c r="AD32" s="655"/>
      <c r="AE32" s="655"/>
      <c r="AF32" s="655"/>
      <c r="AG32" s="655"/>
      <c r="AH32" s="655"/>
      <c r="AI32" s="655"/>
      <c r="AJ32" s="655"/>
      <c r="AK32" s="655"/>
      <c r="AL32" s="656"/>
      <c r="AM32" s="5"/>
      <c r="AN32" s="39" t="s">
        <v>16</v>
      </c>
      <c r="AO32" s="351" t="s">
        <v>1589</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53"/>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324" t="s">
        <v>107</v>
      </c>
      <c r="B33" s="325"/>
      <c r="C33" s="325"/>
      <c r="D33" s="325"/>
      <c r="E33" s="325"/>
      <c r="F33" s="325"/>
      <c r="G33" s="325"/>
      <c r="H33" s="325"/>
      <c r="I33" s="325"/>
      <c r="J33" s="325"/>
      <c r="K33" s="325"/>
      <c r="L33" s="325"/>
      <c r="M33" s="326"/>
      <c r="N33" s="129"/>
      <c r="O33" s="1067" t="s">
        <v>72</v>
      </c>
      <c r="P33" s="556"/>
      <c r="Q33" s="556"/>
      <c r="R33" s="556"/>
      <c r="S33" s="556"/>
      <c r="T33" s="556"/>
      <c r="U33" s="556"/>
      <c r="V33" s="556"/>
      <c r="W33" s="556"/>
      <c r="X33" s="556"/>
      <c r="Y33" s="556"/>
      <c r="Z33" s="556"/>
      <c r="AA33" s="556"/>
      <c r="AB33" s="556"/>
      <c r="AC33" s="556"/>
      <c r="AD33" s="556"/>
      <c r="AE33" s="556"/>
      <c r="AF33" s="556"/>
      <c r="AG33" s="556"/>
      <c r="AH33" s="556"/>
      <c r="AI33" s="556"/>
      <c r="AJ33" s="556"/>
      <c r="AK33" s="556"/>
      <c r="AL33" s="557"/>
      <c r="AM33" s="5"/>
      <c r="AN33" s="40" t="s">
        <v>1003</v>
      </c>
      <c r="AO33" s="353" t="s">
        <v>1590</v>
      </c>
      <c r="AP33" s="353"/>
      <c r="AQ33" s="353"/>
      <c r="AR33" s="353"/>
      <c r="AS33" s="353"/>
      <c r="AT33" s="353"/>
      <c r="AU33" s="353"/>
      <c r="AV33" s="353"/>
      <c r="AW33" s="353"/>
      <c r="AX33" s="353"/>
      <c r="AY33" s="353"/>
      <c r="AZ33" s="353"/>
      <c r="BA33" s="353"/>
      <c r="BB33" s="353"/>
      <c r="BC33" s="353"/>
      <c r="BD33" s="353"/>
      <c r="BE33" s="353"/>
      <c r="BF33" s="353"/>
      <c r="BG33" s="353"/>
      <c r="BH33" s="353"/>
      <c r="BI33" s="353"/>
      <c r="BJ33" s="353"/>
      <c r="BK33" s="353"/>
      <c r="BL33" s="353"/>
      <c r="BM33" s="353"/>
      <c r="BN33" s="353"/>
      <c r="BO33" s="353"/>
      <c r="BP33" s="354"/>
      <c r="BQ33" s="160"/>
      <c r="BR33" s="292" t="s">
        <v>267</v>
      </c>
      <c r="BS33" s="293"/>
      <c r="BT33" s="293"/>
      <c r="BU33" s="293"/>
      <c r="BV33" s="293"/>
      <c r="BW33" s="293"/>
      <c r="BX33" s="294"/>
      <c r="BY33" s="284">
        <v>287</v>
      </c>
      <c r="BZ33" s="285"/>
      <c r="CA33" s="285"/>
      <c r="CB33" s="285"/>
      <c r="CC33" s="285"/>
      <c r="CD33" s="285"/>
      <c r="CE33" s="285"/>
      <c r="CF33" s="285"/>
      <c r="CG33" s="288"/>
      <c r="CH33" s="286">
        <v>3.52061</v>
      </c>
      <c r="CI33" s="286"/>
      <c r="CJ33" s="286"/>
      <c r="CK33" s="286"/>
      <c r="CL33" s="286"/>
      <c r="CM33" s="286"/>
      <c r="CQ33" s="3" ph="1"/>
      <c r="CR33" s="3" ph="1"/>
      <c r="CS33" s="3" ph="1"/>
      <c r="CT33" s="3" ph="1"/>
      <c r="CU33" s="3" ph="1"/>
      <c r="CV33" s="3" ph="1"/>
    </row>
    <row r="34" spans="1:100" ht="17.25" customHeight="1" x14ac:dyDescent="0.15">
      <c r="A34" s="251">
        <v>33948</v>
      </c>
      <c r="B34" s="252"/>
      <c r="C34" s="252"/>
      <c r="D34" s="252"/>
      <c r="E34" s="252"/>
      <c r="F34" s="252"/>
      <c r="G34" s="252"/>
      <c r="H34" s="252"/>
      <c r="I34" s="252"/>
      <c r="J34" s="252"/>
      <c r="K34" s="252"/>
      <c r="L34" s="252"/>
      <c r="M34" s="253"/>
      <c r="N34" s="129"/>
      <c r="O34" s="1148" t="s">
        <v>551</v>
      </c>
      <c r="P34" s="655"/>
      <c r="Q34" s="655"/>
      <c r="R34" s="655"/>
      <c r="S34" s="655"/>
      <c r="T34" s="655"/>
      <c r="U34" s="655"/>
      <c r="V34" s="655"/>
      <c r="W34" s="655"/>
      <c r="X34" s="655"/>
      <c r="Y34" s="655"/>
      <c r="Z34" s="655"/>
      <c r="AA34" s="655"/>
      <c r="AB34" s="655"/>
      <c r="AC34" s="655"/>
      <c r="AD34" s="655"/>
      <c r="AE34" s="655"/>
      <c r="AF34" s="655"/>
      <c r="AG34" s="655"/>
      <c r="AH34" s="655"/>
      <c r="AI34" s="655"/>
      <c r="AJ34" s="655"/>
      <c r="AK34" s="655"/>
      <c r="AL34" s="656"/>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216" t="s">
        <v>1111</v>
      </c>
      <c r="B35" s="217"/>
      <c r="C35" s="217"/>
      <c r="D35" s="217"/>
      <c r="E35" s="217"/>
      <c r="F35" s="217"/>
      <c r="G35" s="217"/>
      <c r="H35" s="217"/>
      <c r="I35" s="217"/>
      <c r="J35" s="217"/>
      <c r="K35" s="217"/>
      <c r="L35" s="217"/>
      <c r="M35" s="218"/>
      <c r="N35" s="129"/>
      <c r="O35" s="1148" t="s">
        <v>552</v>
      </c>
      <c r="P35" s="655"/>
      <c r="Q35" s="655"/>
      <c r="R35" s="655"/>
      <c r="S35" s="655"/>
      <c r="T35" s="655"/>
      <c r="U35" s="655"/>
      <c r="V35" s="655"/>
      <c r="W35" s="655"/>
      <c r="X35" s="655"/>
      <c r="Y35" s="655"/>
      <c r="Z35" s="655"/>
      <c r="AA35" s="655"/>
      <c r="AB35" s="655"/>
      <c r="AC35" s="655"/>
      <c r="AD35" s="655"/>
      <c r="AE35" s="655"/>
      <c r="AF35" s="655"/>
      <c r="AG35" s="655"/>
      <c r="AH35" s="655"/>
      <c r="AI35" s="655"/>
      <c r="AJ35" s="655"/>
      <c r="AK35" s="655"/>
      <c r="AL35" s="656"/>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2214</v>
      </c>
      <c r="BZ35" s="681"/>
      <c r="CA35" s="682"/>
      <c r="CB35" s="682"/>
      <c r="CC35" s="682"/>
      <c r="CD35" s="682"/>
      <c r="CE35" s="682"/>
      <c r="CF35" s="682"/>
      <c r="CG35" s="682"/>
      <c r="CH35" s="683">
        <v>27.15898</v>
      </c>
      <c r="CI35" s="683"/>
      <c r="CJ35" s="683"/>
      <c r="CK35" s="683"/>
      <c r="CL35" s="683"/>
      <c r="CM35" s="683"/>
      <c r="CQ35" s="3" ph="1"/>
    </row>
    <row r="36" spans="1:100" ht="17.25" customHeight="1" x14ac:dyDescent="0.15">
      <c r="A36" s="251">
        <v>44624</v>
      </c>
      <c r="B36" s="252"/>
      <c r="C36" s="252"/>
      <c r="D36" s="252"/>
      <c r="E36" s="252"/>
      <c r="F36" s="252"/>
      <c r="G36" s="252"/>
      <c r="H36" s="252"/>
      <c r="I36" s="252"/>
      <c r="J36" s="252"/>
      <c r="K36" s="252"/>
      <c r="L36" s="252"/>
      <c r="M36" s="253"/>
      <c r="N36" s="150"/>
      <c r="O36" s="1148" t="s">
        <v>74</v>
      </c>
      <c r="P36" s="655"/>
      <c r="Q36" s="655"/>
      <c r="R36" s="655"/>
      <c r="S36" s="655"/>
      <c r="T36" s="655"/>
      <c r="U36" s="655"/>
      <c r="V36" s="655"/>
      <c r="W36" s="655"/>
      <c r="X36" s="655"/>
      <c r="Y36" s="655"/>
      <c r="Z36" s="655"/>
      <c r="AA36" s="655"/>
      <c r="AB36" s="655"/>
      <c r="AC36" s="655"/>
      <c r="AD36" s="655"/>
      <c r="AE36" s="655"/>
      <c r="AF36" s="655"/>
      <c r="AG36" s="655"/>
      <c r="AH36" s="655"/>
      <c r="AI36" s="655"/>
      <c r="AJ36" s="655"/>
      <c r="AK36" s="655"/>
      <c r="AL36" s="656"/>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251"/>
      <c r="B37" s="252"/>
      <c r="C37" s="252"/>
      <c r="D37" s="252"/>
      <c r="E37" s="252"/>
      <c r="F37" s="252"/>
      <c r="G37" s="252"/>
      <c r="H37" s="252"/>
      <c r="I37" s="252"/>
      <c r="J37" s="252"/>
      <c r="K37" s="252"/>
      <c r="L37" s="252"/>
      <c r="M37" s="253"/>
      <c r="N37" s="167"/>
      <c r="O37" s="1067" t="s">
        <v>553</v>
      </c>
      <c r="P37" s="556"/>
      <c r="Q37" s="556"/>
      <c r="R37" s="556"/>
      <c r="S37" s="556"/>
      <c r="T37" s="556"/>
      <c r="U37" s="556"/>
      <c r="V37" s="556"/>
      <c r="W37" s="556"/>
      <c r="X37" s="556"/>
      <c r="Y37" s="556"/>
      <c r="Z37" s="556"/>
      <c r="AA37" s="556"/>
      <c r="AB37" s="556"/>
      <c r="AC37" s="556"/>
      <c r="AD37" s="556"/>
      <c r="AE37" s="556"/>
      <c r="AF37" s="556"/>
      <c r="AG37" s="556"/>
      <c r="AH37" s="556"/>
      <c r="AI37" s="556"/>
      <c r="AJ37" s="556"/>
      <c r="AK37" s="556"/>
      <c r="AL37" s="557"/>
      <c r="AM37" s="5"/>
      <c r="AN37" s="287" t="s">
        <v>399</v>
      </c>
      <c r="AO37" s="287"/>
      <c r="AP37" s="287"/>
      <c r="AQ37" s="287"/>
      <c r="AR37" s="287"/>
      <c r="AS37" s="287"/>
      <c r="AT37" s="287"/>
      <c r="AU37" s="287"/>
      <c r="AV37" s="287"/>
      <c r="AW37" s="681">
        <v>17033</v>
      </c>
      <c r="AX37" s="681"/>
      <c r="AY37" s="681"/>
      <c r="AZ37" s="681"/>
      <c r="BA37" s="681"/>
      <c r="BB37" s="681"/>
      <c r="BC37" s="681"/>
      <c r="BD37" s="681"/>
      <c r="BE37" s="681"/>
      <c r="BF37" s="681"/>
      <c r="BG37" s="681">
        <v>6178</v>
      </c>
      <c r="BH37" s="681"/>
      <c r="BI37" s="681"/>
      <c r="BJ37" s="681"/>
      <c r="BK37" s="681"/>
      <c r="BL37" s="681"/>
      <c r="BM37" s="681"/>
      <c r="BN37" s="681"/>
      <c r="BO37" s="681"/>
      <c r="BP37" s="681"/>
      <c r="BQ37" s="149"/>
      <c r="BR37" s="680" t="s">
        <v>273</v>
      </c>
      <c r="BS37" s="680"/>
      <c r="BT37" s="680"/>
      <c r="BU37" s="680"/>
      <c r="BV37" s="680"/>
      <c r="BW37" s="680"/>
      <c r="BX37" s="680"/>
      <c r="BY37" s="681">
        <v>5651</v>
      </c>
      <c r="BZ37" s="681"/>
      <c r="CA37" s="682"/>
      <c r="CB37" s="682"/>
      <c r="CC37" s="682"/>
      <c r="CD37" s="682"/>
      <c r="CE37" s="682"/>
      <c r="CF37" s="682"/>
      <c r="CG37" s="682"/>
      <c r="CH37" s="683">
        <v>69.320409999999995</v>
      </c>
      <c r="CI37" s="683"/>
      <c r="CJ37" s="683"/>
      <c r="CK37" s="683"/>
      <c r="CL37" s="683"/>
      <c r="CM37" s="683"/>
      <c r="CQ37" s="3" ph="1"/>
    </row>
    <row r="38" spans="1:100" ht="17.25" customHeight="1" x14ac:dyDescent="0.15">
      <c r="A38" s="251"/>
      <c r="B38" s="252"/>
      <c r="C38" s="252"/>
      <c r="D38" s="252"/>
      <c r="E38" s="252"/>
      <c r="F38" s="252"/>
      <c r="G38" s="252"/>
      <c r="H38" s="252"/>
      <c r="I38" s="252"/>
      <c r="J38" s="252"/>
      <c r="K38" s="252"/>
      <c r="L38" s="252"/>
      <c r="M38" s="253"/>
      <c r="N38" s="106"/>
      <c r="O38" s="1067" t="s">
        <v>1004</v>
      </c>
      <c r="P38" s="556"/>
      <c r="Q38" s="556"/>
      <c r="R38" s="556"/>
      <c r="S38" s="556"/>
      <c r="T38" s="556"/>
      <c r="U38" s="556"/>
      <c r="V38" s="556"/>
      <c r="W38" s="556"/>
      <c r="X38" s="556"/>
      <c r="Y38" s="556"/>
      <c r="Z38" s="556"/>
      <c r="AA38" s="556"/>
      <c r="AB38" s="556"/>
      <c r="AC38" s="556"/>
      <c r="AD38" s="556"/>
      <c r="AE38" s="556"/>
      <c r="AF38" s="556"/>
      <c r="AG38" s="556"/>
      <c r="AH38" s="556"/>
      <c r="AI38" s="556"/>
      <c r="AJ38" s="556"/>
      <c r="AK38" s="556"/>
      <c r="AL38" s="557"/>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51"/>
      <c r="B39" s="252"/>
      <c r="C39" s="252"/>
      <c r="D39" s="252"/>
      <c r="E39" s="252"/>
      <c r="F39" s="252"/>
      <c r="G39" s="252"/>
      <c r="H39" s="252"/>
      <c r="I39" s="252"/>
      <c r="J39" s="252"/>
      <c r="K39" s="252"/>
      <c r="L39" s="252"/>
      <c r="M39" s="253"/>
      <c r="N39" s="106"/>
      <c r="O39" s="1148" t="s">
        <v>535</v>
      </c>
      <c r="P39" s="655"/>
      <c r="Q39" s="655"/>
      <c r="R39" s="655"/>
      <c r="S39" s="655"/>
      <c r="T39" s="655"/>
      <c r="U39" s="655"/>
      <c r="V39" s="655"/>
      <c r="W39" s="655"/>
      <c r="X39" s="655"/>
      <c r="Y39" s="655"/>
      <c r="Z39" s="655"/>
      <c r="AA39" s="655"/>
      <c r="AB39" s="655"/>
      <c r="AC39" s="655"/>
      <c r="AD39" s="655"/>
      <c r="AE39" s="655"/>
      <c r="AF39" s="655"/>
      <c r="AG39" s="655"/>
      <c r="AH39" s="655"/>
      <c r="AI39" s="655"/>
      <c r="AJ39" s="655"/>
      <c r="AK39" s="655"/>
      <c r="AL39" s="656"/>
      <c r="AM39" s="5"/>
      <c r="AN39" s="300" t="s">
        <v>1059</v>
      </c>
      <c r="AO39" s="300"/>
      <c r="AP39" s="300"/>
      <c r="AQ39" s="300"/>
      <c r="AR39" s="300"/>
      <c r="AS39" s="300"/>
      <c r="AT39" s="300"/>
      <c r="AU39" s="300"/>
      <c r="AV39" s="300"/>
      <c r="AW39" s="681">
        <v>17129</v>
      </c>
      <c r="AX39" s="681"/>
      <c r="AY39" s="681"/>
      <c r="AZ39" s="682"/>
      <c r="BA39" s="682"/>
      <c r="BB39" s="682"/>
      <c r="BC39" s="682"/>
      <c r="BD39" s="682"/>
      <c r="BE39" s="682"/>
      <c r="BF39" s="682"/>
      <c r="BG39" s="681">
        <v>6683</v>
      </c>
      <c r="BH39" s="681"/>
      <c r="BI39" s="681"/>
      <c r="BJ39" s="681"/>
      <c r="BK39" s="681"/>
      <c r="BL39" s="681"/>
      <c r="BM39" s="681"/>
      <c r="BN39" s="681"/>
      <c r="BO39" s="681"/>
      <c r="BP39" s="681"/>
      <c r="BQ39" s="149"/>
      <c r="BR39" s="301" t="s">
        <v>1119</v>
      </c>
      <c r="BS39" s="293"/>
      <c r="BT39" s="293"/>
      <c r="BU39" s="293"/>
      <c r="BV39" s="293"/>
      <c r="BW39" s="293"/>
      <c r="BX39" s="294"/>
      <c r="BY39" s="681">
        <v>8298</v>
      </c>
      <c r="BZ39" s="681"/>
      <c r="CA39" s="682"/>
      <c r="CB39" s="682"/>
      <c r="CC39" s="682"/>
      <c r="CD39" s="682"/>
      <c r="CE39" s="682"/>
      <c r="CF39" s="682"/>
      <c r="CG39" s="682"/>
      <c r="CH39" s="683">
        <v>100</v>
      </c>
      <c r="CI39" s="683"/>
      <c r="CJ39" s="683"/>
      <c r="CK39" s="683"/>
      <c r="CL39" s="683"/>
      <c r="CM39" s="683"/>
    </row>
    <row r="40" spans="1:100" ht="17.25" customHeight="1" x14ac:dyDescent="0.15">
      <c r="A40" s="251"/>
      <c r="B40" s="252"/>
      <c r="C40" s="252"/>
      <c r="D40" s="252"/>
      <c r="E40" s="252"/>
      <c r="F40" s="252"/>
      <c r="G40" s="252"/>
      <c r="H40" s="252"/>
      <c r="I40" s="252"/>
      <c r="J40" s="252"/>
      <c r="K40" s="252"/>
      <c r="L40" s="252"/>
      <c r="M40" s="253"/>
      <c r="N40" s="106"/>
      <c r="O40" s="1067" t="s">
        <v>144</v>
      </c>
      <c r="P40" s="556"/>
      <c r="Q40" s="556"/>
      <c r="R40" s="556"/>
      <c r="S40" s="556"/>
      <c r="T40" s="556"/>
      <c r="U40" s="556"/>
      <c r="V40" s="556"/>
      <c r="W40" s="556"/>
      <c r="X40" s="556"/>
      <c r="Y40" s="556"/>
      <c r="Z40" s="556"/>
      <c r="AA40" s="556"/>
      <c r="AB40" s="556"/>
      <c r="AC40" s="556"/>
      <c r="AD40" s="556"/>
      <c r="AE40" s="556"/>
      <c r="AF40" s="556"/>
      <c r="AG40" s="556"/>
      <c r="AH40" s="556"/>
      <c r="AI40" s="556"/>
      <c r="AJ40" s="556"/>
      <c r="AK40" s="556"/>
      <c r="AL40" s="557"/>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51"/>
      <c r="B41" s="252"/>
      <c r="C41" s="252"/>
      <c r="D41" s="252"/>
      <c r="E41" s="252"/>
      <c r="F41" s="252"/>
      <c r="G41" s="252"/>
      <c r="H41" s="252"/>
      <c r="I41" s="252"/>
      <c r="J41" s="252"/>
      <c r="K41" s="252"/>
      <c r="L41" s="252"/>
      <c r="M41" s="253"/>
      <c r="N41" s="167"/>
      <c r="O41" s="1067" t="s">
        <v>1005</v>
      </c>
      <c r="P41" s="556"/>
      <c r="Q41" s="556"/>
      <c r="R41" s="556"/>
      <c r="S41" s="556"/>
      <c r="T41" s="556"/>
      <c r="U41" s="556"/>
      <c r="V41" s="556"/>
      <c r="W41" s="556"/>
      <c r="X41" s="556"/>
      <c r="Y41" s="556"/>
      <c r="Z41" s="556"/>
      <c r="AA41" s="556"/>
      <c r="AB41" s="556"/>
      <c r="AC41" s="556"/>
      <c r="AD41" s="556"/>
      <c r="AE41" s="556"/>
      <c r="AF41" s="556"/>
      <c r="AG41" s="556"/>
      <c r="AH41" s="556"/>
      <c r="AI41" s="556"/>
      <c r="AJ41" s="556"/>
      <c r="AK41" s="556"/>
      <c r="AL41" s="557"/>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c r="B42" s="252"/>
      <c r="C42" s="252"/>
      <c r="D42" s="252"/>
      <c r="E42" s="252"/>
      <c r="F42" s="252"/>
      <c r="G42" s="252"/>
      <c r="H42" s="252"/>
      <c r="I42" s="252"/>
      <c r="J42" s="252"/>
      <c r="K42" s="252"/>
      <c r="L42" s="252"/>
      <c r="M42" s="253"/>
      <c r="N42" s="106"/>
      <c r="O42" s="1067" t="s">
        <v>554</v>
      </c>
      <c r="P42" s="556"/>
      <c r="Q42" s="556"/>
      <c r="R42" s="556"/>
      <c r="S42" s="556"/>
      <c r="T42" s="556"/>
      <c r="U42" s="556"/>
      <c r="V42" s="556"/>
      <c r="W42" s="556"/>
      <c r="X42" s="556"/>
      <c r="Y42" s="556"/>
      <c r="Z42" s="556"/>
      <c r="AA42" s="556"/>
      <c r="AB42" s="556"/>
      <c r="AC42" s="556"/>
      <c r="AD42" s="556"/>
      <c r="AE42" s="556"/>
      <c r="AF42" s="556"/>
      <c r="AG42" s="556"/>
      <c r="AH42" s="556"/>
      <c r="AI42" s="556"/>
      <c r="AJ42" s="556"/>
      <c r="AK42" s="556"/>
      <c r="AL42" s="557"/>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51"/>
      <c r="B43" s="252"/>
      <c r="C43" s="252"/>
      <c r="D43" s="252"/>
      <c r="E43" s="252"/>
      <c r="F43" s="252"/>
      <c r="G43" s="252"/>
      <c r="H43" s="252"/>
      <c r="I43" s="252"/>
      <c r="J43" s="252"/>
      <c r="K43" s="252"/>
      <c r="L43" s="252"/>
      <c r="M43" s="253"/>
      <c r="N43" s="167"/>
      <c r="O43" s="1067" t="s">
        <v>1228</v>
      </c>
      <c r="P43" s="556"/>
      <c r="Q43" s="556"/>
      <c r="R43" s="556"/>
      <c r="S43" s="556"/>
      <c r="T43" s="556"/>
      <c r="U43" s="556"/>
      <c r="V43" s="556"/>
      <c r="W43" s="556"/>
      <c r="X43" s="556"/>
      <c r="Y43" s="556"/>
      <c r="Z43" s="556"/>
      <c r="AA43" s="556"/>
      <c r="AB43" s="556"/>
      <c r="AC43" s="556"/>
      <c r="AD43" s="556"/>
      <c r="AE43" s="556"/>
      <c r="AF43" s="556"/>
      <c r="AG43" s="556"/>
      <c r="AH43" s="556"/>
      <c r="AI43" s="556"/>
      <c r="AJ43" s="556"/>
      <c r="AK43" s="556"/>
      <c r="AL43" s="557"/>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c r="B44" s="252"/>
      <c r="C44" s="252"/>
      <c r="D44" s="252"/>
      <c r="E44" s="252"/>
      <c r="F44" s="252"/>
      <c r="G44" s="252"/>
      <c r="H44" s="252"/>
      <c r="I44" s="252"/>
      <c r="J44" s="252"/>
      <c r="K44" s="252"/>
      <c r="L44" s="252"/>
      <c r="M44" s="253"/>
      <c r="N44" s="106"/>
      <c r="O44" s="1006" t="s">
        <v>1229</v>
      </c>
      <c r="P44" s="1007"/>
      <c r="Q44" s="1007"/>
      <c r="R44" s="1007"/>
      <c r="S44" s="1007"/>
      <c r="T44" s="1007"/>
      <c r="U44" s="1007"/>
      <c r="V44" s="1007"/>
      <c r="W44" s="1007"/>
      <c r="X44" s="1007"/>
      <c r="Y44" s="1007"/>
      <c r="Z44" s="1007"/>
      <c r="AA44" s="1007"/>
      <c r="AB44" s="1007"/>
      <c r="AC44" s="1007"/>
      <c r="AD44" s="1007"/>
      <c r="AE44" s="1007"/>
      <c r="AF44" s="1007"/>
      <c r="AG44" s="1007"/>
      <c r="AH44" s="1007"/>
      <c r="AI44" s="1007"/>
      <c r="AJ44" s="1007"/>
      <c r="AK44" s="1007"/>
      <c r="AL44" s="1008"/>
      <c r="AM44" s="5"/>
      <c r="AN44" s="764">
        <v>1191.2</v>
      </c>
      <c r="AO44" s="765"/>
      <c r="AP44" s="765"/>
      <c r="AQ44" s="765"/>
      <c r="AR44" s="765"/>
      <c r="AS44" s="727" t="s">
        <v>383</v>
      </c>
      <c r="AT44" s="727"/>
      <c r="AU44" s="727"/>
      <c r="AV44" s="728"/>
      <c r="AW44" s="710">
        <v>29.2</v>
      </c>
      <c r="AX44" s="711"/>
      <c r="AY44" s="711"/>
      <c r="AZ44" s="711"/>
      <c r="BA44" s="711"/>
      <c r="BB44" s="711"/>
      <c r="BC44" s="706" t="s">
        <v>384</v>
      </c>
      <c r="BD44" s="706"/>
      <c r="BE44" s="706"/>
      <c r="BF44" s="707"/>
      <c r="BG44" s="710">
        <v>85.7</v>
      </c>
      <c r="BH44" s="711"/>
      <c r="BI44" s="711"/>
      <c r="BJ44" s="711"/>
      <c r="BK44" s="711"/>
      <c r="BL44" s="711"/>
      <c r="BM44" s="706" t="s">
        <v>384</v>
      </c>
      <c r="BN44" s="706"/>
      <c r="BO44" s="706"/>
      <c r="BP44" s="707"/>
      <c r="BQ44" s="130"/>
      <c r="BR44" s="714">
        <v>14.38</v>
      </c>
      <c r="BS44" s="715"/>
      <c r="BT44" s="715"/>
      <c r="BU44" s="715"/>
      <c r="BV44" s="715"/>
      <c r="BW44" s="715"/>
      <c r="BX44" s="715"/>
      <c r="BY44" s="696" t="s">
        <v>385</v>
      </c>
      <c r="BZ44" s="696"/>
      <c r="CA44" s="696"/>
      <c r="CB44" s="697"/>
      <c r="CC44" s="718">
        <v>348</v>
      </c>
      <c r="CD44" s="719"/>
      <c r="CE44" s="719"/>
      <c r="CF44" s="719"/>
      <c r="CG44" s="719"/>
      <c r="CH44" s="719"/>
      <c r="CI44" s="719"/>
      <c r="CJ44" s="696" t="s">
        <v>386</v>
      </c>
      <c r="CK44" s="696"/>
      <c r="CL44" s="696"/>
      <c r="CM44" s="697"/>
    </row>
    <row r="45" spans="1:100" ht="17.25" customHeight="1" x14ac:dyDescent="0.15">
      <c r="A45" s="251"/>
      <c r="B45" s="252"/>
      <c r="C45" s="252"/>
      <c r="D45" s="252"/>
      <c r="E45" s="252"/>
      <c r="F45" s="252"/>
      <c r="G45" s="252"/>
      <c r="H45" s="252"/>
      <c r="I45" s="252"/>
      <c r="J45" s="252"/>
      <c r="K45" s="252"/>
      <c r="L45" s="252"/>
      <c r="M45" s="253"/>
      <c r="N45" s="167"/>
      <c r="O45" s="771" t="s">
        <v>555</v>
      </c>
      <c r="P45" s="772"/>
      <c r="Q45" s="772"/>
      <c r="R45" s="772"/>
      <c r="S45" s="772"/>
      <c r="T45" s="772"/>
      <c r="U45" s="772"/>
      <c r="V45" s="772"/>
      <c r="W45" s="772"/>
      <c r="X45" s="772"/>
      <c r="Y45" s="772"/>
      <c r="Z45" s="772"/>
      <c r="AA45" s="772"/>
      <c r="AB45" s="772"/>
      <c r="AC45" s="772"/>
      <c r="AD45" s="772"/>
      <c r="AE45" s="772"/>
      <c r="AF45" s="772"/>
      <c r="AG45" s="772"/>
      <c r="AH45" s="772"/>
      <c r="AI45" s="772"/>
      <c r="AJ45" s="772"/>
      <c r="AK45" s="772"/>
      <c r="AL45" s="773"/>
      <c r="AM45" s="5"/>
      <c r="AN45" s="766"/>
      <c r="AO45" s="767"/>
      <c r="AP45" s="767"/>
      <c r="AQ45" s="767"/>
      <c r="AR45" s="767"/>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c r="B46" s="252"/>
      <c r="C46" s="252"/>
      <c r="D46" s="252"/>
      <c r="E46" s="252"/>
      <c r="F46" s="252"/>
      <c r="G46" s="252"/>
      <c r="H46" s="252"/>
      <c r="I46" s="252"/>
      <c r="J46" s="252"/>
      <c r="K46" s="252"/>
      <c r="L46" s="252"/>
      <c r="M46" s="253"/>
      <c r="N46" s="106"/>
      <c r="O46" s="1148" t="s">
        <v>1226</v>
      </c>
      <c r="P46" s="655"/>
      <c r="Q46" s="655"/>
      <c r="R46" s="655"/>
      <c r="S46" s="655"/>
      <c r="T46" s="655"/>
      <c r="U46" s="655"/>
      <c r="V46" s="655"/>
      <c r="W46" s="655"/>
      <c r="X46" s="655"/>
      <c r="Y46" s="655"/>
      <c r="Z46" s="655"/>
      <c r="AA46" s="655"/>
      <c r="AB46" s="655"/>
      <c r="AC46" s="655"/>
      <c r="AD46" s="655"/>
      <c r="AE46" s="655"/>
      <c r="AF46" s="655"/>
      <c r="AG46" s="655"/>
      <c r="AH46" s="655"/>
      <c r="AI46" s="655"/>
      <c r="AJ46" s="655"/>
      <c r="AK46" s="655"/>
      <c r="AL46" s="656"/>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51"/>
      <c r="B47" s="252"/>
      <c r="C47" s="252"/>
      <c r="D47" s="252"/>
      <c r="E47" s="252"/>
      <c r="F47" s="252"/>
      <c r="G47" s="252"/>
      <c r="H47" s="252"/>
      <c r="I47" s="252"/>
      <c r="J47" s="252"/>
      <c r="K47" s="252"/>
      <c r="L47" s="252"/>
      <c r="M47" s="253"/>
      <c r="N47" s="167"/>
      <c r="O47" s="1277" t="s">
        <v>1227</v>
      </c>
      <c r="P47" s="1278"/>
      <c r="Q47" s="1278"/>
      <c r="R47" s="1278"/>
      <c r="S47" s="1278"/>
      <c r="T47" s="1278"/>
      <c r="U47" s="1278"/>
      <c r="V47" s="1278"/>
      <c r="W47" s="1278"/>
      <c r="X47" s="1278"/>
      <c r="Y47" s="1278"/>
      <c r="Z47" s="1278"/>
      <c r="AA47" s="1278"/>
      <c r="AB47" s="1278"/>
      <c r="AC47" s="1278"/>
      <c r="AD47" s="1278"/>
      <c r="AE47" s="1278"/>
      <c r="AF47" s="1278"/>
      <c r="AG47" s="1278"/>
      <c r="AH47" s="1278"/>
      <c r="AI47" s="1278"/>
      <c r="AJ47" s="1278"/>
      <c r="AK47" s="1278"/>
      <c r="AL47" s="1279"/>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252"/>
      <c r="C48" s="252"/>
      <c r="D48" s="252"/>
      <c r="E48" s="252"/>
      <c r="F48" s="252"/>
      <c r="G48" s="252"/>
      <c r="H48" s="252"/>
      <c r="I48" s="252"/>
      <c r="J48" s="252"/>
      <c r="K48" s="252"/>
      <c r="L48" s="252"/>
      <c r="M48" s="253"/>
      <c r="N48" s="167"/>
      <c r="O48" s="1067" t="s">
        <v>502</v>
      </c>
      <c r="P48" s="556"/>
      <c r="Q48" s="556"/>
      <c r="R48" s="556"/>
      <c r="S48" s="556"/>
      <c r="T48" s="556"/>
      <c r="U48" s="556"/>
      <c r="V48" s="556"/>
      <c r="W48" s="556"/>
      <c r="X48" s="556"/>
      <c r="Y48" s="556"/>
      <c r="Z48" s="556"/>
      <c r="AA48" s="556"/>
      <c r="AB48" s="556"/>
      <c r="AC48" s="556"/>
      <c r="AD48" s="556"/>
      <c r="AE48" s="556"/>
      <c r="AF48" s="556"/>
      <c r="AG48" s="556"/>
      <c r="AH48" s="556"/>
      <c r="AI48" s="556"/>
      <c r="AJ48" s="556"/>
      <c r="AK48" s="556"/>
      <c r="AL48" s="557"/>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51"/>
      <c r="B49" s="690"/>
      <c r="C49" s="690"/>
      <c r="D49" s="690"/>
      <c r="E49" s="690"/>
      <c r="F49" s="690"/>
      <c r="G49" s="690"/>
      <c r="H49" s="690"/>
      <c r="I49" s="690"/>
      <c r="J49" s="690"/>
      <c r="K49" s="690"/>
      <c r="L49" s="690"/>
      <c r="M49" s="691"/>
      <c r="N49" s="106"/>
      <c r="O49" s="1067" t="s">
        <v>1225</v>
      </c>
      <c r="P49" s="556"/>
      <c r="Q49" s="556"/>
      <c r="R49" s="556"/>
      <c r="S49" s="556"/>
      <c r="T49" s="556"/>
      <c r="U49" s="556"/>
      <c r="V49" s="556"/>
      <c r="W49" s="556"/>
      <c r="X49" s="556"/>
      <c r="Y49" s="556"/>
      <c r="Z49" s="556"/>
      <c r="AA49" s="556"/>
      <c r="AB49" s="556"/>
      <c r="AC49" s="556"/>
      <c r="AD49" s="556"/>
      <c r="AE49" s="556"/>
      <c r="AF49" s="556"/>
      <c r="AG49" s="556"/>
      <c r="AH49" s="556"/>
      <c r="AI49" s="556"/>
      <c r="AJ49" s="556"/>
      <c r="AK49" s="556"/>
      <c r="AL49" s="557"/>
      <c r="AM49" s="5"/>
      <c r="AN49" s="223">
        <v>4446.5829999999996</v>
      </c>
      <c r="AO49" s="224"/>
      <c r="AP49" s="224"/>
      <c r="AQ49" s="224"/>
      <c r="AR49" s="224"/>
      <c r="AS49" s="224"/>
      <c r="AT49" s="225"/>
      <c r="AU49" s="229">
        <v>0.71599999999999997</v>
      </c>
      <c r="AV49" s="230"/>
      <c r="AW49" s="230"/>
      <c r="AX49" s="230"/>
      <c r="AY49" s="231"/>
      <c r="AZ49" s="210">
        <v>5</v>
      </c>
      <c r="BA49" s="211"/>
      <c r="BB49" s="211"/>
      <c r="BC49" s="211"/>
      <c r="BD49" s="212"/>
      <c r="BE49" s="210">
        <v>-1.6</v>
      </c>
      <c r="BF49" s="211"/>
      <c r="BG49" s="211"/>
      <c r="BH49" s="211"/>
      <c r="BI49" s="212"/>
      <c r="BJ49" s="210" t="s">
        <v>227</v>
      </c>
      <c r="BK49" s="211"/>
      <c r="BL49" s="211"/>
      <c r="BM49" s="211"/>
      <c r="BN49" s="212"/>
      <c r="BO49" s="210">
        <v>8</v>
      </c>
      <c r="BP49" s="211"/>
      <c r="BQ49" s="211"/>
      <c r="BR49" s="211"/>
      <c r="BS49" s="212"/>
      <c r="BT49" s="210">
        <v>85.6</v>
      </c>
      <c r="BU49" s="211"/>
      <c r="BV49" s="211"/>
      <c r="BW49" s="211"/>
      <c r="BX49" s="212"/>
      <c r="BY49" s="210">
        <v>33.6</v>
      </c>
      <c r="BZ49" s="211"/>
      <c r="CA49" s="211"/>
      <c r="CB49" s="211"/>
      <c r="CC49" s="212"/>
      <c r="CD49" s="210">
        <v>45.7</v>
      </c>
      <c r="CE49" s="211"/>
      <c r="CF49" s="211"/>
      <c r="CG49" s="211"/>
      <c r="CH49" s="212"/>
      <c r="CI49" s="210">
        <v>50.4</v>
      </c>
      <c r="CJ49" s="211"/>
      <c r="CK49" s="211"/>
      <c r="CL49" s="211"/>
      <c r="CM49" s="212"/>
    </row>
    <row r="50" spans="1:91" ht="14.25" x14ac:dyDescent="0.15">
      <c r="A50" s="746"/>
      <c r="B50" s="951"/>
      <c r="C50" s="951"/>
      <c r="D50" s="951"/>
      <c r="E50" s="951"/>
      <c r="F50" s="951"/>
      <c r="G50" s="951"/>
      <c r="H50" s="951"/>
      <c r="I50" s="951"/>
      <c r="J50" s="951"/>
      <c r="K50" s="951"/>
      <c r="L50" s="951"/>
      <c r="M50" s="952"/>
      <c r="N50" s="106"/>
      <c r="O50" s="489" t="s">
        <v>1124</v>
      </c>
      <c r="P50" s="490"/>
      <c r="Q50" s="490"/>
      <c r="R50" s="490"/>
      <c r="S50" s="490"/>
      <c r="T50" s="490"/>
      <c r="U50" s="490"/>
      <c r="V50" s="490"/>
      <c r="W50" s="490"/>
      <c r="X50" s="490"/>
      <c r="Y50" s="490"/>
      <c r="Z50" s="490"/>
      <c r="AA50" s="490"/>
      <c r="AB50" s="490"/>
      <c r="AC50" s="490"/>
      <c r="AD50" s="490"/>
      <c r="AE50" s="490"/>
      <c r="AF50" s="490"/>
      <c r="AG50" s="490"/>
      <c r="AH50" s="490"/>
      <c r="AI50" s="490"/>
      <c r="AJ50" s="490"/>
      <c r="AK50" s="490"/>
      <c r="AL50" s="49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204">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 ref="Q12:T12"/>
    <mergeCell ref="U12:AL13"/>
    <mergeCell ref="AN12:CM12"/>
    <mergeCell ref="F13:M14"/>
    <mergeCell ref="Q13:T13"/>
    <mergeCell ref="AN13:AS14"/>
    <mergeCell ref="AT13:CM14"/>
    <mergeCell ref="A14:E14"/>
    <mergeCell ref="Q14:T14"/>
    <mergeCell ref="U14:X14"/>
    <mergeCell ref="Y14:AL14"/>
    <mergeCell ref="AT15:CM16"/>
    <mergeCell ref="A16:E21"/>
    <mergeCell ref="F16:M16"/>
    <mergeCell ref="Q16:T16"/>
    <mergeCell ref="U16:X16"/>
    <mergeCell ref="Y16:AL16"/>
    <mergeCell ref="F17:M18"/>
    <mergeCell ref="Q17:T17"/>
    <mergeCell ref="U17:X17"/>
    <mergeCell ref="Y17:AL17"/>
    <mergeCell ref="A15:E15"/>
    <mergeCell ref="F15:M15"/>
    <mergeCell ref="Q15:T15"/>
    <mergeCell ref="U15:X15"/>
    <mergeCell ref="Y15:AL15"/>
    <mergeCell ref="AN15:AS16"/>
    <mergeCell ref="AN17:AS18"/>
    <mergeCell ref="AT17:CM18"/>
    <mergeCell ref="Q18:T18"/>
    <mergeCell ref="U18:X18"/>
    <mergeCell ref="Y18:AL18"/>
    <mergeCell ref="F19:M19"/>
    <mergeCell ref="Q19:T19"/>
    <mergeCell ref="U19:X19"/>
    <mergeCell ref="Y19:AL19"/>
    <mergeCell ref="AN19:AS21"/>
    <mergeCell ref="AO23:CM23"/>
    <mergeCell ref="O24:P25"/>
    <mergeCell ref="Q24:AL24"/>
    <mergeCell ref="AT19:CM21"/>
    <mergeCell ref="F20:M21"/>
    <mergeCell ref="Q20:T20"/>
    <mergeCell ref="U20:X20"/>
    <mergeCell ref="Y20:AL20"/>
    <mergeCell ref="Q21:T21"/>
    <mergeCell ref="U21:X21"/>
    <mergeCell ref="Y21:AL21"/>
    <mergeCell ref="AO27:CM27"/>
    <mergeCell ref="A28:AL28"/>
    <mergeCell ref="AN28:BP28"/>
    <mergeCell ref="A29:AL29"/>
    <mergeCell ref="AO29:BP29"/>
    <mergeCell ref="AO30:BP30"/>
    <mergeCell ref="BY30:CI30"/>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33:M33"/>
    <mergeCell ref="AO33:BP33"/>
    <mergeCell ref="BR33:BX34"/>
    <mergeCell ref="BY33:CG34"/>
    <mergeCell ref="CH33:CM34"/>
    <mergeCell ref="A34:M34"/>
    <mergeCell ref="AN34:BO34"/>
    <mergeCell ref="A31:M31"/>
    <mergeCell ref="AO31:BP31"/>
    <mergeCell ref="BR31:BX32"/>
    <mergeCell ref="BY31:CG32"/>
    <mergeCell ref="CH31:CM32"/>
    <mergeCell ref="A32:M32"/>
    <mergeCell ref="AO32:BP32"/>
    <mergeCell ref="O31:AL31"/>
    <mergeCell ref="O32:AL32"/>
    <mergeCell ref="O33:AL33"/>
    <mergeCell ref="O34:AL34"/>
    <mergeCell ref="CH35:CM36"/>
    <mergeCell ref="A36:M36"/>
    <mergeCell ref="A37:M37"/>
    <mergeCell ref="AN37:AV38"/>
    <mergeCell ref="AW37:BF38"/>
    <mergeCell ref="BG37:BP38"/>
    <mergeCell ref="BR37:BX38"/>
    <mergeCell ref="BY37:CG38"/>
    <mergeCell ref="CH37:CM38"/>
    <mergeCell ref="A38:M38"/>
    <mergeCell ref="A35:M35"/>
    <mergeCell ref="AN35:AV36"/>
    <mergeCell ref="AW35:BF36"/>
    <mergeCell ref="BG35:BP36"/>
    <mergeCell ref="BR35:BX36"/>
    <mergeCell ref="BY35:CG36"/>
    <mergeCell ref="O35:AL35"/>
    <mergeCell ref="O36:AL36"/>
    <mergeCell ref="O37:AL37"/>
    <mergeCell ref="O38:AL38"/>
    <mergeCell ref="CH39:CM40"/>
    <mergeCell ref="A40:M40"/>
    <mergeCell ref="A41:M41"/>
    <mergeCell ref="AU41:BE41"/>
    <mergeCell ref="BR41:CM41"/>
    <mergeCell ref="A42:M42"/>
    <mergeCell ref="AN42:AV43"/>
    <mergeCell ref="AW42:BF43"/>
    <mergeCell ref="BG42:BP43"/>
    <mergeCell ref="A39:M39"/>
    <mergeCell ref="AN39:AV40"/>
    <mergeCell ref="AW39:BF40"/>
    <mergeCell ref="BG39:BP40"/>
    <mergeCell ref="BR39:BX40"/>
    <mergeCell ref="BY39:CG40"/>
    <mergeCell ref="O39:AL39"/>
    <mergeCell ref="O40:AL40"/>
    <mergeCell ref="O41:AL41"/>
    <mergeCell ref="O42:AL42"/>
    <mergeCell ref="O43:AL43"/>
    <mergeCell ref="BM44:BP45"/>
    <mergeCell ref="BR44:BX45"/>
    <mergeCell ref="BY44:CB45"/>
    <mergeCell ref="CC44:CI45"/>
    <mergeCell ref="CJ44:CM45"/>
    <mergeCell ref="A45:M45"/>
    <mergeCell ref="A43:M43"/>
    <mergeCell ref="A44:M44"/>
    <mergeCell ref="AN44:AR45"/>
    <mergeCell ref="AS44:AV45"/>
    <mergeCell ref="AW44:BB45"/>
    <mergeCell ref="BC44:BF45"/>
    <mergeCell ref="BG44:BL45"/>
    <mergeCell ref="O44:AL44"/>
    <mergeCell ref="O45:AL45"/>
    <mergeCell ref="BR42:CB43"/>
    <mergeCell ref="CC42:CM43"/>
    <mergeCell ref="BO47:BS48"/>
    <mergeCell ref="BT47:BX48"/>
    <mergeCell ref="BY47:CC48"/>
    <mergeCell ref="CD47:CH48"/>
    <mergeCell ref="CI47:CM48"/>
    <mergeCell ref="A48:M48"/>
    <mergeCell ref="A46:M46"/>
    <mergeCell ref="AN46:AV46"/>
    <mergeCell ref="AW46:BD46"/>
    <mergeCell ref="CD46:CM46"/>
    <mergeCell ref="A47:M47"/>
    <mergeCell ref="AN47:AT48"/>
    <mergeCell ref="AU47:AY48"/>
    <mergeCell ref="AZ47:BD48"/>
    <mergeCell ref="BE47:BI48"/>
    <mergeCell ref="BJ47:BN48"/>
    <mergeCell ref="O46:AL46"/>
    <mergeCell ref="O47:AL47"/>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town.o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5―</oddFooter>
  </headerFooter>
  <drawing r:id="rId3"/>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11" zoomScale="70" zoomScaleNormal="70" zoomScaleSheetLayoutView="70" workbookViewId="0">
      <selection activeCell="F16" sqref="F16:M16"/>
    </sheetView>
  </sheetViews>
  <sheetFormatPr defaultColWidth="9" defaultRowHeight="12" x14ac:dyDescent="0.15"/>
  <cols>
    <col min="1" max="37" width="2.5" style="3" customWidth="1"/>
    <col min="38" max="38" width="4.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556</v>
      </c>
      <c r="B1" s="644" ph="1"/>
      <c r="C1" s="644" ph="1"/>
      <c r="D1" s="644" ph="1"/>
      <c r="E1" s="644" ph="1"/>
      <c r="F1" s="644" ph="1"/>
      <c r="G1" s="644" ph="1"/>
      <c r="H1" s="644" ph="1"/>
      <c r="I1" s="645"/>
      <c r="J1" s="645"/>
      <c r="K1" s="645"/>
      <c r="L1" s="645"/>
      <c r="M1" s="645"/>
      <c r="N1" s="454" t="s">
        <v>557</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488</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1296" t="s">
        <v>1366</v>
      </c>
      <c r="AO2" s="1297"/>
      <c r="AP2" s="1297"/>
      <c r="AQ2" s="1297"/>
      <c r="AR2" s="1297"/>
      <c r="AS2" s="1297"/>
      <c r="AT2" s="1297"/>
      <c r="AU2" s="1297"/>
      <c r="AV2" s="1297"/>
      <c r="AW2" s="1297"/>
      <c r="AX2" s="1297"/>
      <c r="AY2" s="1297"/>
      <c r="AZ2" s="1297"/>
      <c r="BA2" s="1297"/>
      <c r="BB2" s="1297"/>
      <c r="BC2" s="1297"/>
      <c r="BD2" s="1297"/>
      <c r="BE2" s="1297"/>
      <c r="BF2" s="1297"/>
      <c r="BG2" s="1297"/>
      <c r="BH2" s="1297"/>
      <c r="BI2" s="1297"/>
      <c r="BJ2" s="1297"/>
      <c r="BK2" s="1297"/>
      <c r="BL2" s="1297"/>
      <c r="BM2" s="1297"/>
      <c r="BN2" s="1297"/>
      <c r="BO2" s="1297"/>
      <c r="BP2" s="1297"/>
      <c r="BQ2" s="1297"/>
      <c r="BR2" s="1297"/>
      <c r="BS2" s="1297"/>
      <c r="BT2" s="1297"/>
      <c r="BU2" s="1297"/>
      <c r="BV2" s="1297"/>
      <c r="BW2" s="1297"/>
      <c r="BX2" s="1297"/>
      <c r="BY2" s="1297"/>
      <c r="BZ2" s="1297"/>
      <c r="CA2" s="1297"/>
      <c r="CB2" s="1297"/>
      <c r="CC2" s="1297"/>
      <c r="CD2" s="1297"/>
      <c r="CE2" s="1297"/>
      <c r="CF2" s="1297"/>
      <c r="CG2" s="1297"/>
      <c r="CH2" s="1297"/>
      <c r="CI2" s="1297"/>
      <c r="CJ2" s="1297"/>
      <c r="CK2" s="1297"/>
      <c r="CL2" s="1297"/>
      <c r="CM2" s="1298"/>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1299"/>
      <c r="AO3" s="1300"/>
      <c r="AP3" s="1300"/>
      <c r="AQ3" s="1300"/>
      <c r="AR3" s="1300"/>
      <c r="AS3" s="1300"/>
      <c r="AT3" s="1300"/>
      <c r="AU3" s="1300"/>
      <c r="AV3" s="1300"/>
      <c r="AW3" s="1300"/>
      <c r="AX3" s="1300"/>
      <c r="AY3" s="1300"/>
      <c r="AZ3" s="1300"/>
      <c r="BA3" s="1300"/>
      <c r="BB3" s="1300"/>
      <c r="BC3" s="1300"/>
      <c r="BD3" s="1300"/>
      <c r="BE3" s="1300"/>
      <c r="BF3" s="1300"/>
      <c r="BG3" s="1300"/>
      <c r="BH3" s="1300"/>
      <c r="BI3" s="1300"/>
      <c r="BJ3" s="1300"/>
      <c r="BK3" s="1300"/>
      <c r="BL3" s="1300"/>
      <c r="BM3" s="1300"/>
      <c r="BN3" s="1300"/>
      <c r="BO3" s="1300"/>
      <c r="BP3" s="1300"/>
      <c r="BQ3" s="1300"/>
      <c r="BR3" s="1300"/>
      <c r="BS3" s="1300"/>
      <c r="BT3" s="1300"/>
      <c r="BU3" s="1300"/>
      <c r="BV3" s="1300"/>
      <c r="BW3" s="1300"/>
      <c r="BX3" s="1300"/>
      <c r="BY3" s="1300"/>
      <c r="BZ3" s="1300"/>
      <c r="CA3" s="1300"/>
      <c r="CB3" s="1300"/>
      <c r="CC3" s="1300"/>
      <c r="CD3" s="1300"/>
      <c r="CE3" s="1300"/>
      <c r="CF3" s="1300"/>
      <c r="CG3" s="1300"/>
      <c r="CH3" s="1300"/>
      <c r="CI3" s="1300"/>
      <c r="CJ3" s="1300"/>
      <c r="CK3" s="1300"/>
      <c r="CL3" s="1300"/>
      <c r="CM3" s="1301"/>
      <c r="CQ3" s="3" ph="1"/>
    </row>
    <row r="4" spans="1:100" ht="17.25" customHeight="1" x14ac:dyDescent="0.15">
      <c r="A4" s="641" t="s">
        <v>236</v>
      </c>
      <c r="B4" s="641"/>
      <c r="C4" s="641"/>
      <c r="D4" s="641"/>
      <c r="E4" s="458">
        <v>143634</v>
      </c>
      <c r="F4" s="458"/>
      <c r="G4" s="458"/>
      <c r="H4" s="458"/>
      <c r="I4" s="647"/>
      <c r="J4" s="647"/>
      <c r="K4" s="647"/>
      <c r="L4" s="647"/>
      <c r="M4" s="647"/>
      <c r="N4" s="459" t="s">
        <v>558</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1299"/>
      <c r="AO4" s="1300"/>
      <c r="AP4" s="1300"/>
      <c r="AQ4" s="1300"/>
      <c r="AR4" s="1300"/>
      <c r="AS4" s="1300"/>
      <c r="AT4" s="1300"/>
      <c r="AU4" s="1300"/>
      <c r="AV4" s="1300"/>
      <c r="AW4" s="1300"/>
      <c r="AX4" s="1300"/>
      <c r="AY4" s="1300"/>
      <c r="AZ4" s="1300"/>
      <c r="BA4" s="1300"/>
      <c r="BB4" s="1300"/>
      <c r="BC4" s="1300"/>
      <c r="BD4" s="1300"/>
      <c r="BE4" s="1300"/>
      <c r="BF4" s="1300"/>
      <c r="BG4" s="1300"/>
      <c r="BH4" s="1300"/>
      <c r="BI4" s="1300"/>
      <c r="BJ4" s="1300"/>
      <c r="BK4" s="1300"/>
      <c r="BL4" s="1300"/>
      <c r="BM4" s="1300"/>
      <c r="BN4" s="1300"/>
      <c r="BO4" s="1300"/>
      <c r="BP4" s="1300"/>
      <c r="BQ4" s="1300"/>
      <c r="BR4" s="1300"/>
      <c r="BS4" s="1300"/>
      <c r="BT4" s="1300"/>
      <c r="BU4" s="1300"/>
      <c r="BV4" s="1300"/>
      <c r="BW4" s="1300"/>
      <c r="BX4" s="1300"/>
      <c r="BY4" s="1300"/>
      <c r="BZ4" s="1300"/>
      <c r="CA4" s="1300"/>
      <c r="CB4" s="1300"/>
      <c r="CC4" s="1300"/>
      <c r="CD4" s="1300"/>
      <c r="CE4" s="1300"/>
      <c r="CF4" s="1300"/>
      <c r="CG4" s="1300"/>
      <c r="CH4" s="1300"/>
      <c r="CI4" s="1300"/>
      <c r="CJ4" s="1300"/>
      <c r="CK4" s="1300"/>
      <c r="CL4" s="1300"/>
      <c r="CM4" s="1301"/>
    </row>
    <row r="5" spans="1:100" ht="17.25" customHeight="1" x14ac:dyDescent="0.15">
      <c r="A5" s="382" t="s">
        <v>237</v>
      </c>
      <c r="B5" s="484"/>
      <c r="C5" s="484"/>
      <c r="D5" s="484"/>
      <c r="E5" s="484"/>
      <c r="F5" s="484"/>
      <c r="G5" s="484"/>
      <c r="H5" s="485"/>
      <c r="I5" s="486" t="s">
        <v>706</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1299"/>
      <c r="AO5" s="1300"/>
      <c r="AP5" s="1300"/>
      <c r="AQ5" s="1300"/>
      <c r="AR5" s="1300"/>
      <c r="AS5" s="1300"/>
      <c r="AT5" s="1300"/>
      <c r="AU5" s="1300"/>
      <c r="AV5" s="1300"/>
      <c r="AW5" s="1300"/>
      <c r="AX5" s="1300"/>
      <c r="AY5" s="1300"/>
      <c r="AZ5" s="1300"/>
      <c r="BA5" s="1300"/>
      <c r="BB5" s="1300"/>
      <c r="BC5" s="1300"/>
      <c r="BD5" s="1300"/>
      <c r="BE5" s="1300"/>
      <c r="BF5" s="1300"/>
      <c r="BG5" s="1300"/>
      <c r="BH5" s="1300"/>
      <c r="BI5" s="1300"/>
      <c r="BJ5" s="1300"/>
      <c r="BK5" s="1300"/>
      <c r="BL5" s="1300"/>
      <c r="BM5" s="1300"/>
      <c r="BN5" s="1300"/>
      <c r="BO5" s="1300"/>
      <c r="BP5" s="1300"/>
      <c r="BQ5" s="1300"/>
      <c r="BR5" s="1300"/>
      <c r="BS5" s="1300"/>
      <c r="BT5" s="1300"/>
      <c r="BU5" s="1300"/>
      <c r="BV5" s="1300"/>
      <c r="BW5" s="1300"/>
      <c r="BX5" s="1300"/>
      <c r="BY5" s="1300"/>
      <c r="BZ5" s="1300"/>
      <c r="CA5" s="1300"/>
      <c r="CB5" s="1300"/>
      <c r="CC5" s="1300"/>
      <c r="CD5" s="1300"/>
      <c r="CE5" s="1300"/>
      <c r="CF5" s="1300"/>
      <c r="CG5" s="1300"/>
      <c r="CH5" s="1300"/>
      <c r="CI5" s="1300"/>
      <c r="CJ5" s="1300"/>
      <c r="CK5" s="1300"/>
      <c r="CL5" s="1300"/>
      <c r="CM5" s="1301"/>
    </row>
    <row r="6" spans="1:100" ht="17.25" customHeight="1" x14ac:dyDescent="0.15">
      <c r="A6" s="364"/>
      <c r="B6" s="365"/>
      <c r="C6" s="365"/>
      <c r="D6" s="365"/>
      <c r="E6" s="365"/>
      <c r="F6" s="365"/>
      <c r="G6" s="365"/>
      <c r="H6" s="366"/>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1299"/>
      <c r="AO6" s="1300"/>
      <c r="AP6" s="1300"/>
      <c r="AQ6" s="1300"/>
      <c r="AR6" s="1300"/>
      <c r="AS6" s="1300"/>
      <c r="AT6" s="1300"/>
      <c r="AU6" s="1300"/>
      <c r="AV6" s="1300"/>
      <c r="AW6" s="1300"/>
      <c r="AX6" s="1300"/>
      <c r="AY6" s="1300"/>
      <c r="AZ6" s="1300"/>
      <c r="BA6" s="1300"/>
      <c r="BB6" s="1300"/>
      <c r="BC6" s="1300"/>
      <c r="BD6" s="1300"/>
      <c r="BE6" s="1300"/>
      <c r="BF6" s="1300"/>
      <c r="BG6" s="1300"/>
      <c r="BH6" s="1300"/>
      <c r="BI6" s="1300"/>
      <c r="BJ6" s="1300"/>
      <c r="BK6" s="1300"/>
      <c r="BL6" s="1300"/>
      <c r="BM6" s="1300"/>
      <c r="BN6" s="1300"/>
      <c r="BO6" s="1300"/>
      <c r="BP6" s="1300"/>
      <c r="BQ6" s="1300"/>
      <c r="BR6" s="1300"/>
      <c r="BS6" s="1300"/>
      <c r="BT6" s="1300"/>
      <c r="BU6" s="1300"/>
      <c r="BV6" s="1300"/>
      <c r="BW6" s="1300"/>
      <c r="BX6" s="1300"/>
      <c r="BY6" s="1300"/>
      <c r="BZ6" s="1300"/>
      <c r="CA6" s="1300"/>
      <c r="CB6" s="1300"/>
      <c r="CC6" s="1300"/>
      <c r="CD6" s="1300"/>
      <c r="CE6" s="1300"/>
      <c r="CF6" s="1300"/>
      <c r="CG6" s="1300"/>
      <c r="CH6" s="1300"/>
      <c r="CI6" s="1300"/>
      <c r="CJ6" s="1300"/>
      <c r="CK6" s="1300"/>
      <c r="CL6" s="1300"/>
      <c r="CM6" s="1301"/>
    </row>
    <row r="7" spans="1:100" ht="17.25" customHeight="1" x14ac:dyDescent="0.15">
      <c r="A7" s="405" t="s">
        <v>238</v>
      </c>
      <c r="B7" s="406"/>
      <c r="C7" s="406"/>
      <c r="D7" s="407"/>
      <c r="E7" s="65" t="s">
        <v>0</v>
      </c>
      <c r="F7" s="492" t="s">
        <v>559</v>
      </c>
      <c r="G7" s="492"/>
      <c r="H7" s="492"/>
      <c r="I7" s="492"/>
      <c r="J7" s="492"/>
      <c r="K7" s="492"/>
      <c r="L7" s="493"/>
      <c r="M7" s="642"/>
      <c r="N7" s="642"/>
      <c r="O7" s="642"/>
      <c r="P7" s="642"/>
      <c r="Q7" s="642"/>
      <c r="R7" s="642"/>
      <c r="S7" s="642"/>
      <c r="T7" s="642"/>
      <c r="U7" s="642"/>
      <c r="V7" s="642"/>
      <c r="W7" s="642"/>
      <c r="X7" s="642"/>
      <c r="Y7" s="643"/>
      <c r="Z7" s="332" t="s">
        <v>239</v>
      </c>
      <c r="AA7" s="332"/>
      <c r="AB7" s="332"/>
      <c r="AC7" s="431" t="s">
        <v>560</v>
      </c>
      <c r="AD7" s="431"/>
      <c r="AE7" s="431"/>
      <c r="AF7" s="431"/>
      <c r="AG7" s="431"/>
      <c r="AH7" s="431"/>
      <c r="AI7" s="431"/>
      <c r="AJ7" s="431"/>
      <c r="AK7" s="431"/>
      <c r="AL7" s="431"/>
      <c r="AM7" s="5"/>
      <c r="AN7" s="1299"/>
      <c r="AO7" s="1300"/>
      <c r="AP7" s="1300"/>
      <c r="AQ7" s="1300"/>
      <c r="AR7" s="1300"/>
      <c r="AS7" s="1300"/>
      <c r="AT7" s="1300"/>
      <c r="AU7" s="1300"/>
      <c r="AV7" s="1300"/>
      <c r="AW7" s="1300"/>
      <c r="AX7" s="1300"/>
      <c r="AY7" s="1300"/>
      <c r="AZ7" s="1300"/>
      <c r="BA7" s="1300"/>
      <c r="BB7" s="1300"/>
      <c r="BC7" s="1300"/>
      <c r="BD7" s="1300"/>
      <c r="BE7" s="1300"/>
      <c r="BF7" s="1300"/>
      <c r="BG7" s="1300"/>
      <c r="BH7" s="1300"/>
      <c r="BI7" s="1300"/>
      <c r="BJ7" s="1300"/>
      <c r="BK7" s="1300"/>
      <c r="BL7" s="1300"/>
      <c r="BM7" s="1300"/>
      <c r="BN7" s="1300"/>
      <c r="BO7" s="1300"/>
      <c r="BP7" s="1300"/>
      <c r="BQ7" s="1300"/>
      <c r="BR7" s="1300"/>
      <c r="BS7" s="1300"/>
      <c r="BT7" s="1300"/>
      <c r="BU7" s="1300"/>
      <c r="BV7" s="1300"/>
      <c r="BW7" s="1300"/>
      <c r="BX7" s="1300"/>
      <c r="BY7" s="1300"/>
      <c r="BZ7" s="1300"/>
      <c r="CA7" s="1300"/>
      <c r="CB7" s="1300"/>
      <c r="CC7" s="1300"/>
      <c r="CD7" s="1300"/>
      <c r="CE7" s="1300"/>
      <c r="CF7" s="1300"/>
      <c r="CG7" s="1300"/>
      <c r="CH7" s="1300"/>
      <c r="CI7" s="1300"/>
      <c r="CJ7" s="1300"/>
      <c r="CK7" s="1300"/>
      <c r="CL7" s="1300"/>
      <c r="CM7" s="1301"/>
    </row>
    <row r="8" spans="1:100" ht="17.25" customHeight="1" x14ac:dyDescent="0.15">
      <c r="A8" s="405"/>
      <c r="B8" s="406"/>
      <c r="C8" s="406"/>
      <c r="D8" s="407"/>
      <c r="E8" s="433" t="s">
        <v>561</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1299"/>
      <c r="AO8" s="1300"/>
      <c r="AP8" s="1300"/>
      <c r="AQ8" s="1300"/>
      <c r="AR8" s="1300"/>
      <c r="AS8" s="1300"/>
      <c r="AT8" s="1300"/>
      <c r="AU8" s="1300"/>
      <c r="AV8" s="1300"/>
      <c r="AW8" s="1300"/>
      <c r="AX8" s="1300"/>
      <c r="AY8" s="1300"/>
      <c r="AZ8" s="1300"/>
      <c r="BA8" s="1300"/>
      <c r="BB8" s="1300"/>
      <c r="BC8" s="1300"/>
      <c r="BD8" s="1300"/>
      <c r="BE8" s="1300"/>
      <c r="BF8" s="1300"/>
      <c r="BG8" s="1300"/>
      <c r="BH8" s="1300"/>
      <c r="BI8" s="1300"/>
      <c r="BJ8" s="1300"/>
      <c r="BK8" s="1300"/>
      <c r="BL8" s="1300"/>
      <c r="BM8" s="1300"/>
      <c r="BN8" s="1300"/>
      <c r="BO8" s="1300"/>
      <c r="BP8" s="1300"/>
      <c r="BQ8" s="1300"/>
      <c r="BR8" s="1300"/>
      <c r="BS8" s="1300"/>
      <c r="BT8" s="1300"/>
      <c r="BU8" s="1300"/>
      <c r="BV8" s="1300"/>
      <c r="BW8" s="1300"/>
      <c r="BX8" s="1300"/>
      <c r="BY8" s="1300"/>
      <c r="BZ8" s="1300"/>
      <c r="CA8" s="1300"/>
      <c r="CB8" s="1300"/>
      <c r="CC8" s="1300"/>
      <c r="CD8" s="1300"/>
      <c r="CE8" s="1300"/>
      <c r="CF8" s="1300"/>
      <c r="CG8" s="1300"/>
      <c r="CH8" s="1300"/>
      <c r="CI8" s="1300"/>
      <c r="CJ8" s="1300"/>
      <c r="CK8" s="1300"/>
      <c r="CL8" s="1300"/>
      <c r="CM8" s="1301"/>
    </row>
    <row r="9" spans="1:100" ht="17.25" customHeight="1" x14ac:dyDescent="0.15">
      <c r="A9" s="405" t="s">
        <v>240</v>
      </c>
      <c r="B9" s="406"/>
      <c r="C9" s="406"/>
      <c r="D9" s="407"/>
      <c r="E9" s="445" t="s">
        <v>1007</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518" t="s">
        <v>245</v>
      </c>
      <c r="AO9" s="518"/>
      <c r="AP9" s="518"/>
      <c r="AQ9" s="518"/>
      <c r="AR9" s="518"/>
      <c r="AS9" s="518"/>
      <c r="AT9" s="518"/>
      <c r="AU9" s="518"/>
      <c r="AV9" s="518"/>
      <c r="AW9" s="518"/>
      <c r="AX9" s="518"/>
      <c r="AY9" s="518"/>
      <c r="AZ9" s="518"/>
      <c r="BA9" s="518"/>
      <c r="BB9" s="518"/>
      <c r="BC9" s="518"/>
      <c r="BD9" s="518"/>
      <c r="BE9" s="518"/>
      <c r="BF9" s="518"/>
      <c r="BG9" s="518"/>
      <c r="BH9" s="518"/>
      <c r="BI9" s="518"/>
      <c r="BJ9" s="518"/>
      <c r="BK9" s="518"/>
      <c r="BL9" s="518"/>
      <c r="BM9" s="518"/>
      <c r="BN9" s="518"/>
      <c r="BO9" s="518"/>
      <c r="BP9" s="518"/>
      <c r="BQ9" s="518"/>
      <c r="BR9" s="518"/>
      <c r="BS9" s="518"/>
      <c r="BT9" s="518"/>
      <c r="BU9" s="518"/>
      <c r="BV9" s="518"/>
      <c r="BW9" s="518"/>
      <c r="BX9" s="518"/>
      <c r="BY9" s="518"/>
      <c r="BZ9" s="518"/>
      <c r="CA9" s="518"/>
      <c r="CB9" s="518"/>
      <c r="CC9" s="518"/>
      <c r="CD9" s="518"/>
      <c r="CE9" s="518"/>
      <c r="CF9" s="518"/>
      <c r="CG9" s="518"/>
      <c r="CH9" s="518"/>
      <c r="CI9" s="518"/>
      <c r="CJ9" s="518"/>
      <c r="CK9" s="518"/>
      <c r="CL9" s="518"/>
      <c r="CM9" s="518"/>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287" t="s">
        <v>219</v>
      </c>
      <c r="AO10" s="287"/>
      <c r="AP10" s="287"/>
      <c r="AQ10" s="287"/>
      <c r="AR10" s="287"/>
      <c r="AS10" s="287"/>
      <c r="AT10" s="856" t="s">
        <v>562</v>
      </c>
      <c r="AU10" s="856"/>
      <c r="AV10" s="856"/>
      <c r="AW10" s="856"/>
      <c r="AX10" s="856"/>
      <c r="AY10" s="856"/>
      <c r="AZ10" s="856"/>
      <c r="BA10" s="856"/>
      <c r="BB10" s="856"/>
      <c r="BC10" s="856"/>
      <c r="BD10" s="856"/>
      <c r="BE10" s="856"/>
      <c r="BF10" s="856"/>
      <c r="BG10" s="856"/>
      <c r="BH10" s="856"/>
      <c r="BI10" s="856"/>
      <c r="BJ10" s="856"/>
      <c r="BK10" s="856"/>
      <c r="BL10" s="856"/>
      <c r="BM10" s="856"/>
      <c r="BN10" s="856"/>
      <c r="BO10" s="856"/>
      <c r="BP10" s="856"/>
      <c r="BQ10" s="856"/>
      <c r="BR10" s="856"/>
      <c r="BS10" s="856"/>
      <c r="BT10" s="856"/>
      <c r="BU10" s="856"/>
      <c r="BV10" s="856"/>
      <c r="BW10" s="856"/>
      <c r="BX10" s="856"/>
      <c r="BY10" s="856"/>
      <c r="BZ10" s="856"/>
      <c r="CA10" s="856"/>
      <c r="CB10" s="856"/>
      <c r="CC10" s="856"/>
      <c r="CD10" s="856"/>
      <c r="CE10" s="856"/>
      <c r="CF10" s="856"/>
      <c r="CG10" s="856"/>
      <c r="CH10" s="856"/>
      <c r="CI10" s="856"/>
      <c r="CJ10" s="856"/>
      <c r="CK10" s="856"/>
      <c r="CL10" s="856"/>
      <c r="CM10" s="856"/>
    </row>
    <row r="11" spans="1:100" ht="17.25" customHeight="1" x14ac:dyDescent="0.15">
      <c r="A11" s="405" t="s">
        <v>37</v>
      </c>
      <c r="B11" s="406"/>
      <c r="C11" s="406"/>
      <c r="D11" s="407"/>
      <c r="E11" s="615" t="s">
        <v>1008</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287"/>
      <c r="AO11" s="287"/>
      <c r="AP11" s="287"/>
      <c r="AQ11" s="287"/>
      <c r="AR11" s="287"/>
      <c r="AS11" s="287"/>
      <c r="AT11" s="856"/>
      <c r="AU11" s="856"/>
      <c r="AV11" s="856"/>
      <c r="AW11" s="856"/>
      <c r="AX11" s="856"/>
      <c r="AY11" s="856"/>
      <c r="AZ11" s="856"/>
      <c r="BA11" s="856"/>
      <c r="BB11" s="856"/>
      <c r="BC11" s="856"/>
      <c r="BD11" s="856"/>
      <c r="BE11" s="856"/>
      <c r="BF11" s="856"/>
      <c r="BG11" s="856"/>
      <c r="BH11" s="856"/>
      <c r="BI11" s="856"/>
      <c r="BJ11" s="856"/>
      <c r="BK11" s="856"/>
      <c r="BL11" s="856"/>
      <c r="BM11" s="856"/>
      <c r="BN11" s="856"/>
      <c r="BO11" s="856"/>
      <c r="BP11" s="856"/>
      <c r="BQ11" s="856"/>
      <c r="BR11" s="856"/>
      <c r="BS11" s="856"/>
      <c r="BT11" s="856"/>
      <c r="BU11" s="856"/>
      <c r="BV11" s="856"/>
      <c r="BW11" s="856"/>
      <c r="BX11" s="856"/>
      <c r="BY11" s="856"/>
      <c r="BZ11" s="856"/>
      <c r="CA11" s="856"/>
      <c r="CB11" s="856"/>
      <c r="CC11" s="856"/>
      <c r="CD11" s="856"/>
      <c r="CE11" s="856"/>
      <c r="CF11" s="856"/>
      <c r="CG11" s="856"/>
      <c r="CH11" s="856"/>
      <c r="CI11" s="856"/>
      <c r="CJ11" s="856"/>
      <c r="CK11" s="856"/>
      <c r="CL11" s="856"/>
      <c r="CM11" s="856"/>
    </row>
    <row r="12" spans="1:100" ht="17.25" customHeight="1" x14ac:dyDescent="0.15">
      <c r="A12" s="332" t="s">
        <v>474</v>
      </c>
      <c r="B12" s="332"/>
      <c r="C12" s="332"/>
      <c r="D12" s="332"/>
      <c r="E12" s="328"/>
      <c r="F12" s="330" t="s">
        <v>1009</v>
      </c>
      <c r="G12" s="331"/>
      <c r="H12" s="331"/>
      <c r="I12" s="331"/>
      <c r="J12" s="331"/>
      <c r="K12" s="331"/>
      <c r="L12" s="331"/>
      <c r="M12" s="331"/>
      <c r="N12" s="522"/>
      <c r="O12" s="416" t="s">
        <v>242</v>
      </c>
      <c r="P12" s="417"/>
      <c r="Q12" s="377">
        <v>20180</v>
      </c>
      <c r="R12" s="220"/>
      <c r="S12" s="220"/>
      <c r="T12" s="220"/>
      <c r="U12" s="371" t="s">
        <v>148</v>
      </c>
      <c r="V12" s="220"/>
      <c r="W12" s="220"/>
      <c r="X12" s="220"/>
      <c r="Y12" s="371" t="s">
        <v>563</v>
      </c>
      <c r="Z12" s="220"/>
      <c r="AA12" s="220"/>
      <c r="AB12" s="220"/>
      <c r="AC12" s="220"/>
      <c r="AD12" s="220"/>
      <c r="AE12" s="220"/>
      <c r="AF12" s="220"/>
      <c r="AG12" s="220"/>
      <c r="AH12" s="220"/>
      <c r="AI12" s="220"/>
      <c r="AJ12" s="220"/>
      <c r="AK12" s="220"/>
      <c r="AL12" s="372"/>
      <c r="AM12" s="5"/>
      <c r="AN12" s="287" t="s">
        <v>220</v>
      </c>
      <c r="AO12" s="287"/>
      <c r="AP12" s="287"/>
      <c r="AQ12" s="287"/>
      <c r="AR12" s="287"/>
      <c r="AS12" s="287"/>
      <c r="AT12" s="856" t="s">
        <v>565</v>
      </c>
      <c r="AU12" s="856"/>
      <c r="AV12" s="856"/>
      <c r="AW12" s="856"/>
      <c r="AX12" s="856"/>
      <c r="AY12" s="856"/>
      <c r="AZ12" s="856"/>
      <c r="BA12" s="856"/>
      <c r="BB12" s="856"/>
      <c r="BC12" s="856"/>
      <c r="BD12" s="856"/>
      <c r="BE12" s="856"/>
      <c r="BF12" s="856"/>
      <c r="BG12" s="856"/>
      <c r="BH12" s="856"/>
      <c r="BI12" s="856"/>
      <c r="BJ12" s="856"/>
      <c r="BK12" s="856"/>
      <c r="BL12" s="856"/>
      <c r="BM12" s="856"/>
      <c r="BN12" s="856"/>
      <c r="BO12" s="856"/>
      <c r="BP12" s="856"/>
      <c r="BQ12" s="856"/>
      <c r="BR12" s="856"/>
      <c r="BS12" s="856"/>
      <c r="BT12" s="856"/>
      <c r="BU12" s="856"/>
      <c r="BV12" s="856"/>
      <c r="BW12" s="856"/>
      <c r="BX12" s="856"/>
      <c r="BY12" s="856"/>
      <c r="BZ12" s="856"/>
      <c r="CA12" s="856"/>
      <c r="CB12" s="856"/>
      <c r="CC12" s="856"/>
      <c r="CD12" s="856"/>
      <c r="CE12" s="856"/>
      <c r="CF12" s="856"/>
      <c r="CG12" s="856"/>
      <c r="CH12" s="856"/>
      <c r="CI12" s="856"/>
      <c r="CJ12" s="856"/>
      <c r="CK12" s="856"/>
      <c r="CL12" s="856"/>
      <c r="CM12" s="856"/>
      <c r="CQ12" s="3" ph="1"/>
      <c r="CR12" s="3" ph="1"/>
      <c r="CS12" s="3" ph="1"/>
      <c r="CT12" s="3" ph="1"/>
      <c r="CU12" s="3" ph="1"/>
      <c r="CV12" s="3" ph="1"/>
    </row>
    <row r="13" spans="1:100" ht="17.25" customHeight="1" x14ac:dyDescent="0.15">
      <c r="A13" s="328"/>
      <c r="B13" s="328"/>
      <c r="C13" s="328"/>
      <c r="D13" s="328"/>
      <c r="E13" s="328"/>
      <c r="F13" s="336" t="s">
        <v>564</v>
      </c>
      <c r="G13" s="337"/>
      <c r="H13" s="337"/>
      <c r="I13" s="337"/>
      <c r="J13" s="337"/>
      <c r="K13" s="337"/>
      <c r="L13" s="337"/>
      <c r="M13" s="338"/>
      <c r="N13" s="523"/>
      <c r="O13" s="418"/>
      <c r="P13" s="419"/>
      <c r="Q13" s="376"/>
      <c r="R13" s="220"/>
      <c r="S13" s="220"/>
      <c r="T13" s="220"/>
      <c r="U13" s="371"/>
      <c r="V13" s="220"/>
      <c r="W13" s="220"/>
      <c r="X13" s="220"/>
      <c r="Y13" s="371"/>
      <c r="Z13" s="852"/>
      <c r="AA13" s="852"/>
      <c r="AB13" s="852"/>
      <c r="AC13" s="852"/>
      <c r="AD13" s="852"/>
      <c r="AE13" s="852"/>
      <c r="AF13" s="852"/>
      <c r="AG13" s="852"/>
      <c r="AH13" s="852"/>
      <c r="AI13" s="852"/>
      <c r="AJ13" s="852"/>
      <c r="AK13" s="852"/>
      <c r="AL13" s="853"/>
      <c r="AM13" s="5"/>
      <c r="AN13" s="287"/>
      <c r="AO13" s="287"/>
      <c r="AP13" s="287"/>
      <c r="AQ13" s="287"/>
      <c r="AR13" s="287"/>
      <c r="AS13" s="287"/>
      <c r="AT13" s="856"/>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426">
        <v>3</v>
      </c>
      <c r="B14" s="651"/>
      <c r="C14" s="651"/>
      <c r="D14" s="651"/>
      <c r="E14" s="651"/>
      <c r="F14" s="339"/>
      <c r="G14" s="340"/>
      <c r="H14" s="340"/>
      <c r="I14" s="340"/>
      <c r="J14" s="340"/>
      <c r="K14" s="340"/>
      <c r="L14" s="340"/>
      <c r="M14" s="341"/>
      <c r="N14" s="523"/>
      <c r="O14" s="418"/>
      <c r="P14" s="419"/>
      <c r="Q14" s="377"/>
      <c r="R14" s="220"/>
      <c r="S14" s="220"/>
      <c r="T14" s="220"/>
      <c r="U14" s="371"/>
      <c r="V14" s="220"/>
      <c r="W14" s="220"/>
      <c r="X14" s="220"/>
      <c r="Y14" s="371"/>
      <c r="Z14" s="220"/>
      <c r="AA14" s="220"/>
      <c r="AB14" s="220"/>
      <c r="AC14" s="220"/>
      <c r="AD14" s="220"/>
      <c r="AE14" s="220"/>
      <c r="AF14" s="220"/>
      <c r="AG14" s="220"/>
      <c r="AH14" s="220"/>
      <c r="AI14" s="220"/>
      <c r="AJ14" s="220"/>
      <c r="AK14" s="220"/>
      <c r="AL14" s="372"/>
      <c r="AM14" s="5"/>
      <c r="AN14" s="287" t="s">
        <v>221</v>
      </c>
      <c r="AO14" s="287"/>
      <c r="AP14" s="287"/>
      <c r="AQ14" s="287"/>
      <c r="AR14" s="287"/>
      <c r="AS14" s="287"/>
      <c r="AT14" s="856" t="s">
        <v>1116</v>
      </c>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5922</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87"/>
      <c r="AO15" s="287"/>
      <c r="AP15" s="287"/>
      <c r="AQ15" s="287"/>
      <c r="AR15" s="287"/>
      <c r="AS15" s="287"/>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13</v>
      </c>
      <c r="B16" s="484"/>
      <c r="C16" s="484"/>
      <c r="D16" s="484"/>
      <c r="E16" s="485"/>
      <c r="F16" s="345" t="s">
        <v>566</v>
      </c>
      <c r="G16" s="346"/>
      <c r="H16" s="346"/>
      <c r="I16" s="346"/>
      <c r="J16" s="346"/>
      <c r="K16" s="346"/>
      <c r="L16" s="346"/>
      <c r="M16" s="346"/>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87" t="s">
        <v>222</v>
      </c>
      <c r="AO16" s="287"/>
      <c r="AP16" s="287"/>
      <c r="AQ16" s="287"/>
      <c r="AR16" s="287"/>
      <c r="AS16" s="287"/>
      <c r="AT16" s="855" t="s">
        <v>568</v>
      </c>
      <c r="AU16" s="855"/>
      <c r="AV16" s="855"/>
      <c r="AW16" s="855"/>
      <c r="AX16" s="855"/>
      <c r="AY16" s="855"/>
      <c r="AZ16" s="855"/>
      <c r="BA16" s="855"/>
      <c r="BB16" s="855"/>
      <c r="BC16" s="855"/>
      <c r="BD16" s="855"/>
      <c r="BE16" s="855"/>
      <c r="BF16" s="855"/>
      <c r="BG16" s="855"/>
      <c r="BH16" s="855"/>
      <c r="BI16" s="855"/>
      <c r="BJ16" s="855"/>
      <c r="BK16" s="855"/>
      <c r="BL16" s="855"/>
      <c r="BM16" s="855"/>
      <c r="BN16" s="855"/>
      <c r="BO16" s="855"/>
      <c r="BP16" s="855"/>
      <c r="BQ16" s="855"/>
      <c r="BR16" s="855"/>
      <c r="BS16" s="855"/>
      <c r="BT16" s="855"/>
      <c r="BU16" s="855"/>
      <c r="BV16" s="855"/>
      <c r="BW16" s="855"/>
      <c r="BX16" s="855"/>
      <c r="BY16" s="855"/>
      <c r="BZ16" s="855"/>
      <c r="CA16" s="855"/>
      <c r="CB16" s="855"/>
      <c r="CC16" s="855"/>
      <c r="CD16" s="855"/>
      <c r="CE16" s="855"/>
      <c r="CF16" s="855"/>
      <c r="CG16" s="855"/>
      <c r="CH16" s="855"/>
      <c r="CI16" s="855"/>
      <c r="CJ16" s="855"/>
      <c r="CK16" s="855"/>
      <c r="CL16" s="855"/>
      <c r="CM16" s="855"/>
      <c r="CQ16" s="3" ph="1"/>
      <c r="CR16" s="3" ph="1"/>
      <c r="CS16" s="3" ph="1"/>
      <c r="CT16" s="3" ph="1"/>
      <c r="CU16" s="3" ph="1"/>
      <c r="CV16" s="3" ph="1"/>
    </row>
    <row r="17" spans="1:100" ht="17.25" customHeight="1" x14ac:dyDescent="0.15">
      <c r="A17" s="361"/>
      <c r="B17" s="362"/>
      <c r="C17" s="362"/>
      <c r="D17" s="362"/>
      <c r="E17" s="363"/>
      <c r="F17" s="398" t="s">
        <v>567</v>
      </c>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c r="AO17" s="287"/>
      <c r="AP17" s="287"/>
      <c r="AQ17" s="287"/>
      <c r="AR17" s="287"/>
      <c r="AS17" s="287"/>
      <c r="AT17" s="855"/>
      <c r="AU17" s="855"/>
      <c r="AV17" s="855"/>
      <c r="AW17" s="855"/>
      <c r="AX17" s="855"/>
      <c r="AY17" s="855"/>
      <c r="AZ17" s="855"/>
      <c r="BA17" s="855"/>
      <c r="BB17" s="855"/>
      <c r="BC17" s="855"/>
      <c r="BD17" s="855"/>
      <c r="BE17" s="855"/>
      <c r="BF17" s="855"/>
      <c r="BG17" s="855"/>
      <c r="BH17" s="855"/>
      <c r="BI17" s="855"/>
      <c r="BJ17" s="855"/>
      <c r="BK17" s="855"/>
      <c r="BL17" s="855"/>
      <c r="BM17" s="855"/>
      <c r="BN17" s="855"/>
      <c r="BO17" s="855"/>
      <c r="BP17" s="855"/>
      <c r="BQ17" s="855"/>
      <c r="BR17" s="855"/>
      <c r="BS17" s="855"/>
      <c r="BT17" s="855"/>
      <c r="BU17" s="855"/>
      <c r="BV17" s="855"/>
      <c r="BW17" s="855"/>
      <c r="BX17" s="855"/>
      <c r="BY17" s="855"/>
      <c r="BZ17" s="855"/>
      <c r="CA17" s="855"/>
      <c r="CB17" s="855"/>
      <c r="CC17" s="855"/>
      <c r="CD17" s="855"/>
      <c r="CE17" s="855"/>
      <c r="CF17" s="855"/>
      <c r="CG17" s="855"/>
      <c r="CH17" s="855"/>
      <c r="CI17" s="855"/>
      <c r="CJ17" s="855"/>
      <c r="CK17" s="855"/>
      <c r="CL17" s="855"/>
      <c r="CM17" s="855"/>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87"/>
      <c r="AO18" s="287"/>
      <c r="AP18" s="287"/>
      <c r="AQ18" s="287"/>
      <c r="AR18" s="287"/>
      <c r="AS18" s="287"/>
      <c r="AT18" s="855"/>
      <c r="AU18" s="855"/>
      <c r="AV18" s="855"/>
      <c r="AW18" s="855"/>
      <c r="AX18" s="855"/>
      <c r="AY18" s="855"/>
      <c r="AZ18" s="855"/>
      <c r="BA18" s="855"/>
      <c r="BB18" s="855"/>
      <c r="BC18" s="855"/>
      <c r="BD18" s="855"/>
      <c r="BE18" s="855"/>
      <c r="BF18" s="855"/>
      <c r="BG18" s="855"/>
      <c r="BH18" s="855"/>
      <c r="BI18" s="855"/>
      <c r="BJ18" s="855"/>
      <c r="BK18" s="855"/>
      <c r="BL18" s="855"/>
      <c r="BM18" s="855"/>
      <c r="BN18" s="855"/>
      <c r="BO18" s="855"/>
      <c r="BP18" s="855"/>
      <c r="BQ18" s="855"/>
      <c r="BR18" s="855"/>
      <c r="BS18" s="855"/>
      <c r="BT18" s="855"/>
      <c r="BU18" s="855"/>
      <c r="BV18" s="855"/>
      <c r="BW18" s="855"/>
      <c r="BX18" s="855"/>
      <c r="BY18" s="855"/>
      <c r="BZ18" s="855"/>
      <c r="CA18" s="855"/>
      <c r="CB18" s="855"/>
      <c r="CC18" s="855"/>
      <c r="CD18" s="855"/>
      <c r="CE18" s="855"/>
      <c r="CF18" s="855"/>
      <c r="CG18" s="855"/>
      <c r="CH18" s="855"/>
      <c r="CI18" s="855"/>
      <c r="CJ18" s="855"/>
      <c r="CK18" s="855"/>
      <c r="CL18" s="855"/>
      <c r="CM18" s="855"/>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518" t="s">
        <v>257</v>
      </c>
      <c r="AO19" s="518"/>
      <c r="AP19" s="518"/>
      <c r="AQ19" s="518"/>
      <c r="AR19" s="518"/>
      <c r="AS19" s="518"/>
      <c r="AT19" s="518"/>
      <c r="AU19" s="518"/>
      <c r="AV19" s="518"/>
      <c r="AW19" s="518"/>
      <c r="AX19" s="518"/>
      <c r="AY19" s="518"/>
      <c r="AZ19" s="518"/>
      <c r="BA19" s="518"/>
      <c r="BB19" s="518"/>
      <c r="BC19" s="518"/>
      <c r="BD19" s="518"/>
      <c r="BE19" s="518"/>
      <c r="BF19" s="518"/>
      <c r="BG19" s="518"/>
      <c r="BH19" s="518"/>
      <c r="BI19" s="518"/>
      <c r="BJ19" s="518"/>
      <c r="BK19" s="518"/>
      <c r="BL19" s="518"/>
      <c r="BM19" s="518"/>
      <c r="BN19" s="518"/>
      <c r="BO19" s="518"/>
      <c r="BP19" s="518"/>
      <c r="BQ19" s="518"/>
      <c r="BR19" s="518"/>
      <c r="BS19" s="518"/>
      <c r="BT19" s="518"/>
      <c r="BU19" s="518"/>
      <c r="BV19" s="518"/>
      <c r="BW19" s="518"/>
      <c r="BX19" s="518"/>
      <c r="BY19" s="518"/>
      <c r="BZ19" s="518"/>
      <c r="CA19" s="518"/>
      <c r="CB19" s="518"/>
      <c r="CC19" s="518"/>
      <c r="CD19" s="518"/>
      <c r="CE19" s="518"/>
      <c r="CF19" s="518"/>
      <c r="CG19" s="518"/>
      <c r="CH19" s="518"/>
      <c r="CI19" s="518"/>
      <c r="CJ19" s="518"/>
      <c r="CK19" s="518"/>
      <c r="CL19" s="518"/>
      <c r="CM19" s="518"/>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523"/>
      <c r="O20" s="418"/>
      <c r="P20" s="419"/>
      <c r="Q20" s="377"/>
      <c r="R20" s="220"/>
      <c r="S20" s="220"/>
      <c r="T20" s="220"/>
      <c r="U20" s="814"/>
      <c r="V20" s="814"/>
      <c r="W20" s="814"/>
      <c r="X20" s="814"/>
      <c r="Y20" s="371"/>
      <c r="Z20" s="220"/>
      <c r="AA20" s="220"/>
      <c r="AB20" s="220"/>
      <c r="AC20" s="220"/>
      <c r="AD20" s="220"/>
      <c r="AE20" s="220"/>
      <c r="AF20" s="220"/>
      <c r="AG20" s="220"/>
      <c r="AH20" s="220"/>
      <c r="AI20" s="220"/>
      <c r="AJ20" s="220"/>
      <c r="AK20" s="220"/>
      <c r="AL20" s="372"/>
      <c r="AM20" s="5"/>
      <c r="AN20" s="2" t="s">
        <v>16</v>
      </c>
      <c r="AO20" s="556" t="s">
        <v>1104</v>
      </c>
      <c r="AP20" s="556"/>
      <c r="AQ20" s="556"/>
      <c r="AR20" s="556"/>
      <c r="AS20" s="556"/>
      <c r="AT20" s="556"/>
      <c r="AU20" s="556"/>
      <c r="AV20" s="556"/>
      <c r="AW20" s="556"/>
      <c r="AX20" s="556"/>
      <c r="AY20" s="556"/>
      <c r="AZ20" s="556"/>
      <c r="BA20" s="556"/>
      <c r="BB20" s="556"/>
      <c r="BC20" s="556"/>
      <c r="BD20" s="556"/>
      <c r="BE20" s="556"/>
      <c r="BF20" s="556"/>
      <c r="BG20" s="556"/>
      <c r="BH20" s="556"/>
      <c r="BI20" s="556"/>
      <c r="BJ20" s="556"/>
      <c r="BK20" s="556"/>
      <c r="BL20" s="556"/>
      <c r="BM20" s="556"/>
      <c r="BN20" s="556"/>
      <c r="BO20" s="556"/>
      <c r="BP20" s="556"/>
      <c r="BQ20" s="556"/>
      <c r="BR20" s="556"/>
      <c r="BS20" s="556"/>
      <c r="BT20" s="556"/>
      <c r="BU20" s="556"/>
      <c r="BV20" s="556"/>
      <c r="BW20" s="556"/>
      <c r="BX20" s="556"/>
      <c r="BY20" s="556"/>
      <c r="BZ20" s="556"/>
      <c r="CA20" s="556"/>
      <c r="CB20" s="556"/>
      <c r="CC20" s="556"/>
      <c r="CD20" s="556"/>
      <c r="CE20" s="556"/>
      <c r="CF20" s="556"/>
      <c r="CG20" s="556"/>
      <c r="CH20" s="556"/>
      <c r="CI20" s="556"/>
      <c r="CJ20" s="556"/>
      <c r="CK20" s="556"/>
      <c r="CL20" s="556"/>
      <c r="CM20" s="557"/>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7"/>
      <c r="R21" s="220"/>
      <c r="S21" s="220"/>
      <c r="T21" s="220"/>
      <c r="U21" s="371"/>
      <c r="V21" s="220"/>
      <c r="W21" s="220"/>
      <c r="X21" s="220"/>
      <c r="Y21" s="371"/>
      <c r="Z21" s="220"/>
      <c r="AA21" s="220"/>
      <c r="AB21" s="220"/>
      <c r="AC21" s="220"/>
      <c r="AD21" s="220"/>
      <c r="AE21" s="220"/>
      <c r="AF21" s="220"/>
      <c r="AG21" s="220"/>
      <c r="AH21" s="220"/>
      <c r="AI21" s="220"/>
      <c r="AJ21" s="220"/>
      <c r="AK21" s="220"/>
      <c r="AL21" s="372"/>
      <c r="AM21" s="5"/>
      <c r="AN21" s="37" t="s">
        <v>16</v>
      </c>
      <c r="AO21" s="814" t="s">
        <v>1466</v>
      </c>
      <c r="AP21" s="814"/>
      <c r="AQ21" s="814"/>
      <c r="AR21" s="814"/>
      <c r="AS21" s="814"/>
      <c r="AT21" s="814"/>
      <c r="AU21" s="814"/>
      <c r="AV21" s="814"/>
      <c r="AW21" s="814"/>
      <c r="AX21" s="814"/>
      <c r="AY21" s="814"/>
      <c r="AZ21" s="814"/>
      <c r="BA21" s="814"/>
      <c r="BB21" s="814"/>
      <c r="BC21" s="814"/>
      <c r="BD21" s="814"/>
      <c r="BE21" s="814"/>
      <c r="BF21" s="814"/>
      <c r="BG21" s="814"/>
      <c r="BH21" s="814"/>
      <c r="BI21" s="814"/>
      <c r="BJ21" s="814"/>
      <c r="BK21" s="814"/>
      <c r="BL21" s="814"/>
      <c r="BM21" s="814"/>
      <c r="BN21" s="814"/>
      <c r="BO21" s="814"/>
      <c r="BP21" s="814"/>
      <c r="BQ21" s="814"/>
      <c r="BR21" s="814"/>
      <c r="BS21" s="814"/>
      <c r="BT21" s="814"/>
      <c r="BU21" s="814"/>
      <c r="BV21" s="814"/>
      <c r="BW21" s="814"/>
      <c r="BX21" s="814"/>
      <c r="BY21" s="814"/>
      <c r="BZ21" s="814"/>
      <c r="CA21" s="814"/>
      <c r="CB21" s="814"/>
      <c r="CC21" s="814"/>
      <c r="CD21" s="814"/>
      <c r="CE21" s="814"/>
      <c r="CF21" s="814"/>
      <c r="CG21" s="814"/>
      <c r="CH21" s="814"/>
      <c r="CI21" s="814"/>
      <c r="CJ21" s="814"/>
      <c r="CK21" s="814"/>
      <c r="CL21" s="814"/>
      <c r="CM21" s="815"/>
      <c r="CQ21" s="3" ph="1"/>
      <c r="CR21" s="3" ph="1"/>
      <c r="CS21" s="3" ph="1"/>
      <c r="CT21" s="3" ph="1"/>
      <c r="CU21" s="3" ph="1"/>
      <c r="CV21" s="3" ph="1"/>
    </row>
    <row r="22" spans="1:100" ht="17.25" customHeight="1" x14ac:dyDescent="0.15">
      <c r="A22" s="332" t="s">
        <v>259</v>
      </c>
      <c r="B22" s="332"/>
      <c r="C22" s="332"/>
      <c r="D22" s="332"/>
      <c r="E22" s="332"/>
      <c r="F22" s="844" t="s">
        <v>1291</v>
      </c>
      <c r="G22" s="845"/>
      <c r="H22" s="845"/>
      <c r="I22" s="845"/>
      <c r="J22" s="845"/>
      <c r="K22" s="845"/>
      <c r="L22" s="845"/>
      <c r="M22" s="845"/>
      <c r="N22" s="523"/>
      <c r="O22" s="416" t="s">
        <v>258</v>
      </c>
      <c r="P22" s="417"/>
      <c r="Q22" s="916" t="s">
        <v>1010</v>
      </c>
      <c r="R22" s="917"/>
      <c r="S22" s="917"/>
      <c r="T22" s="917"/>
      <c r="U22" s="917"/>
      <c r="V22" s="917"/>
      <c r="W22" s="917"/>
      <c r="X22" s="917"/>
      <c r="Y22" s="917"/>
      <c r="Z22" s="917"/>
      <c r="AA22" s="917"/>
      <c r="AB22" s="917"/>
      <c r="AC22" s="917"/>
      <c r="AD22" s="917"/>
      <c r="AE22" s="917"/>
      <c r="AF22" s="917"/>
      <c r="AG22" s="917"/>
      <c r="AH22" s="917"/>
      <c r="AI22" s="917"/>
      <c r="AJ22" s="917"/>
      <c r="AK22" s="917"/>
      <c r="AL22" s="918"/>
      <c r="AM22" s="5"/>
      <c r="AN22" s="37" t="s">
        <v>16</v>
      </c>
      <c r="AO22" s="814" t="s">
        <v>1467</v>
      </c>
      <c r="AP22" s="814"/>
      <c r="AQ22" s="814"/>
      <c r="AR22" s="814"/>
      <c r="AS22" s="814"/>
      <c r="AT22" s="814"/>
      <c r="AU22" s="814"/>
      <c r="AV22" s="814"/>
      <c r="AW22" s="814"/>
      <c r="AX22" s="814"/>
      <c r="AY22" s="814"/>
      <c r="AZ22" s="814"/>
      <c r="BA22" s="814"/>
      <c r="BB22" s="814"/>
      <c r="BC22" s="814"/>
      <c r="BD22" s="814"/>
      <c r="BE22" s="814"/>
      <c r="BF22" s="814"/>
      <c r="BG22" s="814"/>
      <c r="BH22" s="814"/>
      <c r="BI22" s="814"/>
      <c r="BJ22" s="814"/>
      <c r="BK22" s="814"/>
      <c r="BL22" s="814"/>
      <c r="BM22" s="814"/>
      <c r="BN22" s="814"/>
      <c r="BO22" s="814"/>
      <c r="BP22" s="814"/>
      <c r="BQ22" s="814"/>
      <c r="BR22" s="814"/>
      <c r="BS22" s="814"/>
      <c r="BT22" s="814"/>
      <c r="BU22" s="814"/>
      <c r="BV22" s="814"/>
      <c r="BW22" s="814"/>
      <c r="BX22" s="814"/>
      <c r="BY22" s="814"/>
      <c r="BZ22" s="814"/>
      <c r="CA22" s="814"/>
      <c r="CB22" s="814"/>
      <c r="CC22" s="814"/>
      <c r="CD22" s="814"/>
      <c r="CE22" s="814"/>
      <c r="CF22" s="814"/>
      <c r="CG22" s="814"/>
      <c r="CH22" s="814"/>
      <c r="CI22" s="814"/>
      <c r="CJ22" s="814"/>
      <c r="CK22" s="814"/>
      <c r="CL22" s="814"/>
      <c r="CM22" s="815"/>
      <c r="CQ22" s="3" ph="1"/>
      <c r="CR22" s="3" ph="1"/>
      <c r="CS22" s="3" ph="1"/>
      <c r="CT22" s="3" ph="1"/>
      <c r="CU22" s="3" ph="1"/>
      <c r="CV22" s="3" ph="1"/>
    </row>
    <row r="23" spans="1:100" ht="17.25" customHeight="1" x14ac:dyDescent="0.15">
      <c r="A23" s="328"/>
      <c r="B23" s="328"/>
      <c r="C23" s="328"/>
      <c r="D23" s="328"/>
      <c r="E23" s="328"/>
      <c r="F23" s="564" t="s">
        <v>1290</v>
      </c>
      <c r="G23" s="565"/>
      <c r="H23" s="565"/>
      <c r="I23" s="565"/>
      <c r="J23" s="565"/>
      <c r="K23" s="565"/>
      <c r="L23" s="565"/>
      <c r="M23" s="566"/>
      <c r="N23" s="523"/>
      <c r="O23" s="420"/>
      <c r="P23" s="421"/>
      <c r="Q23" s="355">
        <v>29145</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37" t="s">
        <v>16</v>
      </c>
      <c r="AO23" s="814" t="s">
        <v>1468</v>
      </c>
      <c r="AP23" s="814"/>
      <c r="AQ23" s="814"/>
      <c r="AR23" s="814"/>
      <c r="AS23" s="814"/>
      <c r="AT23" s="814"/>
      <c r="AU23" s="814"/>
      <c r="AV23" s="814"/>
      <c r="AW23" s="814"/>
      <c r="AX23" s="814"/>
      <c r="AY23" s="814"/>
      <c r="AZ23" s="814"/>
      <c r="BA23" s="814"/>
      <c r="BB23" s="814"/>
      <c r="BC23" s="814"/>
      <c r="BD23" s="814"/>
      <c r="BE23" s="814"/>
      <c r="BF23" s="814"/>
      <c r="BG23" s="814"/>
      <c r="BH23" s="814"/>
      <c r="BI23" s="814"/>
      <c r="BJ23" s="814"/>
      <c r="BK23" s="814"/>
      <c r="BL23" s="814"/>
      <c r="BM23" s="814"/>
      <c r="BN23" s="814"/>
      <c r="BO23" s="814"/>
      <c r="BP23" s="814"/>
      <c r="BQ23" s="814"/>
      <c r="BR23" s="814"/>
      <c r="BS23" s="814"/>
      <c r="BT23" s="814"/>
      <c r="BU23" s="814"/>
      <c r="BV23" s="814"/>
      <c r="BW23" s="814"/>
      <c r="BX23" s="814"/>
      <c r="BY23" s="814"/>
      <c r="BZ23" s="814"/>
      <c r="CA23" s="814"/>
      <c r="CB23" s="814"/>
      <c r="CC23" s="814"/>
      <c r="CD23" s="814"/>
      <c r="CE23" s="814"/>
      <c r="CF23" s="814"/>
      <c r="CG23" s="814"/>
      <c r="CH23" s="814"/>
      <c r="CI23" s="814"/>
      <c r="CJ23" s="814"/>
      <c r="CK23" s="814"/>
      <c r="CL23" s="814"/>
      <c r="CM23" s="815"/>
      <c r="CQ23" s="3" ph="1"/>
      <c r="CR23" s="3" ph="1"/>
      <c r="CS23" s="3" ph="1"/>
      <c r="CT23" s="3" ph="1"/>
      <c r="CU23" s="3" ph="1"/>
      <c r="CV23" s="3" ph="1"/>
    </row>
    <row r="24" spans="1:100" ht="17.25" customHeight="1" x14ac:dyDescent="0.15">
      <c r="A24" s="329"/>
      <c r="B24" s="329"/>
      <c r="C24" s="329"/>
      <c r="D24" s="329"/>
      <c r="E24" s="329"/>
      <c r="F24" s="567"/>
      <c r="G24" s="568"/>
      <c r="H24" s="568"/>
      <c r="I24" s="568"/>
      <c r="J24" s="568"/>
      <c r="K24" s="568"/>
      <c r="L24" s="568"/>
      <c r="M24" s="569"/>
      <c r="N24" s="523"/>
      <c r="O24" s="382" t="s">
        <v>260</v>
      </c>
      <c r="P24" s="485"/>
      <c r="Q24" s="1091" t="s">
        <v>569</v>
      </c>
      <c r="R24" s="1198"/>
      <c r="S24" s="1198"/>
      <c r="T24" s="1198"/>
      <c r="U24" s="1198"/>
      <c r="V24" s="1198"/>
      <c r="W24" s="1198"/>
      <c r="X24" s="1198"/>
      <c r="Y24" s="1198"/>
      <c r="Z24" s="1198"/>
      <c r="AA24" s="1198"/>
      <c r="AB24" s="1198"/>
      <c r="AC24" s="1198"/>
      <c r="AD24" s="1198"/>
      <c r="AE24" s="1198"/>
      <c r="AF24" s="1198"/>
      <c r="AG24" s="1198"/>
      <c r="AH24" s="1198"/>
      <c r="AI24" s="1198"/>
      <c r="AJ24" s="1198"/>
      <c r="AK24" s="1198"/>
      <c r="AL24" s="1199"/>
      <c r="AM24" s="5"/>
      <c r="AN24" s="37" t="s">
        <v>16</v>
      </c>
      <c r="AO24" s="655" t="s">
        <v>1469</v>
      </c>
      <c r="AP24" s="655"/>
      <c r="AQ24" s="655"/>
      <c r="AR24" s="655"/>
      <c r="AS24" s="655"/>
      <c r="AT24" s="655"/>
      <c r="AU24" s="655"/>
      <c r="AV24" s="655"/>
      <c r="AW24" s="655"/>
      <c r="AX24" s="655"/>
      <c r="AY24" s="655"/>
      <c r="AZ24" s="655"/>
      <c r="BA24" s="655"/>
      <c r="BB24" s="655"/>
      <c r="BC24" s="655"/>
      <c r="BD24" s="655"/>
      <c r="BE24" s="655"/>
      <c r="BF24" s="655"/>
      <c r="BG24" s="655"/>
      <c r="BH24" s="655"/>
      <c r="BI24" s="655"/>
      <c r="BJ24" s="655"/>
      <c r="BK24" s="655"/>
      <c r="BL24" s="655"/>
      <c r="BM24" s="655"/>
      <c r="BN24" s="655"/>
      <c r="BO24" s="655"/>
      <c r="BP24" s="655"/>
      <c r="BQ24" s="655"/>
      <c r="BR24" s="655"/>
      <c r="BS24" s="655"/>
      <c r="BT24" s="655"/>
      <c r="BU24" s="655"/>
      <c r="BV24" s="655"/>
      <c r="BW24" s="655"/>
      <c r="BX24" s="655"/>
      <c r="BY24" s="655"/>
      <c r="BZ24" s="655"/>
      <c r="CA24" s="655"/>
      <c r="CB24" s="655"/>
      <c r="CC24" s="655"/>
      <c r="CD24" s="655"/>
      <c r="CE24" s="655"/>
      <c r="CF24" s="655"/>
      <c r="CG24" s="655"/>
      <c r="CH24" s="655"/>
      <c r="CI24" s="655"/>
      <c r="CJ24" s="655"/>
      <c r="CK24" s="655"/>
      <c r="CL24" s="655"/>
      <c r="CM24" s="656"/>
      <c r="CQ24" s="3" ph="1"/>
      <c r="CR24" s="3" ph="1"/>
      <c r="CS24" s="3" ph="1"/>
      <c r="CT24" s="3" ph="1"/>
      <c r="CU24" s="3" ph="1"/>
      <c r="CV24" s="3" ph="1"/>
    </row>
    <row r="25" spans="1:100" ht="17.25" customHeight="1" x14ac:dyDescent="0.15">
      <c r="A25" s="328" t="s">
        <v>263</v>
      </c>
      <c r="B25" s="328"/>
      <c r="C25" s="328"/>
      <c r="D25" s="328"/>
      <c r="E25" s="328"/>
      <c r="F25" s="330" t="s">
        <v>1293</v>
      </c>
      <c r="G25" s="331"/>
      <c r="H25" s="331"/>
      <c r="I25" s="331"/>
      <c r="J25" s="331"/>
      <c r="K25" s="331"/>
      <c r="L25" s="331"/>
      <c r="M25" s="331"/>
      <c r="N25" s="523"/>
      <c r="O25" s="364"/>
      <c r="P25" s="366"/>
      <c r="Q25" s="355" t="s">
        <v>1011</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c r="AO25" s="655"/>
      <c r="AP25" s="655"/>
      <c r="AQ25" s="655"/>
      <c r="AR25" s="655"/>
      <c r="AS25" s="655"/>
      <c r="AT25" s="655"/>
      <c r="AU25" s="655"/>
      <c r="AV25" s="655"/>
      <c r="AW25" s="655"/>
      <c r="AX25" s="655"/>
      <c r="AY25" s="655"/>
      <c r="AZ25" s="655"/>
      <c r="BA25" s="655"/>
      <c r="BB25" s="655"/>
      <c r="BC25" s="655"/>
      <c r="BD25" s="655"/>
      <c r="BE25" s="655"/>
      <c r="BF25" s="655"/>
      <c r="BG25" s="655"/>
      <c r="BH25" s="655"/>
      <c r="BI25" s="655"/>
      <c r="BJ25" s="655"/>
      <c r="BK25" s="655"/>
      <c r="BL25" s="655"/>
      <c r="BM25" s="655"/>
      <c r="BN25" s="655"/>
      <c r="BO25" s="655"/>
      <c r="BP25" s="655"/>
      <c r="BQ25" s="655"/>
      <c r="BR25" s="655"/>
      <c r="BS25" s="655"/>
      <c r="BT25" s="655"/>
      <c r="BU25" s="655"/>
      <c r="BV25" s="655"/>
      <c r="BW25" s="655"/>
      <c r="BX25" s="655"/>
      <c r="BY25" s="655"/>
      <c r="BZ25" s="655"/>
      <c r="CA25" s="655"/>
      <c r="CB25" s="655"/>
      <c r="CC25" s="655"/>
      <c r="CD25" s="655"/>
      <c r="CE25" s="655"/>
      <c r="CF25" s="655"/>
      <c r="CG25" s="655"/>
      <c r="CH25" s="655"/>
      <c r="CI25" s="655"/>
      <c r="CJ25" s="655"/>
      <c r="CK25" s="655"/>
      <c r="CL25" s="655"/>
      <c r="CM25" s="656"/>
      <c r="CQ25" s="3" ph="1"/>
      <c r="CR25" s="3" ph="1"/>
      <c r="CS25" s="3" ph="1"/>
      <c r="CT25" s="3" ph="1"/>
      <c r="CU25" s="3" ph="1"/>
      <c r="CV25" s="3" ph="1"/>
    </row>
    <row r="26" spans="1:100" ht="17.25" customHeight="1" x14ac:dyDescent="0.15">
      <c r="A26" s="328"/>
      <c r="B26" s="328"/>
      <c r="C26" s="328"/>
      <c r="D26" s="328"/>
      <c r="E26" s="328"/>
      <c r="F26" s="336" t="s">
        <v>1292</v>
      </c>
      <c r="G26" s="337"/>
      <c r="H26" s="337"/>
      <c r="I26" s="337"/>
      <c r="J26" s="337"/>
      <c r="K26" s="337"/>
      <c r="L26" s="337"/>
      <c r="M26" s="338"/>
      <c r="N26" s="523"/>
      <c r="O26" s="361" t="s">
        <v>264</v>
      </c>
      <c r="P26" s="363"/>
      <c r="Q26" s="1030" t="s">
        <v>1012</v>
      </c>
      <c r="R26" s="862"/>
      <c r="S26" s="862"/>
      <c r="T26" s="862"/>
      <c r="U26" s="862"/>
      <c r="V26" s="862"/>
      <c r="W26" s="862"/>
      <c r="X26" s="862"/>
      <c r="Y26" s="862"/>
      <c r="Z26" s="862"/>
      <c r="AA26" s="862"/>
      <c r="AB26" s="862"/>
      <c r="AC26" s="862"/>
      <c r="AD26" s="862"/>
      <c r="AE26" s="862"/>
      <c r="AF26" s="862"/>
      <c r="AG26" s="862"/>
      <c r="AH26" s="862"/>
      <c r="AI26" s="862"/>
      <c r="AJ26" s="862"/>
      <c r="AK26" s="862"/>
      <c r="AL26" s="863"/>
      <c r="AM26" s="5"/>
      <c r="AN26" s="37"/>
      <c r="AO26" s="655"/>
      <c r="AP26" s="655"/>
      <c r="AQ26" s="655"/>
      <c r="AR26" s="655"/>
      <c r="AS26" s="655"/>
      <c r="AT26" s="655"/>
      <c r="AU26" s="655"/>
      <c r="AV26" s="655"/>
      <c r="AW26" s="655"/>
      <c r="AX26" s="655"/>
      <c r="AY26" s="655"/>
      <c r="AZ26" s="655"/>
      <c r="BA26" s="655"/>
      <c r="BB26" s="655"/>
      <c r="BC26" s="655"/>
      <c r="BD26" s="655"/>
      <c r="BE26" s="655"/>
      <c r="BF26" s="655"/>
      <c r="BG26" s="655"/>
      <c r="BH26" s="655"/>
      <c r="BI26" s="655"/>
      <c r="BJ26" s="655"/>
      <c r="BK26" s="655"/>
      <c r="BL26" s="655"/>
      <c r="BM26" s="655"/>
      <c r="BN26" s="655"/>
      <c r="BO26" s="655"/>
      <c r="BP26" s="655"/>
      <c r="BQ26" s="655"/>
      <c r="BR26" s="655"/>
      <c r="BS26" s="655"/>
      <c r="BT26" s="655"/>
      <c r="BU26" s="655"/>
      <c r="BV26" s="655"/>
      <c r="BW26" s="655"/>
      <c r="BX26" s="655"/>
      <c r="BY26" s="655"/>
      <c r="BZ26" s="655"/>
      <c r="CA26" s="655"/>
      <c r="CB26" s="655"/>
      <c r="CC26" s="655"/>
      <c r="CD26" s="655"/>
      <c r="CE26" s="655"/>
      <c r="CF26" s="655"/>
      <c r="CG26" s="655"/>
      <c r="CH26" s="655"/>
      <c r="CI26" s="655"/>
      <c r="CJ26" s="655"/>
      <c r="CK26" s="655"/>
      <c r="CL26" s="655"/>
      <c r="CM26" s="656"/>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364"/>
      <c r="P27" s="366"/>
      <c r="Q27" s="342" t="s">
        <v>570</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17"/>
      <c r="AO27" s="552"/>
      <c r="AP27" s="552"/>
      <c r="AQ27" s="552"/>
      <c r="AR27" s="552"/>
      <c r="AS27" s="552"/>
      <c r="AT27" s="552"/>
      <c r="AU27" s="552"/>
      <c r="AV27" s="552"/>
      <c r="AW27" s="552"/>
      <c r="AX27" s="552"/>
      <c r="AY27" s="552"/>
      <c r="AZ27" s="552"/>
      <c r="BA27" s="552"/>
      <c r="BB27" s="552"/>
      <c r="BC27" s="552"/>
      <c r="BD27" s="552"/>
      <c r="BE27" s="552"/>
      <c r="BF27" s="552"/>
      <c r="BG27" s="552"/>
      <c r="BH27" s="552"/>
      <c r="BI27" s="552"/>
      <c r="BJ27" s="552"/>
      <c r="BK27" s="552"/>
      <c r="BL27" s="552"/>
      <c r="BM27" s="552"/>
      <c r="BN27" s="552"/>
      <c r="BO27" s="552"/>
      <c r="BP27" s="552"/>
      <c r="BQ27" s="552"/>
      <c r="BR27" s="552"/>
      <c r="BS27" s="552"/>
      <c r="BT27" s="552"/>
      <c r="BU27" s="552"/>
      <c r="BV27" s="552"/>
      <c r="BW27" s="552"/>
      <c r="BX27" s="552"/>
      <c r="BY27" s="552"/>
      <c r="BZ27" s="552"/>
      <c r="CA27" s="552"/>
      <c r="CB27" s="552"/>
      <c r="CC27" s="552"/>
      <c r="CD27" s="552"/>
      <c r="CE27" s="552"/>
      <c r="CF27" s="552"/>
      <c r="CG27" s="552"/>
      <c r="CH27" s="552"/>
      <c r="CI27" s="552"/>
      <c r="CJ27" s="552"/>
      <c r="CK27" s="552"/>
      <c r="CL27" s="552"/>
      <c r="CM27" s="553"/>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255" t="s">
        <v>261</v>
      </c>
      <c r="AO28" s="255"/>
      <c r="AP28" s="255"/>
      <c r="AQ28" s="255"/>
      <c r="AR28" s="255"/>
      <c r="AS28" s="255"/>
      <c r="AT28" s="255"/>
      <c r="AU28" s="255"/>
      <c r="AV28" s="255"/>
      <c r="AW28" s="255"/>
      <c r="AX28" s="255"/>
      <c r="AY28" s="255"/>
      <c r="AZ28" s="255"/>
      <c r="BA28" s="255"/>
      <c r="BB28" s="255"/>
      <c r="BC28" s="255"/>
      <c r="BD28" s="255"/>
      <c r="BE28" s="255"/>
      <c r="BF28" s="255"/>
      <c r="BG28" s="255"/>
      <c r="BH28" s="255"/>
      <c r="BI28" s="255"/>
      <c r="BJ28" s="255"/>
      <c r="BK28" s="255"/>
      <c r="BL28" s="255"/>
      <c r="BM28" s="255"/>
      <c r="BN28" s="255"/>
      <c r="BO28" s="255"/>
      <c r="BP28" s="255"/>
      <c r="BQ28" s="134"/>
      <c r="BR28" s="93"/>
      <c r="BS28" s="93"/>
      <c r="BT28" s="93"/>
      <c r="BU28" s="93"/>
      <c r="BV28" s="93"/>
      <c r="BW28" s="93"/>
      <c r="BX28" s="93"/>
      <c r="BY28" s="93"/>
      <c r="BZ28" s="93"/>
      <c r="CA28" s="93"/>
      <c r="CB28" s="93"/>
      <c r="CC28" s="93"/>
      <c r="CD28" s="93"/>
      <c r="CE28" s="93"/>
      <c r="CF28" s="93"/>
      <c r="CG28" s="93"/>
      <c r="CH28" s="93"/>
      <c r="CI28" s="93"/>
      <c r="CJ28" s="93"/>
      <c r="CK28" s="93"/>
      <c r="CL28" s="93"/>
      <c r="CM28" s="163"/>
      <c r="CN28" s="33"/>
      <c r="CQ28" s="3" ph="1"/>
      <c r="CR28" s="3" ph="1"/>
      <c r="CS28" s="3" ph="1"/>
      <c r="CT28" s="3" ph="1"/>
      <c r="CU28" s="3" ph="1"/>
      <c r="CV28" s="3" ph="1"/>
    </row>
    <row r="29" spans="1:100" ht="17.25" customHeight="1" x14ac:dyDescent="0.15">
      <c r="A29" s="302" t="s">
        <v>1255</v>
      </c>
      <c r="B29" s="303"/>
      <c r="C29" s="303"/>
      <c r="D29" s="303"/>
      <c r="E29" s="303"/>
      <c r="F29" s="303"/>
      <c r="G29" s="303"/>
      <c r="H29" s="303"/>
      <c r="I29" s="303"/>
      <c r="J29" s="303"/>
      <c r="K29" s="303"/>
      <c r="L29" s="303"/>
      <c r="M29" s="303"/>
      <c r="N29" s="303"/>
      <c r="O29" s="303"/>
      <c r="P29" s="303"/>
      <c r="Q29" s="303"/>
      <c r="R29" s="303"/>
      <c r="S29" s="303"/>
      <c r="T29" s="303"/>
      <c r="U29" s="303"/>
      <c r="V29" s="303"/>
      <c r="W29" s="303"/>
      <c r="X29" s="303"/>
      <c r="Y29" s="303"/>
      <c r="Z29" s="303"/>
      <c r="AA29" s="303"/>
      <c r="AB29" s="303"/>
      <c r="AC29" s="303"/>
      <c r="AD29" s="303"/>
      <c r="AE29" s="303"/>
      <c r="AF29" s="303"/>
      <c r="AG29" s="303"/>
      <c r="AH29" s="303"/>
      <c r="AI29" s="303"/>
      <c r="AJ29" s="303"/>
      <c r="AK29" s="303"/>
      <c r="AL29" s="304"/>
      <c r="AM29" s="5"/>
      <c r="AN29" s="38" t="s">
        <v>16</v>
      </c>
      <c r="AO29" s="1198" t="s">
        <v>1013</v>
      </c>
      <c r="AP29" s="1198"/>
      <c r="AQ29" s="1198"/>
      <c r="AR29" s="1198"/>
      <c r="AS29" s="1198"/>
      <c r="AT29" s="1198"/>
      <c r="AU29" s="1198"/>
      <c r="AV29" s="1198"/>
      <c r="AW29" s="1198"/>
      <c r="AX29" s="1198"/>
      <c r="AY29" s="1198"/>
      <c r="AZ29" s="1198"/>
      <c r="BA29" s="1198"/>
      <c r="BB29" s="1198"/>
      <c r="BC29" s="1198"/>
      <c r="BD29" s="1198"/>
      <c r="BE29" s="1198"/>
      <c r="BF29" s="1198"/>
      <c r="BG29" s="1198"/>
      <c r="BH29" s="1198"/>
      <c r="BI29" s="1198"/>
      <c r="BJ29" s="1198"/>
      <c r="BK29" s="1198"/>
      <c r="BL29" s="1198"/>
      <c r="BM29" s="1198"/>
      <c r="BN29" s="1198"/>
      <c r="BO29" s="1198"/>
      <c r="BP29" s="1199"/>
      <c r="BQ29" s="76"/>
      <c r="BR29" s="101"/>
      <c r="BS29" s="15"/>
      <c r="BT29" s="15"/>
      <c r="BU29" s="15"/>
      <c r="BV29" s="15"/>
      <c r="BW29" s="15"/>
      <c r="BX29" s="15"/>
      <c r="BY29" s="15"/>
      <c r="BZ29" s="15"/>
      <c r="CA29" s="15"/>
      <c r="CB29" s="93"/>
      <c r="CC29" s="93"/>
      <c r="CD29" s="93"/>
      <c r="CE29" s="93"/>
      <c r="CF29" s="93"/>
      <c r="CG29" s="93"/>
      <c r="CH29" s="93"/>
      <c r="CI29" s="93"/>
      <c r="CJ29" s="93"/>
      <c r="CK29" s="93"/>
      <c r="CL29" s="93"/>
      <c r="CM29" s="15"/>
      <c r="CN29" s="33"/>
      <c r="CQ29" s="3" ph="1"/>
      <c r="CR29" s="3" ph="1"/>
      <c r="CS29" s="3" ph="1"/>
      <c r="CT29" s="3" ph="1"/>
      <c r="CU29" s="3" ph="1"/>
      <c r="CV29" s="3" ph="1"/>
    </row>
    <row r="30" spans="1:100" ht="17.25" customHeight="1" x14ac:dyDescent="0.15">
      <c r="A30" s="305"/>
      <c r="B30" s="306"/>
      <c r="C30" s="306"/>
      <c r="D30" s="306"/>
      <c r="E30" s="306"/>
      <c r="F30" s="306"/>
      <c r="G30" s="306"/>
      <c r="H30" s="306"/>
      <c r="I30" s="306"/>
      <c r="J30" s="306"/>
      <c r="K30" s="306"/>
      <c r="L30" s="306"/>
      <c r="M30" s="306"/>
      <c r="N30" s="306"/>
      <c r="O30" s="306"/>
      <c r="P30" s="306"/>
      <c r="Q30" s="306"/>
      <c r="R30" s="306"/>
      <c r="S30" s="306"/>
      <c r="T30" s="306"/>
      <c r="U30" s="306"/>
      <c r="V30" s="306"/>
      <c r="W30" s="306"/>
      <c r="X30" s="306"/>
      <c r="Y30" s="306"/>
      <c r="Z30" s="306"/>
      <c r="AA30" s="306"/>
      <c r="AB30" s="306"/>
      <c r="AC30" s="306"/>
      <c r="AD30" s="306"/>
      <c r="AE30" s="306"/>
      <c r="AF30" s="306"/>
      <c r="AG30" s="306"/>
      <c r="AH30" s="306"/>
      <c r="AI30" s="306"/>
      <c r="AJ30" s="306"/>
      <c r="AK30" s="306"/>
      <c r="AL30" s="307"/>
      <c r="AM30" s="5"/>
      <c r="AN30" s="39" t="s">
        <v>16</v>
      </c>
      <c r="AO30" s="655" t="s">
        <v>571</v>
      </c>
      <c r="AP30" s="655"/>
      <c r="AQ30" s="655"/>
      <c r="AR30" s="655"/>
      <c r="AS30" s="655"/>
      <c r="AT30" s="655"/>
      <c r="AU30" s="655"/>
      <c r="AV30" s="655"/>
      <c r="AW30" s="655"/>
      <c r="AX30" s="655"/>
      <c r="AY30" s="655"/>
      <c r="AZ30" s="655"/>
      <c r="BA30" s="655"/>
      <c r="BB30" s="655"/>
      <c r="BC30" s="655"/>
      <c r="BD30" s="655"/>
      <c r="BE30" s="655"/>
      <c r="BF30" s="655"/>
      <c r="BG30" s="655"/>
      <c r="BH30" s="655"/>
      <c r="BI30" s="655"/>
      <c r="BJ30" s="655"/>
      <c r="BK30" s="655"/>
      <c r="BL30" s="655"/>
      <c r="BM30" s="655"/>
      <c r="BN30" s="655"/>
      <c r="BO30" s="655"/>
      <c r="BP30" s="656"/>
      <c r="BQ30" s="76"/>
      <c r="BR30" s="136" t="s">
        <v>262</v>
      </c>
      <c r="BS30" s="93"/>
      <c r="BT30" s="145"/>
      <c r="BU30" s="145"/>
      <c r="BV30" s="145"/>
      <c r="BW30" s="145"/>
      <c r="BX30" s="145"/>
      <c r="BY30" s="327">
        <v>2</v>
      </c>
      <c r="BZ30" s="327"/>
      <c r="CA30" s="327"/>
      <c r="CB30" s="327"/>
      <c r="CC30" s="327"/>
      <c r="CD30" s="327"/>
      <c r="CE30" s="327"/>
      <c r="CF30" s="327"/>
      <c r="CG30" s="327"/>
      <c r="CH30" s="327"/>
      <c r="CI30" s="327"/>
      <c r="CJ30" s="93"/>
      <c r="CK30" s="93"/>
      <c r="CL30" s="93"/>
      <c r="CM30" s="164"/>
      <c r="CN30" s="33"/>
      <c r="CQ30" s="3" ph="1"/>
      <c r="CR30" s="3" ph="1"/>
      <c r="CS30" s="3" ph="1"/>
      <c r="CT30" s="3" ph="1"/>
      <c r="CU30" s="3" ph="1"/>
      <c r="CV30" s="3" ph="1"/>
    </row>
    <row r="31" spans="1:100" ht="17.25" customHeight="1" x14ac:dyDescent="0.15">
      <c r="A31" s="305"/>
      <c r="B31" s="306"/>
      <c r="C31" s="306"/>
      <c r="D31" s="306"/>
      <c r="E31" s="306"/>
      <c r="F31" s="306"/>
      <c r="G31" s="306"/>
      <c r="H31" s="306"/>
      <c r="I31" s="306"/>
      <c r="J31" s="306"/>
      <c r="K31" s="306"/>
      <c r="L31" s="306"/>
      <c r="M31" s="306"/>
      <c r="N31" s="306"/>
      <c r="O31" s="306"/>
      <c r="P31" s="306"/>
      <c r="Q31" s="306"/>
      <c r="R31" s="306"/>
      <c r="S31" s="306"/>
      <c r="T31" s="306"/>
      <c r="U31" s="306"/>
      <c r="V31" s="306"/>
      <c r="W31" s="306"/>
      <c r="X31" s="306"/>
      <c r="Y31" s="306"/>
      <c r="Z31" s="306"/>
      <c r="AA31" s="306"/>
      <c r="AB31" s="306"/>
      <c r="AC31" s="306"/>
      <c r="AD31" s="306"/>
      <c r="AE31" s="306"/>
      <c r="AF31" s="306"/>
      <c r="AG31" s="306"/>
      <c r="AH31" s="306"/>
      <c r="AI31" s="306"/>
      <c r="AJ31" s="306"/>
      <c r="AK31" s="306"/>
      <c r="AL31" s="307"/>
      <c r="AM31" s="5"/>
      <c r="AN31" s="39" t="s">
        <v>16</v>
      </c>
      <c r="AO31" s="655" t="s">
        <v>572</v>
      </c>
      <c r="AP31" s="655"/>
      <c r="AQ31" s="655"/>
      <c r="AR31" s="655"/>
      <c r="AS31" s="655"/>
      <c r="AT31" s="655"/>
      <c r="AU31" s="655"/>
      <c r="AV31" s="655"/>
      <c r="AW31" s="655"/>
      <c r="AX31" s="655"/>
      <c r="AY31" s="655"/>
      <c r="AZ31" s="655"/>
      <c r="BA31" s="655"/>
      <c r="BB31" s="655"/>
      <c r="BC31" s="655"/>
      <c r="BD31" s="655"/>
      <c r="BE31" s="655"/>
      <c r="BF31" s="655"/>
      <c r="BG31" s="655"/>
      <c r="BH31" s="655"/>
      <c r="BI31" s="655"/>
      <c r="BJ31" s="655"/>
      <c r="BK31" s="655"/>
      <c r="BL31" s="655"/>
      <c r="BM31" s="655"/>
      <c r="BN31" s="655"/>
      <c r="BO31" s="655"/>
      <c r="BP31" s="656"/>
      <c r="BQ31" s="88"/>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308"/>
      <c r="B32" s="309"/>
      <c r="C32" s="309"/>
      <c r="D32" s="309"/>
      <c r="E32" s="309"/>
      <c r="F32" s="309"/>
      <c r="G32" s="309"/>
      <c r="H32" s="309"/>
      <c r="I32" s="309"/>
      <c r="J32" s="309"/>
      <c r="K32" s="309"/>
      <c r="L32" s="309"/>
      <c r="M32" s="309"/>
      <c r="N32" s="309"/>
      <c r="O32" s="309"/>
      <c r="P32" s="309"/>
      <c r="Q32" s="309"/>
      <c r="R32" s="309"/>
      <c r="S32" s="309"/>
      <c r="T32" s="309"/>
      <c r="U32" s="309"/>
      <c r="V32" s="309"/>
      <c r="W32" s="309"/>
      <c r="X32" s="309"/>
      <c r="Y32" s="309"/>
      <c r="Z32" s="309"/>
      <c r="AA32" s="309"/>
      <c r="AB32" s="309"/>
      <c r="AC32" s="309"/>
      <c r="AD32" s="309"/>
      <c r="AE32" s="309"/>
      <c r="AF32" s="309"/>
      <c r="AG32" s="309"/>
      <c r="AH32" s="309"/>
      <c r="AI32" s="309"/>
      <c r="AJ32" s="309"/>
      <c r="AK32" s="309"/>
      <c r="AL32" s="310"/>
      <c r="AM32" s="5"/>
      <c r="AN32" s="39" t="s">
        <v>16</v>
      </c>
      <c r="AO32" s="655" t="s">
        <v>1345</v>
      </c>
      <c r="AP32" s="655"/>
      <c r="AQ32" s="655"/>
      <c r="AR32" s="655"/>
      <c r="AS32" s="655"/>
      <c r="AT32" s="655"/>
      <c r="AU32" s="655"/>
      <c r="AV32" s="655"/>
      <c r="AW32" s="655"/>
      <c r="AX32" s="655"/>
      <c r="AY32" s="655"/>
      <c r="AZ32" s="655"/>
      <c r="BA32" s="655"/>
      <c r="BB32" s="655"/>
      <c r="BC32" s="655"/>
      <c r="BD32" s="655"/>
      <c r="BE32" s="655"/>
      <c r="BF32" s="655"/>
      <c r="BG32" s="655"/>
      <c r="BH32" s="655"/>
      <c r="BI32" s="655"/>
      <c r="BJ32" s="655"/>
      <c r="BK32" s="655"/>
      <c r="BL32" s="655"/>
      <c r="BM32" s="655"/>
      <c r="BN32" s="655"/>
      <c r="BO32" s="655"/>
      <c r="BP32" s="656"/>
      <c r="BQ32" s="76"/>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255" t="s">
        <v>274</v>
      </c>
      <c r="B33" s="255"/>
      <c r="C33" s="255"/>
      <c r="D33" s="255"/>
      <c r="E33" s="255"/>
      <c r="F33" s="255"/>
      <c r="G33" s="255"/>
      <c r="H33" s="255"/>
      <c r="I33" s="255"/>
      <c r="J33" s="255"/>
      <c r="K33" s="255"/>
      <c r="L33" s="255"/>
      <c r="M33" s="255"/>
      <c r="N33" s="129"/>
      <c r="O33" s="255" t="s">
        <v>275</v>
      </c>
      <c r="P33" s="255"/>
      <c r="Q33" s="255"/>
      <c r="R33" s="255"/>
      <c r="S33" s="255"/>
      <c r="T33" s="255"/>
      <c r="U33" s="255"/>
      <c r="V33" s="255"/>
      <c r="W33" s="255"/>
      <c r="X33" s="255"/>
      <c r="Y33" s="255"/>
      <c r="Z33" s="255"/>
      <c r="AA33" s="255"/>
      <c r="AB33" s="255"/>
      <c r="AC33" s="255"/>
      <c r="AD33" s="255"/>
      <c r="AE33" s="255"/>
      <c r="AF33" s="255"/>
      <c r="AG33" s="255"/>
      <c r="AH33" s="255"/>
      <c r="AI33" s="255"/>
      <c r="AJ33" s="255"/>
      <c r="AK33" s="255"/>
      <c r="AL33" s="255"/>
      <c r="AM33" s="5"/>
      <c r="AN33" s="40" t="s">
        <v>16</v>
      </c>
      <c r="AO33" s="552" t="s">
        <v>1346</v>
      </c>
      <c r="AP33" s="552"/>
      <c r="AQ33" s="552"/>
      <c r="AR33" s="552"/>
      <c r="AS33" s="552"/>
      <c r="AT33" s="552"/>
      <c r="AU33" s="552"/>
      <c r="AV33" s="552"/>
      <c r="AW33" s="552"/>
      <c r="AX33" s="552"/>
      <c r="AY33" s="552"/>
      <c r="AZ33" s="552"/>
      <c r="BA33" s="552"/>
      <c r="BB33" s="552"/>
      <c r="BC33" s="552"/>
      <c r="BD33" s="552"/>
      <c r="BE33" s="552"/>
      <c r="BF33" s="552"/>
      <c r="BG33" s="552"/>
      <c r="BH33" s="552"/>
      <c r="BI33" s="552"/>
      <c r="BJ33" s="552"/>
      <c r="BK33" s="552"/>
      <c r="BL33" s="552"/>
      <c r="BM33" s="552"/>
      <c r="BN33" s="552"/>
      <c r="BO33" s="552"/>
      <c r="BP33" s="553"/>
      <c r="BQ33" s="87"/>
      <c r="BR33" s="292" t="s">
        <v>267</v>
      </c>
      <c r="BS33" s="293"/>
      <c r="BT33" s="293"/>
      <c r="BU33" s="293"/>
      <c r="BV33" s="293"/>
      <c r="BW33" s="293"/>
      <c r="BX33" s="294"/>
      <c r="BY33" s="284">
        <v>131</v>
      </c>
      <c r="BZ33" s="285"/>
      <c r="CA33" s="285"/>
      <c r="CB33" s="285"/>
      <c r="CC33" s="285"/>
      <c r="CD33" s="285"/>
      <c r="CE33" s="285"/>
      <c r="CF33" s="285"/>
      <c r="CG33" s="288"/>
      <c r="CH33" s="286">
        <v>2.5858699999999999</v>
      </c>
      <c r="CI33" s="286"/>
      <c r="CJ33" s="286"/>
      <c r="CK33" s="286"/>
      <c r="CL33" s="286"/>
      <c r="CM33" s="286"/>
      <c r="CQ33" s="3" ph="1"/>
      <c r="CR33" s="3" ph="1"/>
      <c r="CS33" s="3" ph="1"/>
      <c r="CT33" s="3" ph="1"/>
      <c r="CU33" s="3" ph="1"/>
      <c r="CV33" s="3" ph="1"/>
    </row>
    <row r="34" spans="1:100" ht="17.25" customHeight="1" x14ac:dyDescent="0.15">
      <c r="A34" s="311" t="s">
        <v>573</v>
      </c>
      <c r="B34" s="312"/>
      <c r="C34" s="312"/>
      <c r="D34" s="312"/>
      <c r="E34" s="312"/>
      <c r="F34" s="312"/>
      <c r="G34" s="312"/>
      <c r="H34" s="312"/>
      <c r="I34" s="312"/>
      <c r="J34" s="312"/>
      <c r="K34" s="312"/>
      <c r="L34" s="312"/>
      <c r="M34" s="313"/>
      <c r="N34" s="129"/>
      <c r="O34" s="486" t="s">
        <v>70</v>
      </c>
      <c r="P34" s="487"/>
      <c r="Q34" s="487"/>
      <c r="R34" s="487"/>
      <c r="S34" s="487"/>
      <c r="T34" s="487"/>
      <c r="U34" s="487"/>
      <c r="V34" s="487"/>
      <c r="W34" s="487"/>
      <c r="X34" s="487"/>
      <c r="Y34" s="487"/>
      <c r="Z34" s="487"/>
      <c r="AA34" s="487"/>
      <c r="AB34" s="487"/>
      <c r="AC34" s="487"/>
      <c r="AD34" s="487"/>
      <c r="AE34" s="487"/>
      <c r="AF34" s="487"/>
      <c r="AG34" s="487"/>
      <c r="AH34" s="487"/>
      <c r="AI34" s="487"/>
      <c r="AJ34" s="487"/>
      <c r="AK34" s="487"/>
      <c r="AL34" s="488"/>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251">
        <v>28387</v>
      </c>
      <c r="B35" s="690"/>
      <c r="C35" s="690"/>
      <c r="D35" s="690"/>
      <c r="E35" s="690"/>
      <c r="F35" s="690"/>
      <c r="G35" s="690"/>
      <c r="H35" s="690"/>
      <c r="I35" s="690"/>
      <c r="J35" s="690"/>
      <c r="K35" s="690"/>
      <c r="L35" s="690"/>
      <c r="M35" s="691"/>
      <c r="N35" s="129"/>
      <c r="O35" s="1148" t="s">
        <v>551</v>
      </c>
      <c r="P35" s="655"/>
      <c r="Q35" s="655"/>
      <c r="R35" s="655"/>
      <c r="S35" s="655"/>
      <c r="T35" s="655"/>
      <c r="U35" s="655"/>
      <c r="V35" s="655"/>
      <c r="W35" s="655"/>
      <c r="X35" s="655"/>
      <c r="Y35" s="655"/>
      <c r="Z35" s="655"/>
      <c r="AA35" s="655"/>
      <c r="AB35" s="655"/>
      <c r="AC35" s="655"/>
      <c r="AD35" s="655"/>
      <c r="AE35" s="655"/>
      <c r="AF35" s="655"/>
      <c r="AG35" s="655"/>
      <c r="AH35" s="655"/>
      <c r="AI35" s="655"/>
      <c r="AJ35" s="655"/>
      <c r="AK35" s="655"/>
      <c r="AL35" s="656"/>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257</v>
      </c>
      <c r="BZ35" s="681"/>
      <c r="CA35" s="682"/>
      <c r="CB35" s="682"/>
      <c r="CC35" s="682"/>
      <c r="CD35" s="682"/>
      <c r="CE35" s="682"/>
      <c r="CF35" s="682"/>
      <c r="CG35" s="682"/>
      <c r="CH35" s="683">
        <v>24.812480000000001</v>
      </c>
      <c r="CI35" s="683"/>
      <c r="CJ35" s="683"/>
      <c r="CK35" s="683"/>
      <c r="CL35" s="683"/>
      <c r="CM35" s="683"/>
      <c r="CQ35" s="3" ph="1"/>
    </row>
    <row r="36" spans="1:100" ht="17.25" customHeight="1" x14ac:dyDescent="0.15">
      <c r="A36" s="324" t="s">
        <v>574</v>
      </c>
      <c r="B36" s="692"/>
      <c r="C36" s="692"/>
      <c r="D36" s="692"/>
      <c r="E36" s="692"/>
      <c r="F36" s="692"/>
      <c r="G36" s="692"/>
      <c r="H36" s="692"/>
      <c r="I36" s="692"/>
      <c r="J36" s="692"/>
      <c r="K36" s="692"/>
      <c r="L36" s="692"/>
      <c r="M36" s="693"/>
      <c r="N36" s="165"/>
      <c r="O36" s="1067" t="s">
        <v>552</v>
      </c>
      <c r="P36" s="556"/>
      <c r="Q36" s="556"/>
      <c r="R36" s="556"/>
      <c r="S36" s="556"/>
      <c r="T36" s="556"/>
      <c r="U36" s="556"/>
      <c r="V36" s="556"/>
      <c r="W36" s="556"/>
      <c r="X36" s="556"/>
      <c r="Y36" s="556"/>
      <c r="Z36" s="556"/>
      <c r="AA36" s="556"/>
      <c r="AB36" s="556"/>
      <c r="AC36" s="556"/>
      <c r="AD36" s="556"/>
      <c r="AE36" s="556"/>
      <c r="AF36" s="556"/>
      <c r="AG36" s="556"/>
      <c r="AH36" s="556"/>
      <c r="AI36" s="556"/>
      <c r="AJ36" s="556"/>
      <c r="AK36" s="556"/>
      <c r="AL36" s="557"/>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251">
        <v>29654</v>
      </c>
      <c r="B37" s="690"/>
      <c r="C37" s="690"/>
      <c r="D37" s="690"/>
      <c r="E37" s="690"/>
      <c r="F37" s="690"/>
      <c r="G37" s="690"/>
      <c r="H37" s="690"/>
      <c r="I37" s="690"/>
      <c r="J37" s="690"/>
      <c r="K37" s="690"/>
      <c r="L37" s="690"/>
      <c r="M37" s="691"/>
      <c r="N37" s="145"/>
      <c r="O37" s="1148" t="s">
        <v>184</v>
      </c>
      <c r="P37" s="655"/>
      <c r="Q37" s="655"/>
      <c r="R37" s="655"/>
      <c r="S37" s="655"/>
      <c r="T37" s="655"/>
      <c r="U37" s="655"/>
      <c r="V37" s="655"/>
      <c r="W37" s="655"/>
      <c r="X37" s="655"/>
      <c r="Y37" s="655"/>
      <c r="Z37" s="655"/>
      <c r="AA37" s="655"/>
      <c r="AB37" s="655"/>
      <c r="AC37" s="655"/>
      <c r="AD37" s="655"/>
      <c r="AE37" s="655"/>
      <c r="AF37" s="655"/>
      <c r="AG37" s="655"/>
      <c r="AH37" s="655"/>
      <c r="AI37" s="655"/>
      <c r="AJ37" s="655"/>
      <c r="AK37" s="655"/>
      <c r="AL37" s="656"/>
      <c r="AM37" s="5"/>
      <c r="AN37" s="287" t="s">
        <v>399</v>
      </c>
      <c r="AO37" s="287"/>
      <c r="AP37" s="287"/>
      <c r="AQ37" s="287"/>
      <c r="AR37" s="287"/>
      <c r="AS37" s="287"/>
      <c r="AT37" s="287"/>
      <c r="AU37" s="287"/>
      <c r="AV37" s="287"/>
      <c r="AW37" s="681">
        <v>11171</v>
      </c>
      <c r="AX37" s="681"/>
      <c r="AY37" s="681"/>
      <c r="AZ37" s="681"/>
      <c r="BA37" s="681"/>
      <c r="BB37" s="681"/>
      <c r="BC37" s="681"/>
      <c r="BD37" s="681"/>
      <c r="BE37" s="681"/>
      <c r="BF37" s="681"/>
      <c r="BG37" s="681">
        <v>4406</v>
      </c>
      <c r="BH37" s="681"/>
      <c r="BI37" s="681"/>
      <c r="BJ37" s="681"/>
      <c r="BK37" s="681"/>
      <c r="BL37" s="681"/>
      <c r="BM37" s="681"/>
      <c r="BN37" s="681"/>
      <c r="BO37" s="681"/>
      <c r="BP37" s="681"/>
      <c r="BQ37" s="149"/>
      <c r="BR37" s="680" t="s">
        <v>273</v>
      </c>
      <c r="BS37" s="680"/>
      <c r="BT37" s="680"/>
      <c r="BU37" s="680"/>
      <c r="BV37" s="680"/>
      <c r="BW37" s="680"/>
      <c r="BX37" s="680"/>
      <c r="BY37" s="681">
        <v>3678</v>
      </c>
      <c r="BZ37" s="681"/>
      <c r="CA37" s="682"/>
      <c r="CB37" s="682"/>
      <c r="CC37" s="682"/>
      <c r="CD37" s="682"/>
      <c r="CE37" s="682"/>
      <c r="CF37" s="682"/>
      <c r="CG37" s="682"/>
      <c r="CH37" s="683">
        <v>72.601659999999995</v>
      </c>
      <c r="CI37" s="683"/>
      <c r="CJ37" s="683"/>
      <c r="CK37" s="683"/>
      <c r="CL37" s="683"/>
      <c r="CM37" s="683"/>
      <c r="CQ37" s="3" ph="1"/>
    </row>
    <row r="38" spans="1:100" ht="17.25" customHeight="1" x14ac:dyDescent="0.15">
      <c r="A38" s="216" t="s">
        <v>575</v>
      </c>
      <c r="B38" s="692"/>
      <c r="C38" s="692"/>
      <c r="D38" s="692"/>
      <c r="E38" s="692"/>
      <c r="F38" s="692"/>
      <c r="G38" s="692"/>
      <c r="H38" s="692"/>
      <c r="I38" s="692"/>
      <c r="J38" s="692"/>
      <c r="K38" s="692"/>
      <c r="L38" s="692"/>
      <c r="M38" s="693"/>
      <c r="N38" s="144"/>
      <c r="O38" s="1148" t="s">
        <v>533</v>
      </c>
      <c r="P38" s="655"/>
      <c r="Q38" s="655"/>
      <c r="R38" s="655"/>
      <c r="S38" s="655"/>
      <c r="T38" s="655"/>
      <c r="U38" s="655"/>
      <c r="V38" s="655"/>
      <c r="W38" s="655"/>
      <c r="X38" s="655"/>
      <c r="Y38" s="655"/>
      <c r="Z38" s="655"/>
      <c r="AA38" s="655"/>
      <c r="AB38" s="655"/>
      <c r="AC38" s="655"/>
      <c r="AD38" s="655"/>
      <c r="AE38" s="655"/>
      <c r="AF38" s="655"/>
      <c r="AG38" s="655"/>
      <c r="AH38" s="655"/>
      <c r="AI38" s="655"/>
      <c r="AJ38" s="655"/>
      <c r="AK38" s="655"/>
      <c r="AL38" s="656"/>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51">
        <v>33949</v>
      </c>
      <c r="B39" s="690"/>
      <c r="C39" s="690"/>
      <c r="D39" s="690"/>
      <c r="E39" s="690"/>
      <c r="F39" s="690"/>
      <c r="G39" s="690"/>
      <c r="H39" s="690"/>
      <c r="I39" s="690"/>
      <c r="J39" s="690"/>
      <c r="K39" s="690"/>
      <c r="L39" s="690"/>
      <c r="M39" s="691"/>
      <c r="N39" s="143"/>
      <c r="O39" s="1148" t="s">
        <v>535</v>
      </c>
      <c r="P39" s="655"/>
      <c r="Q39" s="655"/>
      <c r="R39" s="655"/>
      <c r="S39" s="655"/>
      <c r="T39" s="655"/>
      <c r="U39" s="655"/>
      <c r="V39" s="655"/>
      <c r="W39" s="655"/>
      <c r="X39" s="655"/>
      <c r="Y39" s="655"/>
      <c r="Z39" s="655"/>
      <c r="AA39" s="655"/>
      <c r="AB39" s="655"/>
      <c r="AC39" s="655"/>
      <c r="AD39" s="655"/>
      <c r="AE39" s="655"/>
      <c r="AF39" s="655"/>
      <c r="AG39" s="655"/>
      <c r="AH39" s="655"/>
      <c r="AI39" s="655"/>
      <c r="AJ39" s="655"/>
      <c r="AK39" s="655"/>
      <c r="AL39" s="656"/>
      <c r="AM39" s="5"/>
      <c r="AN39" s="300" t="s">
        <v>1059</v>
      </c>
      <c r="AO39" s="300"/>
      <c r="AP39" s="300"/>
      <c r="AQ39" s="300"/>
      <c r="AR39" s="300"/>
      <c r="AS39" s="300"/>
      <c r="AT39" s="300"/>
      <c r="AU39" s="300"/>
      <c r="AV39" s="300"/>
      <c r="AW39" s="681">
        <v>10836</v>
      </c>
      <c r="AX39" s="681"/>
      <c r="AY39" s="681"/>
      <c r="AZ39" s="682"/>
      <c r="BA39" s="682"/>
      <c r="BB39" s="682"/>
      <c r="BC39" s="682"/>
      <c r="BD39" s="682"/>
      <c r="BE39" s="682"/>
      <c r="BF39" s="682"/>
      <c r="BG39" s="681">
        <v>4572</v>
      </c>
      <c r="BH39" s="681"/>
      <c r="BI39" s="681"/>
      <c r="BJ39" s="681"/>
      <c r="BK39" s="681"/>
      <c r="BL39" s="681"/>
      <c r="BM39" s="681"/>
      <c r="BN39" s="681"/>
      <c r="BO39" s="681"/>
      <c r="BP39" s="681"/>
      <c r="BQ39" s="149"/>
      <c r="BR39" s="301" t="s">
        <v>1119</v>
      </c>
      <c r="BS39" s="293"/>
      <c r="BT39" s="293"/>
      <c r="BU39" s="293"/>
      <c r="BV39" s="293"/>
      <c r="BW39" s="293"/>
      <c r="BX39" s="294"/>
      <c r="BY39" s="681">
        <v>5322</v>
      </c>
      <c r="BZ39" s="681"/>
      <c r="CA39" s="682"/>
      <c r="CB39" s="682"/>
      <c r="CC39" s="682"/>
      <c r="CD39" s="682"/>
      <c r="CE39" s="682"/>
      <c r="CF39" s="682"/>
      <c r="CG39" s="682"/>
      <c r="CH39" s="683">
        <v>100</v>
      </c>
      <c r="CI39" s="683"/>
      <c r="CJ39" s="683"/>
      <c r="CK39" s="683"/>
      <c r="CL39" s="683"/>
      <c r="CM39" s="683"/>
    </row>
    <row r="40" spans="1:100" ht="17.25" customHeight="1" x14ac:dyDescent="0.15">
      <c r="A40" s="216" t="s">
        <v>576</v>
      </c>
      <c r="B40" s="692"/>
      <c r="C40" s="692"/>
      <c r="D40" s="692"/>
      <c r="E40" s="692"/>
      <c r="F40" s="692"/>
      <c r="G40" s="692"/>
      <c r="H40" s="692"/>
      <c r="I40" s="692"/>
      <c r="J40" s="692"/>
      <c r="K40" s="692"/>
      <c r="L40" s="692"/>
      <c r="M40" s="693"/>
      <c r="N40" s="143"/>
      <c r="O40" s="1067" t="s">
        <v>144</v>
      </c>
      <c r="P40" s="556"/>
      <c r="Q40" s="556"/>
      <c r="R40" s="556"/>
      <c r="S40" s="556"/>
      <c r="T40" s="556"/>
      <c r="U40" s="556"/>
      <c r="V40" s="556"/>
      <c r="W40" s="556"/>
      <c r="X40" s="556"/>
      <c r="Y40" s="556"/>
      <c r="Z40" s="556"/>
      <c r="AA40" s="556"/>
      <c r="AB40" s="556"/>
      <c r="AC40" s="556"/>
      <c r="AD40" s="556"/>
      <c r="AE40" s="556"/>
      <c r="AF40" s="556"/>
      <c r="AG40" s="556"/>
      <c r="AH40" s="556"/>
      <c r="AI40" s="556"/>
      <c r="AJ40" s="556"/>
      <c r="AK40" s="556"/>
      <c r="AL40" s="557"/>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51">
        <v>42238</v>
      </c>
      <c r="B41" s="690"/>
      <c r="C41" s="690"/>
      <c r="D41" s="690"/>
      <c r="E41" s="690"/>
      <c r="F41" s="690"/>
      <c r="G41" s="690"/>
      <c r="H41" s="690"/>
      <c r="I41" s="690"/>
      <c r="J41" s="690"/>
      <c r="K41" s="690"/>
      <c r="L41" s="690"/>
      <c r="M41" s="691"/>
      <c r="N41" s="143"/>
      <c r="O41" s="1148" t="s">
        <v>230</v>
      </c>
      <c r="P41" s="655"/>
      <c r="Q41" s="655"/>
      <c r="R41" s="655"/>
      <c r="S41" s="655"/>
      <c r="T41" s="655"/>
      <c r="U41" s="655"/>
      <c r="V41" s="655"/>
      <c r="W41" s="655"/>
      <c r="X41" s="655"/>
      <c r="Y41" s="655"/>
      <c r="Z41" s="655"/>
      <c r="AA41" s="655"/>
      <c r="AB41" s="655"/>
      <c r="AC41" s="655"/>
      <c r="AD41" s="655"/>
      <c r="AE41" s="655"/>
      <c r="AF41" s="655"/>
      <c r="AG41" s="655"/>
      <c r="AH41" s="655"/>
      <c r="AI41" s="655"/>
      <c r="AJ41" s="655"/>
      <c r="AK41" s="655"/>
      <c r="AL41" s="656"/>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16" t="s">
        <v>1014</v>
      </c>
      <c r="B42" s="692"/>
      <c r="C42" s="692"/>
      <c r="D42" s="692"/>
      <c r="E42" s="692"/>
      <c r="F42" s="692"/>
      <c r="G42" s="692"/>
      <c r="H42" s="692"/>
      <c r="I42" s="692"/>
      <c r="J42" s="692"/>
      <c r="K42" s="692"/>
      <c r="L42" s="692"/>
      <c r="M42" s="693"/>
      <c r="N42" s="144"/>
      <c r="O42" s="1067" t="s">
        <v>209</v>
      </c>
      <c r="P42" s="556"/>
      <c r="Q42" s="556"/>
      <c r="R42" s="556"/>
      <c r="S42" s="556"/>
      <c r="T42" s="556"/>
      <c r="U42" s="556"/>
      <c r="V42" s="556"/>
      <c r="W42" s="556"/>
      <c r="X42" s="556"/>
      <c r="Y42" s="556"/>
      <c r="Z42" s="556"/>
      <c r="AA42" s="556"/>
      <c r="AB42" s="556"/>
      <c r="AC42" s="556"/>
      <c r="AD42" s="556"/>
      <c r="AE42" s="556"/>
      <c r="AF42" s="556"/>
      <c r="AG42" s="556"/>
      <c r="AH42" s="556"/>
      <c r="AI42" s="556"/>
      <c r="AJ42" s="556"/>
      <c r="AK42" s="556"/>
      <c r="AL42" s="557"/>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51">
        <v>42502</v>
      </c>
      <c r="B43" s="690"/>
      <c r="C43" s="690"/>
      <c r="D43" s="690"/>
      <c r="E43" s="690"/>
      <c r="F43" s="690"/>
      <c r="G43" s="690"/>
      <c r="H43" s="690"/>
      <c r="I43" s="690"/>
      <c r="J43" s="690"/>
      <c r="K43" s="690"/>
      <c r="L43" s="690"/>
      <c r="M43" s="691"/>
      <c r="N43" s="143"/>
      <c r="O43" s="1148" t="s">
        <v>146</v>
      </c>
      <c r="P43" s="655"/>
      <c r="Q43" s="655"/>
      <c r="R43" s="655"/>
      <c r="S43" s="655"/>
      <c r="T43" s="655"/>
      <c r="U43" s="655"/>
      <c r="V43" s="655"/>
      <c r="W43" s="655"/>
      <c r="X43" s="655"/>
      <c r="Y43" s="655"/>
      <c r="Z43" s="655"/>
      <c r="AA43" s="655"/>
      <c r="AB43" s="655"/>
      <c r="AC43" s="655"/>
      <c r="AD43" s="655"/>
      <c r="AE43" s="655"/>
      <c r="AF43" s="655"/>
      <c r="AG43" s="655"/>
      <c r="AH43" s="655"/>
      <c r="AI43" s="655"/>
      <c r="AJ43" s="655"/>
      <c r="AK43" s="655"/>
      <c r="AL43" s="656"/>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16" t="s">
        <v>1241</v>
      </c>
      <c r="B44" s="692"/>
      <c r="C44" s="692"/>
      <c r="D44" s="692"/>
      <c r="E44" s="692"/>
      <c r="F44" s="692"/>
      <c r="G44" s="692"/>
      <c r="H44" s="692"/>
      <c r="I44" s="692"/>
      <c r="J44" s="692"/>
      <c r="K44" s="692"/>
      <c r="L44" s="692"/>
      <c r="M44" s="693"/>
      <c r="N44" s="144"/>
      <c r="O44" s="1067" t="s">
        <v>1230</v>
      </c>
      <c r="P44" s="556"/>
      <c r="Q44" s="556"/>
      <c r="R44" s="556"/>
      <c r="S44" s="556"/>
      <c r="T44" s="556"/>
      <c r="U44" s="556"/>
      <c r="V44" s="556"/>
      <c r="W44" s="556"/>
      <c r="X44" s="556"/>
      <c r="Y44" s="556"/>
      <c r="Z44" s="556"/>
      <c r="AA44" s="556"/>
      <c r="AB44" s="556"/>
      <c r="AC44" s="556"/>
      <c r="AD44" s="556"/>
      <c r="AE44" s="556"/>
      <c r="AF44" s="556"/>
      <c r="AG44" s="556"/>
      <c r="AH44" s="556"/>
      <c r="AI44" s="556"/>
      <c r="AJ44" s="556"/>
      <c r="AK44" s="556"/>
      <c r="AL44" s="557"/>
      <c r="AM44" s="5"/>
      <c r="AN44" s="879">
        <v>287</v>
      </c>
      <c r="AO44" s="880"/>
      <c r="AP44" s="880"/>
      <c r="AQ44" s="880"/>
      <c r="AR44" s="880"/>
      <c r="AS44" s="727" t="s">
        <v>383</v>
      </c>
      <c r="AT44" s="727"/>
      <c r="AU44" s="727"/>
      <c r="AV44" s="728"/>
      <c r="AW44" s="710">
        <v>34.1</v>
      </c>
      <c r="AX44" s="711"/>
      <c r="AY44" s="711"/>
      <c r="AZ44" s="711"/>
      <c r="BA44" s="711"/>
      <c r="BB44" s="711"/>
      <c r="BC44" s="706" t="s">
        <v>384</v>
      </c>
      <c r="BD44" s="706"/>
      <c r="BE44" s="706"/>
      <c r="BF44" s="707"/>
      <c r="BG44" s="879">
        <v>96.6</v>
      </c>
      <c r="BH44" s="880"/>
      <c r="BI44" s="880"/>
      <c r="BJ44" s="880"/>
      <c r="BK44" s="880"/>
      <c r="BL44" s="880"/>
      <c r="BM44" s="706" t="s">
        <v>384</v>
      </c>
      <c r="BN44" s="706"/>
      <c r="BO44" s="706"/>
      <c r="BP44" s="707"/>
      <c r="BQ44" s="130"/>
      <c r="BR44" s="714">
        <v>37.75</v>
      </c>
      <c r="BS44" s="715"/>
      <c r="BT44" s="715"/>
      <c r="BU44" s="715"/>
      <c r="BV44" s="715"/>
      <c r="BW44" s="715"/>
      <c r="BX44" s="715"/>
      <c r="BY44" s="696" t="s">
        <v>385</v>
      </c>
      <c r="BZ44" s="696"/>
      <c r="CA44" s="696"/>
      <c r="CB44" s="697"/>
      <c r="CC44" s="718">
        <v>198</v>
      </c>
      <c r="CD44" s="719"/>
      <c r="CE44" s="719"/>
      <c r="CF44" s="719"/>
      <c r="CG44" s="719"/>
      <c r="CH44" s="719"/>
      <c r="CI44" s="719"/>
      <c r="CJ44" s="696" t="s">
        <v>386</v>
      </c>
      <c r="CK44" s="696"/>
      <c r="CL44" s="696"/>
      <c r="CM44" s="697"/>
    </row>
    <row r="45" spans="1:100" ht="17.25" customHeight="1" x14ac:dyDescent="0.15">
      <c r="A45" s="251">
        <v>44306</v>
      </c>
      <c r="B45" s="690"/>
      <c r="C45" s="690"/>
      <c r="D45" s="690"/>
      <c r="E45" s="690"/>
      <c r="F45" s="690"/>
      <c r="G45" s="690"/>
      <c r="H45" s="690"/>
      <c r="I45" s="690"/>
      <c r="J45" s="690"/>
      <c r="K45" s="690"/>
      <c r="L45" s="690"/>
      <c r="M45" s="691"/>
      <c r="N45" s="143"/>
      <c r="O45" s="1006" t="s">
        <v>1231</v>
      </c>
      <c r="P45" s="1007"/>
      <c r="Q45" s="1007"/>
      <c r="R45" s="1007"/>
      <c r="S45" s="1007"/>
      <c r="T45" s="1007"/>
      <c r="U45" s="1007"/>
      <c r="V45" s="1007"/>
      <c r="W45" s="1007"/>
      <c r="X45" s="1007"/>
      <c r="Y45" s="1007"/>
      <c r="Z45" s="1007"/>
      <c r="AA45" s="1007"/>
      <c r="AB45" s="1007"/>
      <c r="AC45" s="1007"/>
      <c r="AD45" s="1007"/>
      <c r="AE45" s="1007"/>
      <c r="AF45" s="1007"/>
      <c r="AG45" s="1007"/>
      <c r="AH45" s="1007"/>
      <c r="AI45" s="1007"/>
      <c r="AJ45" s="1007"/>
      <c r="AK45" s="1007"/>
      <c r="AL45" s="1008"/>
      <c r="AM45" s="5"/>
      <c r="AN45" s="881"/>
      <c r="AO45" s="882"/>
      <c r="AP45" s="882"/>
      <c r="AQ45" s="882"/>
      <c r="AR45" s="882"/>
      <c r="AS45" s="282"/>
      <c r="AT45" s="282"/>
      <c r="AU45" s="282"/>
      <c r="AV45" s="283"/>
      <c r="AW45" s="712"/>
      <c r="AX45" s="713"/>
      <c r="AY45" s="713"/>
      <c r="AZ45" s="713"/>
      <c r="BA45" s="713"/>
      <c r="BB45" s="713"/>
      <c r="BC45" s="708"/>
      <c r="BD45" s="708"/>
      <c r="BE45" s="708"/>
      <c r="BF45" s="709"/>
      <c r="BG45" s="881"/>
      <c r="BH45" s="882"/>
      <c r="BI45" s="882"/>
      <c r="BJ45" s="882"/>
      <c r="BK45" s="882"/>
      <c r="BL45" s="882"/>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1290" t="s">
        <v>1464</v>
      </c>
      <c r="B46" s="1291"/>
      <c r="C46" s="1291"/>
      <c r="D46" s="1291"/>
      <c r="E46" s="1291"/>
      <c r="F46" s="1291"/>
      <c r="G46" s="1291"/>
      <c r="H46" s="1291"/>
      <c r="I46" s="1291"/>
      <c r="J46" s="1291"/>
      <c r="K46" s="1291"/>
      <c r="L46" s="1291"/>
      <c r="M46" s="1292"/>
      <c r="N46" s="144"/>
      <c r="O46" s="1067" t="s">
        <v>1232</v>
      </c>
      <c r="P46" s="556"/>
      <c r="Q46" s="556"/>
      <c r="R46" s="556"/>
      <c r="S46" s="556"/>
      <c r="T46" s="556"/>
      <c r="U46" s="556"/>
      <c r="V46" s="556"/>
      <c r="W46" s="556"/>
      <c r="X46" s="556"/>
      <c r="Y46" s="556"/>
      <c r="Z46" s="556"/>
      <c r="AA46" s="556"/>
      <c r="AB46" s="556"/>
      <c r="AC46" s="556"/>
      <c r="AD46" s="556"/>
      <c r="AE46" s="556"/>
      <c r="AF46" s="556"/>
      <c r="AG46" s="556"/>
      <c r="AH46" s="556"/>
      <c r="AI46" s="556"/>
      <c r="AJ46" s="556"/>
      <c r="AK46" s="556"/>
      <c r="AL46" s="557"/>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257" t="s">
        <v>388</v>
      </c>
      <c r="CE46" s="257"/>
      <c r="CF46" s="257"/>
      <c r="CG46" s="257"/>
      <c r="CH46" s="257"/>
      <c r="CI46" s="257"/>
      <c r="CJ46" s="257"/>
      <c r="CK46" s="257"/>
      <c r="CL46" s="257"/>
      <c r="CM46" s="1289"/>
    </row>
    <row r="47" spans="1:100" ht="17.25" customHeight="1" x14ac:dyDescent="0.15">
      <c r="A47" s="1293" t="s">
        <v>1465</v>
      </c>
      <c r="B47" s="1294"/>
      <c r="C47" s="1294"/>
      <c r="D47" s="1294"/>
      <c r="E47" s="1294"/>
      <c r="F47" s="1294"/>
      <c r="G47" s="1294"/>
      <c r="H47" s="1294"/>
      <c r="I47" s="1294"/>
      <c r="J47" s="1294"/>
      <c r="K47" s="1294"/>
      <c r="L47" s="1294"/>
      <c r="M47" s="1295"/>
      <c r="N47" s="143"/>
      <c r="O47" s="1277" t="s">
        <v>1233</v>
      </c>
      <c r="P47" s="1278"/>
      <c r="Q47" s="1278"/>
      <c r="R47" s="1278"/>
      <c r="S47" s="1278"/>
      <c r="T47" s="1278"/>
      <c r="U47" s="1278"/>
      <c r="V47" s="1278"/>
      <c r="W47" s="1278"/>
      <c r="X47" s="1278"/>
      <c r="Y47" s="1278"/>
      <c r="Z47" s="1278"/>
      <c r="AA47" s="1278"/>
      <c r="AB47" s="1278"/>
      <c r="AC47" s="1278"/>
      <c r="AD47" s="1278"/>
      <c r="AE47" s="1278"/>
      <c r="AF47" s="1278"/>
      <c r="AG47" s="1278"/>
      <c r="AH47" s="1278"/>
      <c r="AI47" s="1278"/>
      <c r="AJ47" s="1278"/>
      <c r="AK47" s="1278"/>
      <c r="AL47" s="1279"/>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16"/>
      <c r="B48" s="692"/>
      <c r="C48" s="692"/>
      <c r="D48" s="692"/>
      <c r="E48" s="692"/>
      <c r="F48" s="692"/>
      <c r="G48" s="692"/>
      <c r="H48" s="692"/>
      <c r="I48" s="692"/>
      <c r="J48" s="692"/>
      <c r="K48" s="692"/>
      <c r="L48" s="692"/>
      <c r="M48" s="693"/>
      <c r="N48" s="144"/>
      <c r="O48" s="771" t="s">
        <v>502</v>
      </c>
      <c r="P48" s="772"/>
      <c r="Q48" s="772"/>
      <c r="R48" s="772"/>
      <c r="S48" s="772"/>
      <c r="T48" s="772"/>
      <c r="U48" s="772"/>
      <c r="V48" s="772"/>
      <c r="W48" s="772"/>
      <c r="X48" s="772"/>
      <c r="Y48" s="772"/>
      <c r="Z48" s="772"/>
      <c r="AA48" s="772"/>
      <c r="AB48" s="772"/>
      <c r="AC48" s="772"/>
      <c r="AD48" s="772"/>
      <c r="AE48" s="772"/>
      <c r="AF48" s="772"/>
      <c r="AG48" s="772"/>
      <c r="AH48" s="772"/>
      <c r="AI48" s="772"/>
      <c r="AJ48" s="772"/>
      <c r="AK48" s="772"/>
      <c r="AL48" s="773"/>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217"/>
      <c r="C49" s="217"/>
      <c r="D49" s="217"/>
      <c r="E49" s="217"/>
      <c r="F49" s="217"/>
      <c r="G49" s="217"/>
      <c r="H49" s="217"/>
      <c r="I49" s="217"/>
      <c r="J49" s="217"/>
      <c r="K49" s="217"/>
      <c r="L49" s="217"/>
      <c r="M49" s="218"/>
      <c r="N49" s="144"/>
      <c r="O49" s="1288" t="s">
        <v>1123</v>
      </c>
      <c r="P49" s="706"/>
      <c r="Q49" s="706"/>
      <c r="R49" s="706"/>
      <c r="S49" s="706"/>
      <c r="T49" s="706"/>
      <c r="U49" s="706"/>
      <c r="V49" s="706"/>
      <c r="W49" s="706"/>
      <c r="X49" s="706"/>
      <c r="Y49" s="706"/>
      <c r="Z49" s="706"/>
      <c r="AA49" s="706"/>
      <c r="AB49" s="706"/>
      <c r="AC49" s="706"/>
      <c r="AD49" s="706"/>
      <c r="AE49" s="706"/>
      <c r="AF49" s="706"/>
      <c r="AG49" s="706"/>
      <c r="AH49" s="706"/>
      <c r="AI49" s="706"/>
      <c r="AJ49" s="706"/>
      <c r="AK49" s="706"/>
      <c r="AL49" s="707"/>
      <c r="AM49" s="5"/>
      <c r="AN49" s="223">
        <v>3233.3690000000001</v>
      </c>
      <c r="AO49" s="224"/>
      <c r="AP49" s="224"/>
      <c r="AQ49" s="224"/>
      <c r="AR49" s="224"/>
      <c r="AS49" s="224"/>
      <c r="AT49" s="225"/>
      <c r="AU49" s="229">
        <v>0.55100000000000005</v>
      </c>
      <c r="AV49" s="230"/>
      <c r="AW49" s="230"/>
      <c r="AX49" s="230"/>
      <c r="AY49" s="231"/>
      <c r="AZ49" s="210">
        <v>10.1</v>
      </c>
      <c r="BA49" s="211"/>
      <c r="BB49" s="211"/>
      <c r="BC49" s="211"/>
      <c r="BD49" s="212"/>
      <c r="BE49" s="210">
        <v>6.3</v>
      </c>
      <c r="BF49" s="211"/>
      <c r="BG49" s="211"/>
      <c r="BH49" s="211"/>
      <c r="BI49" s="212"/>
      <c r="BJ49" s="210">
        <v>7.1</v>
      </c>
      <c r="BK49" s="211"/>
      <c r="BL49" s="211"/>
      <c r="BM49" s="211"/>
      <c r="BN49" s="212"/>
      <c r="BO49" s="210">
        <v>13.4</v>
      </c>
      <c r="BP49" s="211"/>
      <c r="BQ49" s="211"/>
      <c r="BR49" s="211"/>
      <c r="BS49" s="212"/>
      <c r="BT49" s="210">
        <v>89.3</v>
      </c>
      <c r="BU49" s="211"/>
      <c r="BV49" s="211"/>
      <c r="BW49" s="211"/>
      <c r="BX49" s="212"/>
      <c r="BY49" s="210">
        <v>41.3</v>
      </c>
      <c r="BZ49" s="211"/>
      <c r="CA49" s="211"/>
      <c r="CB49" s="211"/>
      <c r="CC49" s="212"/>
      <c r="CD49" s="210">
        <v>43</v>
      </c>
      <c r="CE49" s="211"/>
      <c r="CF49" s="211"/>
      <c r="CG49" s="211"/>
      <c r="CH49" s="212"/>
      <c r="CI49" s="210">
        <v>46</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143"/>
      <c r="O50" s="1052" t="s">
        <v>1125</v>
      </c>
      <c r="P50" s="860"/>
      <c r="Q50" s="860"/>
      <c r="R50" s="860"/>
      <c r="S50" s="860"/>
      <c r="T50" s="860"/>
      <c r="U50" s="860"/>
      <c r="V50" s="860"/>
      <c r="W50" s="860"/>
      <c r="X50" s="860"/>
      <c r="Y50" s="860"/>
      <c r="Z50" s="860"/>
      <c r="AA50" s="860"/>
      <c r="AB50" s="860"/>
      <c r="AC50" s="860"/>
      <c r="AD50" s="860"/>
      <c r="AE50" s="860"/>
      <c r="AF50" s="860"/>
      <c r="AG50" s="860"/>
      <c r="AH50" s="860"/>
      <c r="AI50" s="860"/>
      <c r="AJ50" s="860"/>
      <c r="AK50" s="860"/>
      <c r="AL50" s="86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206">
    <mergeCell ref="AN9:CM9"/>
    <mergeCell ref="AN10:AS11"/>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AT10:CM11"/>
    <mergeCell ref="A11:D11"/>
    <mergeCell ref="E11:AL11"/>
    <mergeCell ref="A12:E13"/>
    <mergeCell ref="F12:M12"/>
    <mergeCell ref="N12:N27"/>
    <mergeCell ref="O12:P21"/>
    <mergeCell ref="Q12:T12"/>
    <mergeCell ref="U12:X12"/>
    <mergeCell ref="A14:E14"/>
    <mergeCell ref="A9:D10"/>
    <mergeCell ref="E9:AL10"/>
    <mergeCell ref="Y12:AL12"/>
    <mergeCell ref="F20:M21"/>
    <mergeCell ref="Q20:T20"/>
    <mergeCell ref="U20:X20"/>
    <mergeCell ref="Y20:AL20"/>
    <mergeCell ref="A15:E15"/>
    <mergeCell ref="A16:E21"/>
    <mergeCell ref="F16:M16"/>
    <mergeCell ref="Q16:T16"/>
    <mergeCell ref="Q23:AL23"/>
    <mergeCell ref="O24:P25"/>
    <mergeCell ref="U16:X16"/>
    <mergeCell ref="Y16:AL16"/>
    <mergeCell ref="Q21:T21"/>
    <mergeCell ref="U21:X21"/>
    <mergeCell ref="AN12:AS13"/>
    <mergeCell ref="AT12:CM13"/>
    <mergeCell ref="F13:M14"/>
    <mergeCell ref="Q13:T13"/>
    <mergeCell ref="U13:X13"/>
    <mergeCell ref="Y13:AL13"/>
    <mergeCell ref="Q14:T14"/>
    <mergeCell ref="U14:X14"/>
    <mergeCell ref="Y14:AL14"/>
    <mergeCell ref="AN14:AS15"/>
    <mergeCell ref="AT14:CM15"/>
    <mergeCell ref="F15:M15"/>
    <mergeCell ref="Q15:T15"/>
    <mergeCell ref="U15:X15"/>
    <mergeCell ref="Y15:AL15"/>
    <mergeCell ref="Y21:AL21"/>
    <mergeCell ref="AO21:CM21"/>
    <mergeCell ref="Y18:AL18"/>
    <mergeCell ref="F19:M19"/>
    <mergeCell ref="Q19:T19"/>
    <mergeCell ref="U19:X19"/>
    <mergeCell ref="Y19:AL19"/>
    <mergeCell ref="AN19:CM19"/>
    <mergeCell ref="Q24:AL24"/>
    <mergeCell ref="AN16:AS18"/>
    <mergeCell ref="AT16:CM18"/>
    <mergeCell ref="F17:M18"/>
    <mergeCell ref="Q17:T17"/>
    <mergeCell ref="U17:X17"/>
    <mergeCell ref="Y17:AL17"/>
    <mergeCell ref="Q18:T18"/>
    <mergeCell ref="U18:X18"/>
    <mergeCell ref="AO20:CM20"/>
    <mergeCell ref="A22:E24"/>
    <mergeCell ref="F22:M22"/>
    <mergeCell ref="O22:P23"/>
    <mergeCell ref="Q22:AL22"/>
    <mergeCell ref="F23:M24"/>
    <mergeCell ref="AO24:CM24"/>
    <mergeCell ref="AO22:CM22"/>
    <mergeCell ref="AO23:CM23"/>
    <mergeCell ref="BY30:CI30"/>
    <mergeCell ref="AO31:BP31"/>
    <mergeCell ref="BR31:BX32"/>
    <mergeCell ref="BY31:CG32"/>
    <mergeCell ref="A25:E27"/>
    <mergeCell ref="F25:M25"/>
    <mergeCell ref="Q25:AL25"/>
    <mergeCell ref="AO25:CM25"/>
    <mergeCell ref="F26:M27"/>
    <mergeCell ref="O26:P27"/>
    <mergeCell ref="Q26:AL26"/>
    <mergeCell ref="AO26:CM26"/>
    <mergeCell ref="Q27:AL27"/>
    <mergeCell ref="AO27:CM27"/>
    <mergeCell ref="A28:AL28"/>
    <mergeCell ref="AN28:BP28"/>
    <mergeCell ref="AN34:BO34"/>
    <mergeCell ref="A35:M35"/>
    <mergeCell ref="O35:AL35"/>
    <mergeCell ref="AN35:AV36"/>
    <mergeCell ref="AW35:BF36"/>
    <mergeCell ref="BG35:BP36"/>
    <mergeCell ref="CH31:CM32"/>
    <mergeCell ref="AO32:BP32"/>
    <mergeCell ref="A33:M33"/>
    <mergeCell ref="O33:AL33"/>
    <mergeCell ref="AO33:BP33"/>
    <mergeCell ref="BR33:BX34"/>
    <mergeCell ref="BY33:CG34"/>
    <mergeCell ref="CH33:CM34"/>
    <mergeCell ref="A34:M34"/>
    <mergeCell ref="O34:AL34"/>
    <mergeCell ref="BR35:BX36"/>
    <mergeCell ref="BY35:CG36"/>
    <mergeCell ref="CH35:CM36"/>
    <mergeCell ref="A36:M36"/>
    <mergeCell ref="O36:AL36"/>
    <mergeCell ref="A29:AL32"/>
    <mergeCell ref="AO29:BP29"/>
    <mergeCell ref="AO30:BP30"/>
    <mergeCell ref="A37:M37"/>
    <mergeCell ref="O37:AL37"/>
    <mergeCell ref="AN37:AV38"/>
    <mergeCell ref="AW37:BF38"/>
    <mergeCell ref="BG37:BP38"/>
    <mergeCell ref="BR37:BX38"/>
    <mergeCell ref="BY37:CG38"/>
    <mergeCell ref="CH37:CM38"/>
    <mergeCell ref="A38:M38"/>
    <mergeCell ref="O38:AL38"/>
    <mergeCell ref="BR41:CM41"/>
    <mergeCell ref="A43:M43"/>
    <mergeCell ref="O43:AL43"/>
    <mergeCell ref="BG42:BP43"/>
    <mergeCell ref="A39:M39"/>
    <mergeCell ref="O39:AL39"/>
    <mergeCell ref="AN39:AV40"/>
    <mergeCell ref="AW39:BF40"/>
    <mergeCell ref="BG39:BP40"/>
    <mergeCell ref="BR39:BX40"/>
    <mergeCell ref="BY39:CG40"/>
    <mergeCell ref="CH39:CM40"/>
    <mergeCell ref="A40:M40"/>
    <mergeCell ref="O40:AL40"/>
    <mergeCell ref="BR42:CB43"/>
    <mergeCell ref="CC42:CM43"/>
    <mergeCell ref="A48:M48"/>
    <mergeCell ref="O48:AL48"/>
    <mergeCell ref="A47:M47"/>
    <mergeCell ref="A42:M42"/>
    <mergeCell ref="O42:AL42"/>
    <mergeCell ref="AN42:AV43"/>
    <mergeCell ref="AW42:BF43"/>
    <mergeCell ref="A41:M41"/>
    <mergeCell ref="O41:AL41"/>
    <mergeCell ref="AU41:BE41"/>
    <mergeCell ref="CJ44:CM45"/>
    <mergeCell ref="A45:M45"/>
    <mergeCell ref="O45:AL45"/>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6:M46"/>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O47:AL47"/>
    <mergeCell ref="AN47:AT48"/>
    <mergeCell ref="AU47:AY48"/>
    <mergeCell ref="AZ47:BD48"/>
    <mergeCell ref="BE47:BI48"/>
  </mergeCells>
  <phoneticPr fontId="3"/>
  <hyperlinks>
    <hyperlink ref="E11:AL11" r:id="rId1" display="http://town.matsud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6―</oddFooter>
  </headerFooter>
  <drawing r:id="rId3"/>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5" zoomScale="70" zoomScaleNormal="100" zoomScaleSheetLayoutView="70" workbookViewId="0">
      <selection activeCell="F16" sqref="F16:M16"/>
    </sheetView>
  </sheetViews>
  <sheetFormatPr defaultColWidth="9" defaultRowHeight="12" x14ac:dyDescent="0.15"/>
  <cols>
    <col min="1" max="37" width="2.5" style="3" customWidth="1"/>
    <col min="38" max="38" width="4.37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577</v>
      </c>
      <c r="B1" s="644" ph="1"/>
      <c r="C1" s="644" ph="1"/>
      <c r="D1" s="644" ph="1"/>
      <c r="E1" s="644" ph="1"/>
      <c r="F1" s="644" ph="1"/>
      <c r="G1" s="644" ph="1"/>
      <c r="H1" s="644" ph="1"/>
      <c r="I1" s="645"/>
      <c r="J1" s="645"/>
      <c r="K1" s="645"/>
      <c r="L1" s="645"/>
      <c r="M1" s="645"/>
      <c r="N1" s="454" t="s">
        <v>578</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488</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716</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1" t="s">
        <v>236</v>
      </c>
      <c r="B4" s="641"/>
      <c r="C4" s="641"/>
      <c r="D4" s="641"/>
      <c r="E4" s="458">
        <v>143642</v>
      </c>
      <c r="F4" s="458"/>
      <c r="G4" s="458"/>
      <c r="H4" s="458"/>
      <c r="I4" s="647"/>
      <c r="J4" s="647"/>
      <c r="K4" s="647"/>
      <c r="L4" s="647"/>
      <c r="M4" s="647"/>
      <c r="N4" s="459" t="s">
        <v>579</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382" t="s">
        <v>237</v>
      </c>
      <c r="B5" s="484"/>
      <c r="C5" s="484"/>
      <c r="D5" s="484"/>
      <c r="E5" s="484"/>
      <c r="F5" s="484"/>
      <c r="G5" s="484"/>
      <c r="H5" s="485"/>
      <c r="I5" s="486" t="s">
        <v>1318</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364"/>
      <c r="B6" s="365"/>
      <c r="C6" s="365"/>
      <c r="D6" s="365"/>
      <c r="E6" s="365"/>
      <c r="F6" s="365"/>
      <c r="G6" s="365"/>
      <c r="H6" s="366"/>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05" t="s">
        <v>238</v>
      </c>
      <c r="B7" s="406"/>
      <c r="C7" s="406"/>
      <c r="D7" s="407"/>
      <c r="E7" s="65" t="s">
        <v>0</v>
      </c>
      <c r="F7" s="492" t="s">
        <v>580</v>
      </c>
      <c r="G7" s="492"/>
      <c r="H7" s="492"/>
      <c r="I7" s="492"/>
      <c r="J7" s="492"/>
      <c r="K7" s="492"/>
      <c r="L7" s="493"/>
      <c r="M7" s="642"/>
      <c r="N7" s="642"/>
      <c r="O7" s="642"/>
      <c r="P7" s="642"/>
      <c r="Q7" s="642"/>
      <c r="R7" s="642"/>
      <c r="S7" s="642"/>
      <c r="T7" s="642"/>
      <c r="U7" s="642"/>
      <c r="V7" s="642"/>
      <c r="W7" s="642"/>
      <c r="X7" s="642"/>
      <c r="Y7" s="643"/>
      <c r="Z7" s="332" t="s">
        <v>239</v>
      </c>
      <c r="AA7" s="332"/>
      <c r="AB7" s="332"/>
      <c r="AC7" s="431" t="s">
        <v>581</v>
      </c>
      <c r="AD7" s="431"/>
      <c r="AE7" s="431"/>
      <c r="AF7" s="431"/>
      <c r="AG7" s="431"/>
      <c r="AH7" s="431"/>
      <c r="AI7" s="431"/>
      <c r="AJ7" s="431"/>
      <c r="AK7" s="431"/>
      <c r="AL7" s="43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c r="B8" s="406"/>
      <c r="C8" s="406"/>
      <c r="D8" s="407"/>
      <c r="E8" s="433" t="s">
        <v>582</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405" t="s">
        <v>240</v>
      </c>
      <c r="B9" s="406"/>
      <c r="C9" s="406"/>
      <c r="D9" s="407"/>
      <c r="E9" s="445" t="s">
        <v>1015</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469"/>
      <c r="AO9" s="470"/>
      <c r="AP9" s="470"/>
      <c r="AQ9" s="470"/>
      <c r="AR9" s="470"/>
      <c r="AS9" s="470"/>
      <c r="AT9" s="470"/>
      <c r="AU9" s="470"/>
      <c r="AV9" s="470"/>
      <c r="AW9" s="470"/>
      <c r="AX9" s="470"/>
      <c r="AY9" s="470"/>
      <c r="AZ9" s="470"/>
      <c r="BA9" s="470"/>
      <c r="BB9" s="470"/>
      <c r="BC9" s="470"/>
      <c r="BD9" s="470"/>
      <c r="BE9" s="470"/>
      <c r="BF9" s="470"/>
      <c r="BG9" s="470"/>
      <c r="BH9" s="470"/>
      <c r="BI9" s="470"/>
      <c r="BJ9" s="470"/>
      <c r="BK9" s="470"/>
      <c r="BL9" s="470"/>
      <c r="BM9" s="470"/>
      <c r="BN9" s="470"/>
      <c r="BO9" s="470"/>
      <c r="BP9" s="470"/>
      <c r="BQ9" s="470"/>
      <c r="BR9" s="470"/>
      <c r="BS9" s="470"/>
      <c r="BT9" s="470"/>
      <c r="BU9" s="470"/>
      <c r="BV9" s="470"/>
      <c r="BW9" s="470"/>
      <c r="BX9" s="470"/>
      <c r="BY9" s="470"/>
      <c r="BZ9" s="470"/>
      <c r="CA9" s="470"/>
      <c r="CB9" s="470"/>
      <c r="CC9" s="470"/>
      <c r="CD9" s="470"/>
      <c r="CE9" s="470"/>
      <c r="CF9" s="470"/>
      <c r="CG9" s="470"/>
      <c r="CH9" s="470"/>
      <c r="CI9" s="470"/>
      <c r="CJ9" s="470"/>
      <c r="CK9" s="470"/>
      <c r="CL9" s="470"/>
      <c r="CM9" s="471"/>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472"/>
      <c r="AO10" s="473"/>
      <c r="AP10" s="473"/>
      <c r="AQ10" s="473"/>
      <c r="AR10" s="473"/>
      <c r="AS10" s="473"/>
      <c r="AT10" s="473"/>
      <c r="AU10" s="473"/>
      <c r="AV10" s="473"/>
      <c r="AW10" s="473"/>
      <c r="AX10" s="473"/>
      <c r="AY10" s="473"/>
      <c r="AZ10" s="473"/>
      <c r="BA10" s="473"/>
      <c r="BB10" s="473"/>
      <c r="BC10" s="473"/>
      <c r="BD10" s="473"/>
      <c r="BE10" s="473"/>
      <c r="BF10" s="473"/>
      <c r="BG10" s="473"/>
      <c r="BH10" s="473"/>
      <c r="BI10" s="473"/>
      <c r="BJ10" s="473"/>
      <c r="BK10" s="473"/>
      <c r="BL10" s="473"/>
      <c r="BM10" s="473"/>
      <c r="BN10" s="473"/>
      <c r="BO10" s="473"/>
      <c r="BP10" s="473"/>
      <c r="BQ10" s="473"/>
      <c r="BR10" s="473"/>
      <c r="BS10" s="473"/>
      <c r="BT10" s="473"/>
      <c r="BU10" s="473"/>
      <c r="BV10" s="473"/>
      <c r="BW10" s="473"/>
      <c r="BX10" s="473"/>
      <c r="BY10" s="473"/>
      <c r="BZ10" s="473"/>
      <c r="CA10" s="473"/>
      <c r="CB10" s="473"/>
      <c r="CC10" s="473"/>
      <c r="CD10" s="473"/>
      <c r="CE10" s="473"/>
      <c r="CF10" s="473"/>
      <c r="CG10" s="473"/>
      <c r="CH10" s="473"/>
      <c r="CI10" s="473"/>
      <c r="CJ10" s="473"/>
      <c r="CK10" s="473"/>
      <c r="CL10" s="473"/>
      <c r="CM10" s="474"/>
    </row>
    <row r="11" spans="1:100" ht="17.25" customHeight="1" x14ac:dyDescent="0.15">
      <c r="A11" s="405" t="s">
        <v>37</v>
      </c>
      <c r="B11" s="406"/>
      <c r="C11" s="406"/>
      <c r="D11" s="407"/>
      <c r="E11" s="615" t="s">
        <v>1016</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518" t="s">
        <v>245</v>
      </c>
      <c r="AO11" s="518"/>
      <c r="AP11" s="518"/>
      <c r="AQ11" s="518"/>
      <c r="AR11" s="518"/>
      <c r="AS11" s="518"/>
      <c r="AT11" s="518"/>
      <c r="AU11" s="518"/>
      <c r="AV11" s="518"/>
      <c r="AW11" s="518"/>
      <c r="AX11" s="518"/>
      <c r="AY11" s="518"/>
      <c r="AZ11" s="518"/>
      <c r="BA11" s="518"/>
      <c r="BB11" s="518"/>
      <c r="BC11" s="518"/>
      <c r="BD11" s="518"/>
      <c r="BE11" s="518"/>
      <c r="BF11" s="518"/>
      <c r="BG11" s="518"/>
      <c r="BH11" s="518"/>
      <c r="BI11" s="518"/>
      <c r="BJ11" s="518"/>
      <c r="BK11" s="518"/>
      <c r="BL11" s="518"/>
      <c r="BM11" s="518"/>
      <c r="BN11" s="518"/>
      <c r="BO11" s="518"/>
      <c r="BP11" s="518"/>
      <c r="BQ11" s="518"/>
      <c r="BR11" s="518"/>
      <c r="BS11" s="518"/>
      <c r="BT11" s="518"/>
      <c r="BU11" s="518"/>
      <c r="BV11" s="518"/>
      <c r="BW11" s="518"/>
      <c r="BX11" s="518"/>
      <c r="BY11" s="518"/>
      <c r="BZ11" s="518"/>
      <c r="CA11" s="518"/>
      <c r="CB11" s="518"/>
      <c r="CC11" s="518"/>
      <c r="CD11" s="518"/>
      <c r="CE11" s="518"/>
      <c r="CF11" s="518"/>
      <c r="CG11" s="518"/>
      <c r="CH11" s="518"/>
      <c r="CI11" s="518"/>
      <c r="CJ11" s="518"/>
      <c r="CK11" s="518"/>
      <c r="CL11" s="518"/>
      <c r="CM11" s="518"/>
    </row>
    <row r="12" spans="1:100" ht="17.25" customHeight="1" x14ac:dyDescent="0.15">
      <c r="A12" s="382" t="s">
        <v>474</v>
      </c>
      <c r="B12" s="484"/>
      <c r="C12" s="484"/>
      <c r="D12" s="484"/>
      <c r="E12" s="363"/>
      <c r="F12" s="1304" t="s">
        <v>583</v>
      </c>
      <c r="G12" s="1305"/>
      <c r="H12" s="1305"/>
      <c r="I12" s="1305"/>
      <c r="J12" s="1305"/>
      <c r="K12" s="1305"/>
      <c r="L12" s="1305"/>
      <c r="M12" s="1306"/>
      <c r="N12" s="522"/>
      <c r="O12" s="416" t="s">
        <v>242</v>
      </c>
      <c r="P12" s="417"/>
      <c r="Q12" s="377">
        <v>20121</v>
      </c>
      <c r="R12" s="220"/>
      <c r="S12" s="220"/>
      <c r="T12" s="220"/>
      <c r="U12" s="371" t="s">
        <v>148</v>
      </c>
      <c r="V12" s="220"/>
      <c r="W12" s="220"/>
      <c r="X12" s="220"/>
      <c r="Y12" s="371" t="s">
        <v>584</v>
      </c>
      <c r="Z12" s="220"/>
      <c r="AA12" s="220"/>
      <c r="AB12" s="220"/>
      <c r="AC12" s="220"/>
      <c r="AD12" s="220"/>
      <c r="AE12" s="220"/>
      <c r="AF12" s="220"/>
      <c r="AG12" s="220"/>
      <c r="AH12" s="220"/>
      <c r="AI12" s="220"/>
      <c r="AJ12" s="220"/>
      <c r="AK12" s="220"/>
      <c r="AL12" s="372"/>
      <c r="AM12" s="5"/>
      <c r="AN12" s="292" t="s">
        <v>219</v>
      </c>
      <c r="AO12" s="293"/>
      <c r="AP12" s="293"/>
      <c r="AQ12" s="293"/>
      <c r="AR12" s="293"/>
      <c r="AS12" s="293"/>
      <c r="AT12" s="856" t="s">
        <v>585</v>
      </c>
      <c r="AU12" s="856"/>
      <c r="AV12" s="856"/>
      <c r="AW12" s="856"/>
      <c r="AX12" s="856"/>
      <c r="AY12" s="856"/>
      <c r="AZ12" s="856"/>
      <c r="BA12" s="856"/>
      <c r="BB12" s="856"/>
      <c r="BC12" s="856"/>
      <c r="BD12" s="856"/>
      <c r="BE12" s="856"/>
      <c r="BF12" s="856"/>
      <c r="BG12" s="856"/>
      <c r="BH12" s="856"/>
      <c r="BI12" s="856"/>
      <c r="BJ12" s="856"/>
      <c r="BK12" s="856"/>
      <c r="BL12" s="856"/>
      <c r="BM12" s="856"/>
      <c r="BN12" s="856"/>
      <c r="BO12" s="856"/>
      <c r="BP12" s="856"/>
      <c r="BQ12" s="856"/>
      <c r="BR12" s="856"/>
      <c r="BS12" s="856"/>
      <c r="BT12" s="856"/>
      <c r="BU12" s="856"/>
      <c r="BV12" s="856"/>
      <c r="BW12" s="856"/>
      <c r="BX12" s="856"/>
      <c r="BY12" s="856"/>
      <c r="BZ12" s="856"/>
      <c r="CA12" s="856"/>
      <c r="CB12" s="856"/>
      <c r="CC12" s="856"/>
      <c r="CD12" s="856"/>
      <c r="CE12" s="856"/>
      <c r="CF12" s="856"/>
      <c r="CG12" s="856"/>
      <c r="CH12" s="856"/>
      <c r="CI12" s="856"/>
      <c r="CJ12" s="856"/>
      <c r="CK12" s="856"/>
      <c r="CL12" s="856"/>
      <c r="CM12" s="856"/>
      <c r="CQ12" s="3" ph="1"/>
      <c r="CR12" s="3" ph="1"/>
      <c r="CS12" s="3" ph="1"/>
      <c r="CT12" s="3" ph="1"/>
      <c r="CU12" s="3" ph="1"/>
      <c r="CV12" s="3" ph="1"/>
    </row>
    <row r="13" spans="1:100" ht="17.25" customHeight="1" x14ac:dyDescent="0.15">
      <c r="A13" s="361"/>
      <c r="B13" s="362"/>
      <c r="C13" s="362"/>
      <c r="D13" s="362"/>
      <c r="E13" s="363"/>
      <c r="F13" s="336" t="s">
        <v>1017</v>
      </c>
      <c r="G13" s="337"/>
      <c r="H13" s="337"/>
      <c r="I13" s="337"/>
      <c r="J13" s="337"/>
      <c r="K13" s="337"/>
      <c r="L13" s="337"/>
      <c r="M13" s="338"/>
      <c r="N13" s="523"/>
      <c r="O13" s="418"/>
      <c r="P13" s="419"/>
      <c r="Q13" s="377">
        <v>20180</v>
      </c>
      <c r="R13" s="220"/>
      <c r="S13" s="220"/>
      <c r="T13" s="220"/>
      <c r="U13" s="371" t="s">
        <v>326</v>
      </c>
      <c r="V13" s="220"/>
      <c r="W13" s="220"/>
      <c r="X13" s="220"/>
      <c r="Y13" s="371" t="s">
        <v>586</v>
      </c>
      <c r="Z13" s="852"/>
      <c r="AA13" s="852"/>
      <c r="AB13" s="852"/>
      <c r="AC13" s="852"/>
      <c r="AD13" s="852"/>
      <c r="AE13" s="852"/>
      <c r="AF13" s="852"/>
      <c r="AG13" s="852"/>
      <c r="AH13" s="852"/>
      <c r="AI13" s="852"/>
      <c r="AJ13" s="852"/>
      <c r="AK13" s="852"/>
      <c r="AL13" s="853"/>
      <c r="AM13" s="5"/>
      <c r="AN13" s="295"/>
      <c r="AO13" s="296"/>
      <c r="AP13" s="296"/>
      <c r="AQ13" s="296"/>
      <c r="AR13" s="296"/>
      <c r="AS13" s="296"/>
      <c r="AT13" s="856"/>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524">
        <v>4</v>
      </c>
      <c r="B14" s="525"/>
      <c r="C14" s="525"/>
      <c r="D14" s="525"/>
      <c r="E14" s="526"/>
      <c r="F14" s="339"/>
      <c r="G14" s="340"/>
      <c r="H14" s="340"/>
      <c r="I14" s="340"/>
      <c r="J14" s="340"/>
      <c r="K14" s="340"/>
      <c r="L14" s="340"/>
      <c r="M14" s="341"/>
      <c r="N14" s="523"/>
      <c r="O14" s="418"/>
      <c r="P14" s="419"/>
      <c r="Q14" s="377">
        <v>20333</v>
      </c>
      <c r="R14" s="220"/>
      <c r="S14" s="220"/>
      <c r="T14" s="220"/>
      <c r="U14" s="371" t="s">
        <v>328</v>
      </c>
      <c r="V14" s="220"/>
      <c r="W14" s="220"/>
      <c r="X14" s="220"/>
      <c r="Y14" s="371" t="s">
        <v>587</v>
      </c>
      <c r="Z14" s="220"/>
      <c r="AA14" s="220"/>
      <c r="AB14" s="220"/>
      <c r="AC14" s="220"/>
      <c r="AD14" s="220"/>
      <c r="AE14" s="220"/>
      <c r="AF14" s="220"/>
      <c r="AG14" s="220"/>
      <c r="AH14" s="220"/>
      <c r="AI14" s="220"/>
      <c r="AJ14" s="220"/>
      <c r="AK14" s="220"/>
      <c r="AL14" s="372"/>
      <c r="AM14" s="5"/>
      <c r="AN14" s="292" t="s">
        <v>220</v>
      </c>
      <c r="AO14" s="293"/>
      <c r="AP14" s="293"/>
      <c r="AQ14" s="293"/>
      <c r="AR14" s="293"/>
      <c r="AS14" s="293"/>
      <c r="AT14" s="856" t="s">
        <v>1680</v>
      </c>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528" t="s">
        <v>246</v>
      </c>
      <c r="B15" s="529"/>
      <c r="C15" s="529"/>
      <c r="D15" s="529"/>
      <c r="E15" s="530"/>
      <c r="F15" s="531">
        <v>46224</v>
      </c>
      <c r="G15" s="532"/>
      <c r="H15" s="532"/>
      <c r="I15" s="532"/>
      <c r="J15" s="532"/>
      <c r="K15" s="532"/>
      <c r="L15" s="532"/>
      <c r="M15" s="533"/>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95"/>
      <c r="AO15" s="296"/>
      <c r="AP15" s="296"/>
      <c r="AQ15" s="296"/>
      <c r="AR15" s="296"/>
      <c r="AS15" s="296"/>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13</v>
      </c>
      <c r="B16" s="484"/>
      <c r="C16" s="484"/>
      <c r="D16" s="484"/>
      <c r="E16" s="485"/>
      <c r="F16" s="345" t="s">
        <v>1295</v>
      </c>
      <c r="G16" s="346"/>
      <c r="H16" s="346"/>
      <c r="I16" s="346"/>
      <c r="J16" s="346"/>
      <c r="K16" s="346"/>
      <c r="L16" s="346"/>
      <c r="M16" s="346"/>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92" t="s">
        <v>221</v>
      </c>
      <c r="AO16" s="293"/>
      <c r="AP16" s="293"/>
      <c r="AQ16" s="293"/>
      <c r="AR16" s="293"/>
      <c r="AS16" s="293"/>
      <c r="AT16" s="856" t="s">
        <v>778</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t="s">
        <v>1294</v>
      </c>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436"/>
      <c r="AO17" s="437"/>
      <c r="AP17" s="437"/>
      <c r="AQ17" s="437"/>
      <c r="AR17" s="437"/>
      <c r="AS17" s="43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95"/>
      <c r="AO18" s="296"/>
      <c r="AP18" s="296"/>
      <c r="AQ18" s="296"/>
      <c r="AR18" s="296"/>
      <c r="AS18" s="296"/>
      <c r="AT18" s="856"/>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92" t="s">
        <v>222</v>
      </c>
      <c r="AO19" s="293"/>
      <c r="AP19" s="293"/>
      <c r="AQ19" s="293"/>
      <c r="AR19" s="293"/>
      <c r="AS19" s="293"/>
      <c r="AT19" s="856" t="s">
        <v>1591</v>
      </c>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436"/>
      <c r="AO20" s="437"/>
      <c r="AP20" s="437"/>
      <c r="AQ20" s="437"/>
      <c r="AR20" s="437"/>
      <c r="AS20" s="437"/>
      <c r="AT20" s="856"/>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7"/>
      <c r="R21" s="220"/>
      <c r="S21" s="220"/>
      <c r="T21" s="220"/>
      <c r="U21" s="371"/>
      <c r="V21" s="220"/>
      <c r="W21" s="220"/>
      <c r="X21" s="220"/>
      <c r="Y21" s="371"/>
      <c r="Z21" s="220"/>
      <c r="AA21" s="220"/>
      <c r="AB21" s="220"/>
      <c r="AC21" s="220"/>
      <c r="AD21" s="220"/>
      <c r="AE21" s="220"/>
      <c r="AF21" s="220"/>
      <c r="AG21" s="220"/>
      <c r="AH21" s="220"/>
      <c r="AI21" s="220"/>
      <c r="AJ21" s="220"/>
      <c r="AK21" s="220"/>
      <c r="AL21" s="372"/>
      <c r="AM21" s="5"/>
      <c r="AN21" s="295"/>
      <c r="AO21" s="296"/>
      <c r="AP21" s="296"/>
      <c r="AQ21" s="296"/>
      <c r="AR21" s="296"/>
      <c r="AS21" s="296"/>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844" t="s">
        <v>1607</v>
      </c>
      <c r="G22" s="845"/>
      <c r="H22" s="845"/>
      <c r="I22" s="845"/>
      <c r="J22" s="845"/>
      <c r="K22" s="845"/>
      <c r="L22" s="845"/>
      <c r="M22" s="845"/>
      <c r="N22" s="523"/>
      <c r="O22" s="1031" t="s">
        <v>258</v>
      </c>
      <c r="P22" s="1031"/>
      <c r="Q22" s="1230" t="s">
        <v>1018</v>
      </c>
      <c r="R22" s="1230"/>
      <c r="S22" s="1230"/>
      <c r="T22" s="1230"/>
      <c r="U22" s="1230"/>
      <c r="V22" s="1230"/>
      <c r="W22" s="1230"/>
      <c r="X22" s="1230"/>
      <c r="Y22" s="1230"/>
      <c r="Z22" s="1230"/>
      <c r="AA22" s="1230"/>
      <c r="AB22" s="1230"/>
      <c r="AC22" s="1230"/>
      <c r="AD22" s="1230"/>
      <c r="AE22" s="1230"/>
      <c r="AF22" s="1230"/>
      <c r="AG22" s="1230"/>
      <c r="AH22" s="1230"/>
      <c r="AI22" s="1230"/>
      <c r="AJ22" s="1230"/>
      <c r="AK22" s="1230"/>
      <c r="AL22" s="1230"/>
      <c r="AM22" s="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3" ph="1"/>
      <c r="CR22" s="3" ph="1"/>
      <c r="CS22" s="3" ph="1"/>
      <c r="CT22" s="3" ph="1"/>
      <c r="CU22" s="3" ph="1"/>
      <c r="CV22" s="3" ph="1"/>
    </row>
    <row r="23" spans="1:100" ht="17.25" customHeight="1" x14ac:dyDescent="0.15">
      <c r="A23" s="328"/>
      <c r="B23" s="328"/>
      <c r="C23" s="328"/>
      <c r="D23" s="328"/>
      <c r="E23" s="328"/>
      <c r="F23" s="564" t="s">
        <v>1606</v>
      </c>
      <c r="G23" s="565"/>
      <c r="H23" s="565"/>
      <c r="I23" s="565"/>
      <c r="J23" s="565"/>
      <c r="K23" s="565"/>
      <c r="L23" s="565"/>
      <c r="M23" s="566"/>
      <c r="N23" s="523"/>
      <c r="O23" s="1031"/>
      <c r="P23" s="1031"/>
      <c r="Q23" s="355">
        <v>28356</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 t="s">
        <v>16</v>
      </c>
      <c r="AO23" s="487" t="s">
        <v>1319</v>
      </c>
      <c r="AP23" s="487"/>
      <c r="AQ23" s="487"/>
      <c r="AR23" s="487"/>
      <c r="AS23" s="487"/>
      <c r="AT23" s="487"/>
      <c r="AU23" s="487"/>
      <c r="AV23" s="487"/>
      <c r="AW23" s="487"/>
      <c r="AX23" s="487"/>
      <c r="AY23" s="487"/>
      <c r="AZ23" s="487"/>
      <c r="BA23" s="487"/>
      <c r="BB23" s="487"/>
      <c r="BC23" s="487"/>
      <c r="BD23" s="487"/>
      <c r="BE23" s="487"/>
      <c r="BF23" s="487"/>
      <c r="BG23" s="487"/>
      <c r="BH23" s="487"/>
      <c r="BI23" s="487"/>
      <c r="BJ23" s="487"/>
      <c r="BK23" s="487"/>
      <c r="BL23" s="487"/>
      <c r="BM23" s="487"/>
      <c r="BN23" s="487"/>
      <c r="BO23" s="487"/>
      <c r="BP23" s="487"/>
      <c r="BQ23" s="487"/>
      <c r="BR23" s="487"/>
      <c r="BS23" s="487"/>
      <c r="BT23" s="487"/>
      <c r="BU23" s="487"/>
      <c r="BV23" s="487"/>
      <c r="BW23" s="487"/>
      <c r="BX23" s="487"/>
      <c r="BY23" s="487"/>
      <c r="BZ23" s="487"/>
      <c r="CA23" s="487"/>
      <c r="CB23" s="487"/>
      <c r="CC23" s="487"/>
      <c r="CD23" s="487"/>
      <c r="CE23" s="487"/>
      <c r="CF23" s="487"/>
      <c r="CG23" s="487"/>
      <c r="CH23" s="487"/>
      <c r="CI23" s="487"/>
      <c r="CJ23" s="487"/>
      <c r="CK23" s="487"/>
      <c r="CL23" s="487"/>
      <c r="CM23" s="488"/>
      <c r="CQ23" s="3" ph="1"/>
      <c r="CR23" s="3" ph="1"/>
      <c r="CS23" s="3" ph="1"/>
      <c r="CT23" s="3" ph="1"/>
      <c r="CU23" s="3" ph="1"/>
      <c r="CV23" s="3" ph="1"/>
    </row>
    <row r="24" spans="1:100" ht="17.25" customHeight="1" x14ac:dyDescent="0.15">
      <c r="A24" s="329"/>
      <c r="B24" s="329"/>
      <c r="C24" s="329"/>
      <c r="D24" s="329"/>
      <c r="E24" s="329"/>
      <c r="F24" s="567"/>
      <c r="G24" s="568"/>
      <c r="H24" s="568"/>
      <c r="I24" s="568"/>
      <c r="J24" s="568"/>
      <c r="K24" s="568"/>
      <c r="L24" s="568"/>
      <c r="M24" s="569"/>
      <c r="N24" s="523"/>
      <c r="O24" s="428" t="s">
        <v>260</v>
      </c>
      <c r="P24" s="428"/>
      <c r="Q24" s="1231" t="s">
        <v>1019</v>
      </c>
      <c r="R24" s="1231"/>
      <c r="S24" s="1231"/>
      <c r="T24" s="1231"/>
      <c r="U24" s="1231"/>
      <c r="V24" s="1231"/>
      <c r="W24" s="1231"/>
      <c r="X24" s="1231"/>
      <c r="Y24" s="1231"/>
      <c r="Z24" s="1231"/>
      <c r="AA24" s="1231"/>
      <c r="AB24" s="1231"/>
      <c r="AC24" s="1231"/>
      <c r="AD24" s="1231"/>
      <c r="AE24" s="1231"/>
      <c r="AF24" s="1231"/>
      <c r="AG24" s="1231"/>
      <c r="AH24" s="1231"/>
      <c r="AI24" s="1231"/>
      <c r="AJ24" s="1231"/>
      <c r="AK24" s="1231"/>
      <c r="AL24" s="1231"/>
      <c r="AM24" s="5"/>
      <c r="AN24" s="37" t="s">
        <v>16</v>
      </c>
      <c r="AO24" s="655" t="s">
        <v>1320</v>
      </c>
      <c r="AP24" s="655"/>
      <c r="AQ24" s="655"/>
      <c r="AR24" s="655"/>
      <c r="AS24" s="655"/>
      <c r="AT24" s="655"/>
      <c r="AU24" s="655"/>
      <c r="AV24" s="655"/>
      <c r="AW24" s="655"/>
      <c r="AX24" s="655"/>
      <c r="AY24" s="655"/>
      <c r="AZ24" s="655"/>
      <c r="BA24" s="655"/>
      <c r="BB24" s="655"/>
      <c r="BC24" s="655"/>
      <c r="BD24" s="655"/>
      <c r="BE24" s="655"/>
      <c r="BF24" s="655"/>
      <c r="BG24" s="655"/>
      <c r="BH24" s="655"/>
      <c r="BI24" s="655"/>
      <c r="BJ24" s="655"/>
      <c r="BK24" s="655"/>
      <c r="BL24" s="655"/>
      <c r="BM24" s="655"/>
      <c r="BN24" s="655"/>
      <c r="BO24" s="655"/>
      <c r="BP24" s="655"/>
      <c r="BQ24" s="655"/>
      <c r="BR24" s="655"/>
      <c r="BS24" s="655"/>
      <c r="BT24" s="655"/>
      <c r="BU24" s="655"/>
      <c r="BV24" s="655"/>
      <c r="BW24" s="655"/>
      <c r="BX24" s="655"/>
      <c r="BY24" s="655"/>
      <c r="BZ24" s="655"/>
      <c r="CA24" s="655"/>
      <c r="CB24" s="655"/>
      <c r="CC24" s="655"/>
      <c r="CD24" s="655"/>
      <c r="CE24" s="655"/>
      <c r="CF24" s="655"/>
      <c r="CG24" s="655"/>
      <c r="CH24" s="655"/>
      <c r="CI24" s="655"/>
      <c r="CJ24" s="655"/>
      <c r="CK24" s="655"/>
      <c r="CL24" s="655"/>
      <c r="CM24" s="656"/>
      <c r="CQ24" s="3" ph="1"/>
      <c r="CR24" s="3" ph="1"/>
      <c r="CS24" s="3" ph="1"/>
      <c r="CT24" s="3" ph="1"/>
      <c r="CU24" s="3" ph="1"/>
      <c r="CV24" s="3" ph="1"/>
    </row>
    <row r="25" spans="1:100" ht="17.25" customHeight="1" x14ac:dyDescent="0.15">
      <c r="A25" s="328" t="s">
        <v>263</v>
      </c>
      <c r="B25" s="328"/>
      <c r="C25" s="328"/>
      <c r="D25" s="328"/>
      <c r="E25" s="328"/>
      <c r="F25" s="330" t="s">
        <v>1609</v>
      </c>
      <c r="G25" s="331"/>
      <c r="H25" s="331"/>
      <c r="I25" s="331"/>
      <c r="J25" s="331"/>
      <c r="K25" s="331"/>
      <c r="L25" s="331"/>
      <c r="M25" s="331"/>
      <c r="N25" s="523"/>
      <c r="O25" s="428"/>
      <c r="P25" s="428"/>
      <c r="Q25" s="355">
        <v>28356</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16</v>
      </c>
      <c r="AO25" s="556" t="s">
        <v>1321</v>
      </c>
      <c r="AP25" s="1217"/>
      <c r="AQ25" s="1217"/>
      <c r="AR25" s="1217"/>
      <c r="AS25" s="1217"/>
      <c r="AT25" s="1217"/>
      <c r="AU25" s="1217"/>
      <c r="AV25" s="1217"/>
      <c r="AW25" s="1217"/>
      <c r="AX25" s="1217"/>
      <c r="AY25" s="1217"/>
      <c r="AZ25" s="1217"/>
      <c r="BA25" s="1217"/>
      <c r="BB25" s="1217"/>
      <c r="BC25" s="1217"/>
      <c r="BD25" s="1217"/>
      <c r="BE25" s="1217"/>
      <c r="BF25" s="1217"/>
      <c r="BG25" s="1217"/>
      <c r="BH25" s="1217"/>
      <c r="BI25" s="1217"/>
      <c r="BJ25" s="1217"/>
      <c r="BK25" s="1217"/>
      <c r="BL25" s="1217"/>
      <c r="BM25" s="1217"/>
      <c r="BN25" s="1217"/>
      <c r="BO25" s="1217"/>
      <c r="BP25" s="1217"/>
      <c r="BQ25" s="1217"/>
      <c r="BR25" s="1217"/>
      <c r="BS25" s="1217"/>
      <c r="BT25" s="1217"/>
      <c r="BU25" s="1217"/>
      <c r="BV25" s="1217"/>
      <c r="BW25" s="1217"/>
      <c r="BX25" s="1217"/>
      <c r="BY25" s="1217"/>
      <c r="BZ25" s="1217"/>
      <c r="CA25" s="1217"/>
      <c r="CB25" s="1217"/>
      <c r="CC25" s="1217"/>
      <c r="CD25" s="1217"/>
      <c r="CE25" s="1217"/>
      <c r="CF25" s="1217"/>
      <c r="CG25" s="1217"/>
      <c r="CH25" s="1217"/>
      <c r="CI25" s="1217"/>
      <c r="CJ25" s="1217"/>
      <c r="CK25" s="1217"/>
      <c r="CL25" s="1217"/>
      <c r="CM25" s="1218"/>
      <c r="CQ25" s="3" ph="1"/>
      <c r="CR25" s="3" ph="1"/>
      <c r="CS25" s="3" ph="1"/>
      <c r="CT25" s="3" ph="1"/>
      <c r="CU25" s="3" ph="1"/>
      <c r="CV25" s="3" ph="1"/>
    </row>
    <row r="26" spans="1:100" ht="17.25" customHeight="1" x14ac:dyDescent="0.15">
      <c r="A26" s="328"/>
      <c r="B26" s="328"/>
      <c r="C26" s="328"/>
      <c r="D26" s="328"/>
      <c r="E26" s="328"/>
      <c r="F26" s="336" t="s">
        <v>1608</v>
      </c>
      <c r="G26" s="337"/>
      <c r="H26" s="337"/>
      <c r="I26" s="337"/>
      <c r="J26" s="337"/>
      <c r="K26" s="337"/>
      <c r="L26" s="337"/>
      <c r="M26" s="338"/>
      <c r="N26" s="523"/>
      <c r="O26" s="428" t="s">
        <v>264</v>
      </c>
      <c r="P26" s="428"/>
      <c r="Q26" s="965" t="s">
        <v>588</v>
      </c>
      <c r="R26" s="965"/>
      <c r="S26" s="965"/>
      <c r="T26" s="965"/>
      <c r="U26" s="965"/>
      <c r="V26" s="965"/>
      <c r="W26" s="965"/>
      <c r="X26" s="965"/>
      <c r="Y26" s="965"/>
      <c r="Z26" s="965"/>
      <c r="AA26" s="965"/>
      <c r="AB26" s="965"/>
      <c r="AC26" s="965"/>
      <c r="AD26" s="965"/>
      <c r="AE26" s="965"/>
      <c r="AF26" s="965"/>
      <c r="AG26" s="965"/>
      <c r="AH26" s="965"/>
      <c r="AI26" s="965"/>
      <c r="AJ26" s="965"/>
      <c r="AK26" s="965"/>
      <c r="AL26" s="965"/>
      <c r="AM26" s="5"/>
      <c r="AN26" s="37" t="s">
        <v>16</v>
      </c>
      <c r="AO26" s="655" t="s">
        <v>1592</v>
      </c>
      <c r="AP26" s="655"/>
      <c r="AQ26" s="655"/>
      <c r="AR26" s="655"/>
      <c r="AS26" s="655"/>
      <c r="AT26" s="655"/>
      <c r="AU26" s="655"/>
      <c r="AV26" s="655"/>
      <c r="AW26" s="655"/>
      <c r="AX26" s="655"/>
      <c r="AY26" s="655"/>
      <c r="AZ26" s="655"/>
      <c r="BA26" s="655"/>
      <c r="BB26" s="655"/>
      <c r="BC26" s="655"/>
      <c r="BD26" s="655"/>
      <c r="BE26" s="655"/>
      <c r="BF26" s="655"/>
      <c r="BG26" s="655"/>
      <c r="BH26" s="655"/>
      <c r="BI26" s="655"/>
      <c r="BJ26" s="655"/>
      <c r="BK26" s="655"/>
      <c r="BL26" s="655"/>
      <c r="BM26" s="655"/>
      <c r="BN26" s="655"/>
      <c r="BO26" s="655"/>
      <c r="BP26" s="655"/>
      <c r="BQ26" s="655"/>
      <c r="BR26" s="655"/>
      <c r="BS26" s="655"/>
      <c r="BT26" s="655"/>
      <c r="BU26" s="655"/>
      <c r="BV26" s="655"/>
      <c r="BW26" s="655"/>
      <c r="BX26" s="655"/>
      <c r="BY26" s="655"/>
      <c r="BZ26" s="655"/>
      <c r="CA26" s="655"/>
      <c r="CB26" s="655"/>
      <c r="CC26" s="655"/>
      <c r="CD26" s="655"/>
      <c r="CE26" s="655"/>
      <c r="CF26" s="655"/>
      <c r="CG26" s="655"/>
      <c r="CH26" s="655"/>
      <c r="CI26" s="655"/>
      <c r="CJ26" s="655"/>
      <c r="CK26" s="655"/>
      <c r="CL26" s="655"/>
      <c r="CM26" s="656"/>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55">
        <v>33511</v>
      </c>
      <c r="R27" s="355"/>
      <c r="S27" s="355"/>
      <c r="T27" s="355"/>
      <c r="U27" s="355"/>
      <c r="V27" s="355"/>
      <c r="W27" s="355"/>
      <c r="X27" s="355"/>
      <c r="Y27" s="355"/>
      <c r="Z27" s="355"/>
      <c r="AA27" s="355"/>
      <c r="AB27" s="355"/>
      <c r="AC27" s="355"/>
      <c r="AD27" s="355"/>
      <c r="AE27" s="355"/>
      <c r="AF27" s="355"/>
      <c r="AG27" s="355"/>
      <c r="AH27" s="355"/>
      <c r="AI27" s="355"/>
      <c r="AJ27" s="355"/>
      <c r="AK27" s="355"/>
      <c r="AL27" s="355"/>
      <c r="AM27" s="5"/>
      <c r="AN27" s="37" t="s">
        <v>16</v>
      </c>
      <c r="AO27" s="490" t="s">
        <v>1593</v>
      </c>
      <c r="AP27" s="490"/>
      <c r="AQ27" s="490"/>
      <c r="AR27" s="490"/>
      <c r="AS27" s="490"/>
      <c r="AT27" s="490"/>
      <c r="AU27" s="490"/>
      <c r="AV27" s="490"/>
      <c r="AW27" s="490"/>
      <c r="AX27" s="490"/>
      <c r="AY27" s="490"/>
      <c r="AZ27" s="490"/>
      <c r="BA27" s="490"/>
      <c r="BB27" s="490"/>
      <c r="BC27" s="490"/>
      <c r="BD27" s="490"/>
      <c r="BE27" s="490"/>
      <c r="BF27" s="490"/>
      <c r="BG27" s="490"/>
      <c r="BH27" s="490"/>
      <c r="BI27" s="490"/>
      <c r="BJ27" s="490"/>
      <c r="BK27" s="490"/>
      <c r="BL27" s="490"/>
      <c r="BM27" s="490"/>
      <c r="BN27" s="490"/>
      <c r="BO27" s="490"/>
      <c r="BP27" s="490"/>
      <c r="BQ27" s="490"/>
      <c r="BR27" s="490"/>
      <c r="BS27" s="490"/>
      <c r="BT27" s="490"/>
      <c r="BU27" s="490"/>
      <c r="BV27" s="490"/>
      <c r="BW27" s="490"/>
      <c r="BX27" s="490"/>
      <c r="BY27" s="490"/>
      <c r="BZ27" s="490"/>
      <c r="CA27" s="490"/>
      <c r="CB27" s="490"/>
      <c r="CC27" s="490"/>
      <c r="CD27" s="490"/>
      <c r="CE27" s="490"/>
      <c r="CF27" s="490"/>
      <c r="CG27" s="490"/>
      <c r="CH27" s="490"/>
      <c r="CI27" s="490"/>
      <c r="CJ27" s="490"/>
      <c r="CK27" s="490"/>
      <c r="CL27" s="490"/>
      <c r="CM27" s="491"/>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589</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8" t="s">
        <v>16</v>
      </c>
      <c r="AO29" s="349" t="s">
        <v>1322</v>
      </c>
      <c r="AP29" s="349"/>
      <c r="AQ29" s="349"/>
      <c r="AR29" s="349"/>
      <c r="AS29" s="349"/>
      <c r="AT29" s="349"/>
      <c r="AU29" s="349"/>
      <c r="AV29" s="349"/>
      <c r="AW29" s="349"/>
      <c r="AX29" s="349"/>
      <c r="AY29" s="349"/>
      <c r="AZ29" s="349"/>
      <c r="BA29" s="349"/>
      <c r="BB29" s="349"/>
      <c r="BC29" s="349"/>
      <c r="BD29" s="349"/>
      <c r="BE29" s="349"/>
      <c r="BF29" s="349"/>
      <c r="BG29" s="349"/>
      <c r="BH29" s="349"/>
      <c r="BI29" s="349"/>
      <c r="BJ29" s="349"/>
      <c r="BK29" s="349"/>
      <c r="BL29" s="349"/>
      <c r="BM29" s="349"/>
      <c r="BN29" s="349"/>
      <c r="BO29" s="349"/>
      <c r="BP29" s="350"/>
      <c r="BQ29" s="53"/>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9" t="s">
        <v>16</v>
      </c>
      <c r="AO30" s="351" t="s">
        <v>1323</v>
      </c>
      <c r="AP30" s="351"/>
      <c r="AQ30" s="351"/>
      <c r="AR30" s="351"/>
      <c r="AS30" s="351"/>
      <c r="AT30" s="351"/>
      <c r="AU30" s="351"/>
      <c r="AV30" s="351"/>
      <c r="AW30" s="351"/>
      <c r="AX30" s="351"/>
      <c r="AY30" s="351"/>
      <c r="AZ30" s="351"/>
      <c r="BA30" s="351"/>
      <c r="BB30" s="351"/>
      <c r="BC30" s="351"/>
      <c r="BD30" s="351"/>
      <c r="BE30" s="351"/>
      <c r="BF30" s="351"/>
      <c r="BG30" s="351"/>
      <c r="BH30" s="351"/>
      <c r="BI30" s="351"/>
      <c r="BJ30" s="351"/>
      <c r="BK30" s="351"/>
      <c r="BL30" s="351"/>
      <c r="BM30" s="351"/>
      <c r="BN30" s="351"/>
      <c r="BO30" s="351"/>
      <c r="BP30" s="352"/>
      <c r="BQ30" s="53"/>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9" t="s">
        <v>16</v>
      </c>
      <c r="AO31" s="351" t="s">
        <v>1661</v>
      </c>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73"/>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9" t="s">
        <v>16</v>
      </c>
      <c r="AO32" s="351" t="s">
        <v>1324</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53"/>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72"/>
      <c r="B33" s="473"/>
      <c r="C33" s="473"/>
      <c r="D33" s="473"/>
      <c r="E33" s="473"/>
      <c r="F33" s="473"/>
      <c r="G33" s="473"/>
      <c r="H33" s="473"/>
      <c r="I33" s="473"/>
      <c r="J33" s="473"/>
      <c r="K33" s="473"/>
      <c r="L33" s="473"/>
      <c r="M33" s="473"/>
      <c r="N33" s="473"/>
      <c r="O33" s="473"/>
      <c r="P33" s="473"/>
      <c r="Q33" s="473"/>
      <c r="R33" s="473"/>
      <c r="S33" s="473"/>
      <c r="T33" s="473"/>
      <c r="U33" s="473"/>
      <c r="V33" s="473"/>
      <c r="W33" s="473"/>
      <c r="X33" s="473"/>
      <c r="Y33" s="473"/>
      <c r="Z33" s="473"/>
      <c r="AA33" s="473"/>
      <c r="AB33" s="473"/>
      <c r="AC33" s="473"/>
      <c r="AD33" s="473"/>
      <c r="AE33" s="473"/>
      <c r="AF33" s="473"/>
      <c r="AG33" s="473"/>
      <c r="AH33" s="473"/>
      <c r="AI33" s="473"/>
      <c r="AJ33" s="473"/>
      <c r="AK33" s="473"/>
      <c r="AL33" s="474"/>
      <c r="AM33" s="5"/>
      <c r="AN33" s="40" t="s">
        <v>16</v>
      </c>
      <c r="AO33" s="353" t="s">
        <v>1325</v>
      </c>
      <c r="AP33" s="353"/>
      <c r="AQ33" s="353"/>
      <c r="AR33" s="353"/>
      <c r="AS33" s="353"/>
      <c r="AT33" s="353"/>
      <c r="AU33" s="353"/>
      <c r="AV33" s="353"/>
      <c r="AW33" s="353"/>
      <c r="AX33" s="353"/>
      <c r="AY33" s="353"/>
      <c r="AZ33" s="353"/>
      <c r="BA33" s="353"/>
      <c r="BB33" s="353"/>
      <c r="BC33" s="353"/>
      <c r="BD33" s="353"/>
      <c r="BE33" s="353"/>
      <c r="BF33" s="353"/>
      <c r="BG33" s="353"/>
      <c r="BH33" s="353"/>
      <c r="BI33" s="353"/>
      <c r="BJ33" s="353"/>
      <c r="BK33" s="353"/>
      <c r="BL33" s="353"/>
      <c r="BM33" s="353"/>
      <c r="BN33" s="353"/>
      <c r="BO33" s="353"/>
      <c r="BP33" s="354"/>
      <c r="BQ33" s="160"/>
      <c r="BR33" s="292" t="s">
        <v>267</v>
      </c>
      <c r="BS33" s="293"/>
      <c r="BT33" s="293"/>
      <c r="BU33" s="293"/>
      <c r="BV33" s="293"/>
      <c r="BW33" s="293"/>
      <c r="BX33" s="294"/>
      <c r="BY33" s="284">
        <v>293</v>
      </c>
      <c r="BZ33" s="285"/>
      <c r="CA33" s="285"/>
      <c r="CB33" s="285"/>
      <c r="CC33" s="285"/>
      <c r="CD33" s="285"/>
      <c r="CE33" s="285"/>
      <c r="CF33" s="285"/>
      <c r="CG33" s="288"/>
      <c r="CH33" s="286">
        <v>6.0851499999999996</v>
      </c>
      <c r="CI33" s="286"/>
      <c r="CJ33" s="286"/>
      <c r="CK33" s="286"/>
      <c r="CL33" s="286"/>
      <c r="CM33" s="286"/>
      <c r="CQ33" s="3" ph="1"/>
      <c r="CR33" s="3" ph="1"/>
      <c r="CS33" s="3" ph="1"/>
      <c r="CT33" s="3" ph="1"/>
      <c r="CU33" s="3" ph="1"/>
      <c r="CV33" s="3" ph="1"/>
    </row>
    <row r="34" spans="1:100" ht="17.25" customHeight="1" x14ac:dyDescent="0.15">
      <c r="A34" s="574" t="s">
        <v>274</v>
      </c>
      <c r="B34" s="574"/>
      <c r="C34" s="574"/>
      <c r="D34" s="574"/>
      <c r="E34" s="574"/>
      <c r="F34" s="574"/>
      <c r="G34" s="574"/>
      <c r="H34" s="574"/>
      <c r="I34" s="574"/>
      <c r="J34" s="574"/>
      <c r="K34" s="574"/>
      <c r="L34" s="574"/>
      <c r="M34" s="574"/>
      <c r="N34" s="129"/>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11" t="s">
        <v>316</v>
      </c>
      <c r="B35" s="312"/>
      <c r="C35" s="312"/>
      <c r="D35" s="312"/>
      <c r="E35" s="312"/>
      <c r="F35" s="312"/>
      <c r="G35" s="312"/>
      <c r="H35" s="312"/>
      <c r="I35" s="312"/>
      <c r="J35" s="312"/>
      <c r="K35" s="312"/>
      <c r="L35" s="312"/>
      <c r="M35" s="313"/>
      <c r="N35" s="129"/>
      <c r="O35" s="486" t="s">
        <v>70</v>
      </c>
      <c r="P35" s="487"/>
      <c r="Q35" s="487"/>
      <c r="R35" s="487"/>
      <c r="S35" s="487"/>
      <c r="T35" s="487"/>
      <c r="U35" s="487"/>
      <c r="V35" s="487"/>
      <c r="W35" s="487"/>
      <c r="X35" s="487"/>
      <c r="Y35" s="487"/>
      <c r="Z35" s="487"/>
      <c r="AA35" s="487"/>
      <c r="AB35" s="487"/>
      <c r="AC35" s="487"/>
      <c r="AD35" s="487"/>
      <c r="AE35" s="487"/>
      <c r="AF35" s="487"/>
      <c r="AG35" s="487"/>
      <c r="AH35" s="487"/>
      <c r="AI35" s="487"/>
      <c r="AJ35" s="487"/>
      <c r="AK35" s="487"/>
      <c r="AL35" s="488"/>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387</v>
      </c>
      <c r="BZ35" s="681"/>
      <c r="CA35" s="682"/>
      <c r="CB35" s="682"/>
      <c r="CC35" s="682"/>
      <c r="CD35" s="682"/>
      <c r="CE35" s="682"/>
      <c r="CF35" s="682"/>
      <c r="CG35" s="682"/>
      <c r="CH35" s="683">
        <v>28.805820000000001</v>
      </c>
      <c r="CI35" s="683"/>
      <c r="CJ35" s="683"/>
      <c r="CK35" s="683"/>
      <c r="CL35" s="683"/>
      <c r="CM35" s="683"/>
      <c r="CQ35" s="3" ph="1"/>
    </row>
    <row r="36" spans="1:100" ht="17.25" customHeight="1" x14ac:dyDescent="0.15">
      <c r="A36" s="251">
        <v>30665</v>
      </c>
      <c r="B36" s="690"/>
      <c r="C36" s="690"/>
      <c r="D36" s="690"/>
      <c r="E36" s="690"/>
      <c r="F36" s="690"/>
      <c r="G36" s="690"/>
      <c r="H36" s="690"/>
      <c r="I36" s="690"/>
      <c r="J36" s="690"/>
      <c r="K36" s="690"/>
      <c r="L36" s="690"/>
      <c r="M36" s="691"/>
      <c r="N36" s="129"/>
      <c r="O36" s="1148" t="s">
        <v>181</v>
      </c>
      <c r="P36" s="655"/>
      <c r="Q36" s="655"/>
      <c r="R36" s="655"/>
      <c r="S36" s="655"/>
      <c r="T36" s="655"/>
      <c r="U36" s="655"/>
      <c r="V36" s="655"/>
      <c r="W36" s="655"/>
      <c r="X36" s="655"/>
      <c r="Y36" s="655"/>
      <c r="Z36" s="655"/>
      <c r="AA36" s="655"/>
      <c r="AB36" s="655"/>
      <c r="AC36" s="655"/>
      <c r="AD36" s="655"/>
      <c r="AE36" s="655"/>
      <c r="AF36" s="655"/>
      <c r="AG36" s="655"/>
      <c r="AH36" s="655"/>
      <c r="AI36" s="655"/>
      <c r="AJ36" s="655"/>
      <c r="AK36" s="655"/>
      <c r="AL36" s="656"/>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20" t="s">
        <v>107</v>
      </c>
      <c r="B37" s="1302"/>
      <c r="C37" s="1302"/>
      <c r="D37" s="1302"/>
      <c r="E37" s="1302"/>
      <c r="F37" s="1302"/>
      <c r="G37" s="1302"/>
      <c r="H37" s="1302"/>
      <c r="I37" s="1302"/>
      <c r="J37" s="1302"/>
      <c r="K37" s="1302"/>
      <c r="L37" s="1302"/>
      <c r="M37" s="1303"/>
      <c r="N37" s="129"/>
      <c r="O37" s="1067" t="s">
        <v>182</v>
      </c>
      <c r="P37" s="556"/>
      <c r="Q37" s="556"/>
      <c r="R37" s="556"/>
      <c r="S37" s="556"/>
      <c r="T37" s="556"/>
      <c r="U37" s="556"/>
      <c r="V37" s="556"/>
      <c r="W37" s="556"/>
      <c r="X37" s="556"/>
      <c r="Y37" s="556"/>
      <c r="Z37" s="556"/>
      <c r="AA37" s="556"/>
      <c r="AB37" s="556"/>
      <c r="AC37" s="556"/>
      <c r="AD37" s="556"/>
      <c r="AE37" s="556"/>
      <c r="AF37" s="556"/>
      <c r="AG37" s="556"/>
      <c r="AH37" s="556"/>
      <c r="AI37" s="556"/>
      <c r="AJ37" s="556"/>
      <c r="AK37" s="556"/>
      <c r="AL37" s="557"/>
      <c r="AM37" s="5"/>
      <c r="AN37" s="287" t="s">
        <v>399</v>
      </c>
      <c r="AO37" s="287"/>
      <c r="AP37" s="287"/>
      <c r="AQ37" s="287"/>
      <c r="AR37" s="287"/>
      <c r="AS37" s="287"/>
      <c r="AT37" s="287"/>
      <c r="AU37" s="287"/>
      <c r="AV37" s="287"/>
      <c r="AW37" s="681">
        <v>10724</v>
      </c>
      <c r="AX37" s="681"/>
      <c r="AY37" s="681"/>
      <c r="AZ37" s="681"/>
      <c r="BA37" s="681"/>
      <c r="BB37" s="681"/>
      <c r="BC37" s="681"/>
      <c r="BD37" s="681"/>
      <c r="BE37" s="681"/>
      <c r="BF37" s="681"/>
      <c r="BG37" s="681">
        <v>3903</v>
      </c>
      <c r="BH37" s="681"/>
      <c r="BI37" s="681"/>
      <c r="BJ37" s="681"/>
      <c r="BK37" s="681"/>
      <c r="BL37" s="681"/>
      <c r="BM37" s="681"/>
      <c r="BN37" s="681"/>
      <c r="BO37" s="681"/>
      <c r="BP37" s="681"/>
      <c r="BQ37" s="149"/>
      <c r="BR37" s="680" t="s">
        <v>273</v>
      </c>
      <c r="BS37" s="680"/>
      <c r="BT37" s="680"/>
      <c r="BU37" s="680"/>
      <c r="BV37" s="680"/>
      <c r="BW37" s="680"/>
      <c r="BX37" s="680"/>
      <c r="BY37" s="681">
        <v>3135</v>
      </c>
      <c r="BZ37" s="681"/>
      <c r="CA37" s="682"/>
      <c r="CB37" s="682"/>
      <c r="CC37" s="682"/>
      <c r="CD37" s="682"/>
      <c r="CE37" s="682"/>
      <c r="CF37" s="682"/>
      <c r="CG37" s="682"/>
      <c r="CH37" s="683">
        <v>65.109030000000004</v>
      </c>
      <c r="CI37" s="683"/>
      <c r="CJ37" s="683"/>
      <c r="CK37" s="683"/>
      <c r="CL37" s="683"/>
      <c r="CM37" s="683"/>
      <c r="CQ37" s="3" ph="1"/>
    </row>
    <row r="38" spans="1:100" ht="17.25" customHeight="1" x14ac:dyDescent="0.15">
      <c r="A38" s="251">
        <v>33949</v>
      </c>
      <c r="B38" s="690"/>
      <c r="C38" s="690"/>
      <c r="D38" s="690"/>
      <c r="E38" s="690"/>
      <c r="F38" s="690"/>
      <c r="G38" s="690"/>
      <c r="H38" s="690"/>
      <c r="I38" s="690"/>
      <c r="J38" s="690"/>
      <c r="K38" s="690"/>
      <c r="L38" s="690"/>
      <c r="M38" s="691"/>
      <c r="N38" s="152"/>
      <c r="O38" s="1148" t="s">
        <v>551</v>
      </c>
      <c r="P38" s="655"/>
      <c r="Q38" s="655"/>
      <c r="R38" s="655"/>
      <c r="S38" s="655"/>
      <c r="T38" s="655"/>
      <c r="U38" s="655"/>
      <c r="V38" s="655"/>
      <c r="W38" s="655"/>
      <c r="X38" s="655"/>
      <c r="Y38" s="655"/>
      <c r="Z38" s="655"/>
      <c r="AA38" s="655"/>
      <c r="AB38" s="655"/>
      <c r="AC38" s="655"/>
      <c r="AD38" s="655"/>
      <c r="AE38" s="655"/>
      <c r="AF38" s="655"/>
      <c r="AG38" s="655"/>
      <c r="AH38" s="655"/>
      <c r="AI38" s="655"/>
      <c r="AJ38" s="655"/>
      <c r="AK38" s="655"/>
      <c r="AL38" s="656"/>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16"/>
      <c r="B39" s="692"/>
      <c r="C39" s="692"/>
      <c r="D39" s="692"/>
      <c r="E39" s="692"/>
      <c r="F39" s="692"/>
      <c r="G39" s="692"/>
      <c r="H39" s="692"/>
      <c r="I39" s="692"/>
      <c r="J39" s="692"/>
      <c r="K39" s="692"/>
      <c r="L39" s="692"/>
      <c r="M39" s="693"/>
      <c r="N39" s="144"/>
      <c r="O39" s="1148" t="s">
        <v>184</v>
      </c>
      <c r="P39" s="655"/>
      <c r="Q39" s="655"/>
      <c r="R39" s="655"/>
      <c r="S39" s="655"/>
      <c r="T39" s="655"/>
      <c r="U39" s="655"/>
      <c r="V39" s="655"/>
      <c r="W39" s="655"/>
      <c r="X39" s="655"/>
      <c r="Y39" s="655"/>
      <c r="Z39" s="655"/>
      <c r="AA39" s="655"/>
      <c r="AB39" s="655"/>
      <c r="AC39" s="655"/>
      <c r="AD39" s="655"/>
      <c r="AE39" s="655"/>
      <c r="AF39" s="655"/>
      <c r="AG39" s="655"/>
      <c r="AH39" s="655"/>
      <c r="AI39" s="655"/>
      <c r="AJ39" s="655"/>
      <c r="AK39" s="655"/>
      <c r="AL39" s="656"/>
      <c r="AM39" s="5"/>
      <c r="AN39" s="300" t="s">
        <v>1059</v>
      </c>
      <c r="AO39" s="300"/>
      <c r="AP39" s="300"/>
      <c r="AQ39" s="300"/>
      <c r="AR39" s="300"/>
      <c r="AS39" s="300"/>
      <c r="AT39" s="300"/>
      <c r="AU39" s="300"/>
      <c r="AV39" s="300"/>
      <c r="AW39" s="681">
        <v>9761</v>
      </c>
      <c r="AX39" s="681"/>
      <c r="AY39" s="681"/>
      <c r="AZ39" s="682"/>
      <c r="BA39" s="682"/>
      <c r="BB39" s="682"/>
      <c r="BC39" s="682"/>
      <c r="BD39" s="682"/>
      <c r="BE39" s="682"/>
      <c r="BF39" s="682"/>
      <c r="BG39" s="681">
        <v>3936</v>
      </c>
      <c r="BH39" s="681"/>
      <c r="BI39" s="681"/>
      <c r="BJ39" s="681"/>
      <c r="BK39" s="681"/>
      <c r="BL39" s="681"/>
      <c r="BM39" s="681"/>
      <c r="BN39" s="681"/>
      <c r="BO39" s="681"/>
      <c r="BP39" s="681"/>
      <c r="BQ39" s="149"/>
      <c r="BR39" s="301" t="s">
        <v>1119</v>
      </c>
      <c r="BS39" s="293"/>
      <c r="BT39" s="293"/>
      <c r="BU39" s="293"/>
      <c r="BV39" s="293"/>
      <c r="BW39" s="293"/>
      <c r="BX39" s="294"/>
      <c r="BY39" s="681">
        <v>4903</v>
      </c>
      <c r="BZ39" s="681"/>
      <c r="CA39" s="682"/>
      <c r="CB39" s="682"/>
      <c r="CC39" s="682"/>
      <c r="CD39" s="682"/>
      <c r="CE39" s="682"/>
      <c r="CF39" s="682"/>
      <c r="CG39" s="682"/>
      <c r="CH39" s="683">
        <v>100</v>
      </c>
      <c r="CI39" s="683"/>
      <c r="CJ39" s="683"/>
      <c r="CK39" s="683"/>
      <c r="CL39" s="683"/>
      <c r="CM39" s="683"/>
    </row>
    <row r="40" spans="1:100" ht="17.25" customHeight="1" x14ac:dyDescent="0.15">
      <c r="A40" s="251"/>
      <c r="B40" s="690"/>
      <c r="C40" s="690"/>
      <c r="D40" s="690"/>
      <c r="E40" s="690"/>
      <c r="F40" s="690"/>
      <c r="G40" s="690"/>
      <c r="H40" s="690"/>
      <c r="I40" s="690"/>
      <c r="J40" s="690"/>
      <c r="K40" s="690"/>
      <c r="L40" s="690"/>
      <c r="M40" s="691"/>
      <c r="N40" s="143"/>
      <c r="O40" s="1067" t="s">
        <v>590</v>
      </c>
      <c r="P40" s="556"/>
      <c r="Q40" s="556"/>
      <c r="R40" s="556"/>
      <c r="S40" s="556"/>
      <c r="T40" s="556"/>
      <c r="U40" s="556"/>
      <c r="V40" s="556"/>
      <c r="W40" s="556"/>
      <c r="X40" s="556"/>
      <c r="Y40" s="556"/>
      <c r="Z40" s="556"/>
      <c r="AA40" s="556"/>
      <c r="AB40" s="556"/>
      <c r="AC40" s="556"/>
      <c r="AD40" s="556"/>
      <c r="AE40" s="556"/>
      <c r="AF40" s="556"/>
      <c r="AG40" s="556"/>
      <c r="AH40" s="556"/>
      <c r="AI40" s="556"/>
      <c r="AJ40" s="556"/>
      <c r="AK40" s="556"/>
      <c r="AL40" s="557"/>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16"/>
      <c r="B41" s="692"/>
      <c r="C41" s="692"/>
      <c r="D41" s="692"/>
      <c r="E41" s="692"/>
      <c r="F41" s="692"/>
      <c r="G41" s="692"/>
      <c r="H41" s="692"/>
      <c r="I41" s="692"/>
      <c r="J41" s="692"/>
      <c r="K41" s="692"/>
      <c r="L41" s="692"/>
      <c r="M41" s="693"/>
      <c r="N41" s="143"/>
      <c r="O41" s="1148" t="s">
        <v>535</v>
      </c>
      <c r="P41" s="655"/>
      <c r="Q41" s="655"/>
      <c r="R41" s="655"/>
      <c r="S41" s="655"/>
      <c r="T41" s="655"/>
      <c r="U41" s="655"/>
      <c r="V41" s="655"/>
      <c r="W41" s="655"/>
      <c r="X41" s="655"/>
      <c r="Y41" s="655"/>
      <c r="Z41" s="655"/>
      <c r="AA41" s="655"/>
      <c r="AB41" s="655"/>
      <c r="AC41" s="655"/>
      <c r="AD41" s="655"/>
      <c r="AE41" s="655"/>
      <c r="AF41" s="655"/>
      <c r="AG41" s="655"/>
      <c r="AH41" s="655"/>
      <c r="AI41" s="655"/>
      <c r="AJ41" s="655"/>
      <c r="AK41" s="655"/>
      <c r="AL41" s="656"/>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c r="B42" s="690"/>
      <c r="C42" s="690"/>
      <c r="D42" s="690"/>
      <c r="E42" s="690"/>
      <c r="F42" s="690"/>
      <c r="G42" s="690"/>
      <c r="H42" s="690"/>
      <c r="I42" s="690"/>
      <c r="J42" s="690"/>
      <c r="K42" s="690"/>
      <c r="L42" s="690"/>
      <c r="M42" s="691"/>
      <c r="N42" s="143"/>
      <c r="O42" s="1148" t="s">
        <v>144</v>
      </c>
      <c r="P42" s="655"/>
      <c r="Q42" s="655"/>
      <c r="R42" s="655"/>
      <c r="S42" s="655"/>
      <c r="T42" s="655"/>
      <c r="U42" s="655"/>
      <c r="V42" s="655"/>
      <c r="W42" s="655"/>
      <c r="X42" s="655"/>
      <c r="Y42" s="655"/>
      <c r="Z42" s="655"/>
      <c r="AA42" s="655"/>
      <c r="AB42" s="655"/>
      <c r="AC42" s="655"/>
      <c r="AD42" s="655"/>
      <c r="AE42" s="655"/>
      <c r="AF42" s="655"/>
      <c r="AG42" s="655"/>
      <c r="AH42" s="655"/>
      <c r="AI42" s="655"/>
      <c r="AJ42" s="655"/>
      <c r="AK42" s="655"/>
      <c r="AL42" s="656"/>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c r="B43" s="692"/>
      <c r="C43" s="692"/>
      <c r="D43" s="692"/>
      <c r="E43" s="692"/>
      <c r="F43" s="692"/>
      <c r="G43" s="692"/>
      <c r="H43" s="692"/>
      <c r="I43" s="692"/>
      <c r="J43" s="692"/>
      <c r="K43" s="692"/>
      <c r="L43" s="692"/>
      <c r="M43" s="693"/>
      <c r="N43" s="144"/>
      <c r="O43" s="1067" t="s">
        <v>230</v>
      </c>
      <c r="P43" s="556"/>
      <c r="Q43" s="556"/>
      <c r="R43" s="556"/>
      <c r="S43" s="556"/>
      <c r="T43" s="556"/>
      <c r="U43" s="556"/>
      <c r="V43" s="556"/>
      <c r="W43" s="556"/>
      <c r="X43" s="556"/>
      <c r="Y43" s="556"/>
      <c r="Z43" s="556"/>
      <c r="AA43" s="556"/>
      <c r="AB43" s="556"/>
      <c r="AC43" s="556"/>
      <c r="AD43" s="556"/>
      <c r="AE43" s="556"/>
      <c r="AF43" s="556"/>
      <c r="AG43" s="556"/>
      <c r="AH43" s="556"/>
      <c r="AI43" s="556"/>
      <c r="AJ43" s="556"/>
      <c r="AK43" s="556"/>
      <c r="AL43" s="557"/>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c r="B44" s="690"/>
      <c r="C44" s="690"/>
      <c r="D44" s="690"/>
      <c r="E44" s="690"/>
      <c r="F44" s="690"/>
      <c r="G44" s="690"/>
      <c r="H44" s="690"/>
      <c r="I44" s="690"/>
      <c r="J44" s="690"/>
      <c r="K44" s="690"/>
      <c r="L44" s="690"/>
      <c r="M44" s="691"/>
      <c r="N44" s="143"/>
      <c r="O44" s="1067" t="s">
        <v>554</v>
      </c>
      <c r="P44" s="556"/>
      <c r="Q44" s="556"/>
      <c r="R44" s="556"/>
      <c r="S44" s="556"/>
      <c r="T44" s="556"/>
      <c r="U44" s="556"/>
      <c r="V44" s="556"/>
      <c r="W44" s="556"/>
      <c r="X44" s="556"/>
      <c r="Y44" s="556"/>
      <c r="Z44" s="556"/>
      <c r="AA44" s="556"/>
      <c r="AB44" s="556"/>
      <c r="AC44" s="556"/>
      <c r="AD44" s="556"/>
      <c r="AE44" s="556"/>
      <c r="AF44" s="556"/>
      <c r="AG44" s="556"/>
      <c r="AH44" s="556"/>
      <c r="AI44" s="556"/>
      <c r="AJ44" s="556"/>
      <c r="AK44" s="556"/>
      <c r="AL44" s="557"/>
      <c r="AM44" s="5"/>
      <c r="AN44" s="710">
        <v>43.5</v>
      </c>
      <c r="AO44" s="711"/>
      <c r="AP44" s="711"/>
      <c r="AQ44" s="711"/>
      <c r="AR44" s="711"/>
      <c r="AS44" s="727" t="s">
        <v>383</v>
      </c>
      <c r="AT44" s="727"/>
      <c r="AU44" s="727"/>
      <c r="AV44" s="728"/>
      <c r="AW44" s="710">
        <v>39.799999999999997</v>
      </c>
      <c r="AX44" s="711"/>
      <c r="AY44" s="711"/>
      <c r="AZ44" s="711"/>
      <c r="BA44" s="711"/>
      <c r="BB44" s="711"/>
      <c r="BC44" s="706" t="s">
        <v>384</v>
      </c>
      <c r="BD44" s="706"/>
      <c r="BE44" s="706"/>
      <c r="BF44" s="707"/>
      <c r="BG44" s="710">
        <v>99.3</v>
      </c>
      <c r="BH44" s="711"/>
      <c r="BI44" s="711"/>
      <c r="BJ44" s="711"/>
      <c r="BK44" s="711"/>
      <c r="BL44" s="711"/>
      <c r="BM44" s="706" t="s">
        <v>384</v>
      </c>
      <c r="BN44" s="706"/>
      <c r="BO44" s="706"/>
      <c r="BP44" s="707"/>
      <c r="BQ44" s="130"/>
      <c r="BR44" s="714">
        <v>224.61</v>
      </c>
      <c r="BS44" s="715"/>
      <c r="BT44" s="715"/>
      <c r="BU44" s="715"/>
      <c r="BV44" s="715"/>
      <c r="BW44" s="715"/>
      <c r="BX44" s="715"/>
      <c r="BY44" s="696" t="s">
        <v>385</v>
      </c>
      <c r="BZ44" s="696"/>
      <c r="CA44" s="696"/>
      <c r="CB44" s="697"/>
      <c r="CC44" s="718" t="s">
        <v>1020</v>
      </c>
      <c r="CD44" s="719"/>
      <c r="CE44" s="719"/>
      <c r="CF44" s="719"/>
      <c r="CG44" s="719"/>
      <c r="CH44" s="719"/>
      <c r="CI44" s="719"/>
      <c r="CJ44" s="696" t="s">
        <v>386</v>
      </c>
      <c r="CK44" s="696"/>
      <c r="CL44" s="696"/>
      <c r="CM44" s="697"/>
    </row>
    <row r="45" spans="1:100" ht="17.25" customHeight="1" x14ac:dyDescent="0.15">
      <c r="A45" s="216"/>
      <c r="B45" s="692"/>
      <c r="C45" s="692"/>
      <c r="D45" s="692"/>
      <c r="E45" s="692"/>
      <c r="F45" s="692"/>
      <c r="G45" s="692"/>
      <c r="H45" s="692"/>
      <c r="I45" s="692"/>
      <c r="J45" s="692"/>
      <c r="K45" s="692"/>
      <c r="L45" s="692"/>
      <c r="M45" s="693"/>
      <c r="N45" s="144"/>
      <c r="O45" s="1067" t="s">
        <v>1232</v>
      </c>
      <c r="P45" s="556"/>
      <c r="Q45" s="556"/>
      <c r="R45" s="556"/>
      <c r="S45" s="556"/>
      <c r="T45" s="556"/>
      <c r="U45" s="556"/>
      <c r="V45" s="556"/>
      <c r="W45" s="556"/>
      <c r="X45" s="556"/>
      <c r="Y45" s="556"/>
      <c r="Z45" s="556"/>
      <c r="AA45" s="556"/>
      <c r="AB45" s="556"/>
      <c r="AC45" s="556"/>
      <c r="AD45" s="556"/>
      <c r="AE45" s="556"/>
      <c r="AF45" s="556"/>
      <c r="AG45" s="556"/>
      <c r="AH45" s="556"/>
      <c r="AI45" s="556"/>
      <c r="AJ45" s="556"/>
      <c r="AK45" s="556"/>
      <c r="AL45" s="557"/>
      <c r="AM45" s="5"/>
      <c r="AN45" s="712"/>
      <c r="AO45" s="713"/>
      <c r="AP45" s="713"/>
      <c r="AQ45" s="713"/>
      <c r="AR45" s="713"/>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c r="B46" s="690"/>
      <c r="C46" s="690"/>
      <c r="D46" s="690"/>
      <c r="E46" s="690"/>
      <c r="F46" s="690"/>
      <c r="G46" s="690"/>
      <c r="H46" s="690"/>
      <c r="I46" s="690"/>
      <c r="J46" s="690"/>
      <c r="K46" s="690"/>
      <c r="L46" s="690"/>
      <c r="M46" s="691"/>
      <c r="N46" s="143"/>
      <c r="O46" s="1277" t="s">
        <v>1234</v>
      </c>
      <c r="P46" s="1278"/>
      <c r="Q46" s="1278"/>
      <c r="R46" s="1278"/>
      <c r="S46" s="1278"/>
      <c r="T46" s="1278"/>
      <c r="U46" s="1278"/>
      <c r="V46" s="1278"/>
      <c r="W46" s="1278"/>
      <c r="X46" s="1278"/>
      <c r="Y46" s="1278"/>
      <c r="Z46" s="1278"/>
      <c r="AA46" s="1278"/>
      <c r="AB46" s="1278"/>
      <c r="AC46" s="1278"/>
      <c r="AD46" s="1278"/>
      <c r="AE46" s="1278"/>
      <c r="AF46" s="1278"/>
      <c r="AG46" s="1278"/>
      <c r="AH46" s="1278"/>
      <c r="AI46" s="1278"/>
      <c r="AJ46" s="1278"/>
      <c r="AK46" s="1278"/>
      <c r="AL46" s="1279"/>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692"/>
      <c r="C47" s="692"/>
      <c r="D47" s="692"/>
      <c r="E47" s="692"/>
      <c r="F47" s="692"/>
      <c r="G47" s="692"/>
      <c r="H47" s="692"/>
      <c r="I47" s="692"/>
      <c r="J47" s="692"/>
      <c r="K47" s="692"/>
      <c r="L47" s="692"/>
      <c r="M47" s="693"/>
      <c r="N47" s="144"/>
      <c r="O47" s="1067" t="s">
        <v>555</v>
      </c>
      <c r="P47" s="556"/>
      <c r="Q47" s="556"/>
      <c r="R47" s="556"/>
      <c r="S47" s="556"/>
      <c r="T47" s="556"/>
      <c r="U47" s="556"/>
      <c r="V47" s="556"/>
      <c r="W47" s="556"/>
      <c r="X47" s="556"/>
      <c r="Y47" s="556"/>
      <c r="Z47" s="556"/>
      <c r="AA47" s="556"/>
      <c r="AB47" s="556"/>
      <c r="AC47" s="556"/>
      <c r="AD47" s="556"/>
      <c r="AE47" s="556"/>
      <c r="AF47" s="556"/>
      <c r="AG47" s="556"/>
      <c r="AH47" s="556"/>
      <c r="AI47" s="556"/>
      <c r="AJ47" s="556"/>
      <c r="AK47" s="556"/>
      <c r="AL47" s="557"/>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690"/>
      <c r="C48" s="690"/>
      <c r="D48" s="690"/>
      <c r="E48" s="690"/>
      <c r="F48" s="690"/>
      <c r="G48" s="690"/>
      <c r="H48" s="690"/>
      <c r="I48" s="690"/>
      <c r="J48" s="690"/>
      <c r="K48" s="690"/>
      <c r="L48" s="690"/>
      <c r="M48" s="691"/>
      <c r="N48" s="143"/>
      <c r="O48" s="1148" t="s">
        <v>502</v>
      </c>
      <c r="P48" s="655"/>
      <c r="Q48" s="655"/>
      <c r="R48" s="655"/>
      <c r="S48" s="655"/>
      <c r="T48" s="655"/>
      <c r="U48" s="655"/>
      <c r="V48" s="655"/>
      <c r="W48" s="655"/>
      <c r="X48" s="655"/>
      <c r="Y48" s="655"/>
      <c r="Z48" s="655"/>
      <c r="AA48" s="655"/>
      <c r="AB48" s="655"/>
      <c r="AC48" s="655"/>
      <c r="AD48" s="655"/>
      <c r="AE48" s="655"/>
      <c r="AF48" s="655"/>
      <c r="AG48" s="655"/>
      <c r="AH48" s="655"/>
      <c r="AI48" s="655"/>
      <c r="AJ48" s="655"/>
      <c r="AK48" s="655"/>
      <c r="AL48" s="656"/>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144"/>
      <c r="O49" s="1148" t="s">
        <v>1006</v>
      </c>
      <c r="P49" s="655"/>
      <c r="Q49" s="655"/>
      <c r="R49" s="655"/>
      <c r="S49" s="655"/>
      <c r="T49" s="655"/>
      <c r="U49" s="655"/>
      <c r="V49" s="655"/>
      <c r="W49" s="655"/>
      <c r="X49" s="655"/>
      <c r="Y49" s="655"/>
      <c r="Z49" s="655"/>
      <c r="AA49" s="655"/>
      <c r="AB49" s="655"/>
      <c r="AC49" s="655"/>
      <c r="AD49" s="655"/>
      <c r="AE49" s="655"/>
      <c r="AF49" s="655"/>
      <c r="AG49" s="655"/>
      <c r="AH49" s="655"/>
      <c r="AI49" s="655"/>
      <c r="AJ49" s="655"/>
      <c r="AK49" s="655"/>
      <c r="AL49" s="656"/>
      <c r="AM49" s="5"/>
      <c r="AN49" s="223">
        <v>3685.623</v>
      </c>
      <c r="AO49" s="224"/>
      <c r="AP49" s="224"/>
      <c r="AQ49" s="224"/>
      <c r="AR49" s="224"/>
      <c r="AS49" s="224"/>
      <c r="AT49" s="225"/>
      <c r="AU49" s="229">
        <v>0.495</v>
      </c>
      <c r="AV49" s="230"/>
      <c r="AW49" s="230"/>
      <c r="AX49" s="230"/>
      <c r="AY49" s="231"/>
      <c r="AZ49" s="210">
        <v>9.5</v>
      </c>
      <c r="BA49" s="211"/>
      <c r="BB49" s="211"/>
      <c r="BC49" s="211"/>
      <c r="BD49" s="212"/>
      <c r="BE49" s="210">
        <v>11.6</v>
      </c>
      <c r="BF49" s="211"/>
      <c r="BG49" s="211"/>
      <c r="BH49" s="211"/>
      <c r="BI49" s="212"/>
      <c r="BJ49" s="210">
        <v>4.8</v>
      </c>
      <c r="BK49" s="211"/>
      <c r="BL49" s="211"/>
      <c r="BM49" s="211"/>
      <c r="BN49" s="212"/>
      <c r="BO49" s="210">
        <v>5.8</v>
      </c>
      <c r="BP49" s="211"/>
      <c r="BQ49" s="211"/>
      <c r="BR49" s="211"/>
      <c r="BS49" s="212"/>
      <c r="BT49" s="210">
        <v>85.5</v>
      </c>
      <c r="BU49" s="211"/>
      <c r="BV49" s="211"/>
      <c r="BW49" s="211"/>
      <c r="BX49" s="212"/>
      <c r="BY49" s="210">
        <v>25.1</v>
      </c>
      <c r="BZ49" s="211"/>
      <c r="CA49" s="211"/>
      <c r="CB49" s="211"/>
      <c r="CC49" s="212"/>
      <c r="CD49" s="210">
        <v>41</v>
      </c>
      <c r="CE49" s="211"/>
      <c r="CF49" s="211"/>
      <c r="CG49" s="211"/>
      <c r="CH49" s="212"/>
      <c r="CI49" s="210">
        <v>48.2</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143"/>
      <c r="O50" s="1052" t="s">
        <v>1126</v>
      </c>
      <c r="P50" s="860"/>
      <c r="Q50" s="860"/>
      <c r="R50" s="860"/>
      <c r="S50" s="860"/>
      <c r="T50" s="860"/>
      <c r="U50" s="860"/>
      <c r="V50" s="860"/>
      <c r="W50" s="860"/>
      <c r="X50" s="860"/>
      <c r="Y50" s="860"/>
      <c r="Z50" s="860"/>
      <c r="AA50" s="860"/>
      <c r="AB50" s="860"/>
      <c r="AC50" s="860"/>
      <c r="AD50" s="860"/>
      <c r="AE50" s="860"/>
      <c r="AF50" s="860"/>
      <c r="AG50" s="860"/>
      <c r="AH50" s="860"/>
      <c r="AI50" s="860"/>
      <c r="AJ50" s="860"/>
      <c r="AK50" s="860"/>
      <c r="AL50" s="86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201">
    <mergeCell ref="AN1:CM1"/>
    <mergeCell ref="AN2:CM10"/>
    <mergeCell ref="A4:D4"/>
    <mergeCell ref="E4:H4"/>
    <mergeCell ref="N4:AL4"/>
    <mergeCell ref="A5:H6"/>
    <mergeCell ref="I5:AL6"/>
    <mergeCell ref="A7:D8"/>
    <mergeCell ref="F7:K7"/>
    <mergeCell ref="L7:Y7"/>
    <mergeCell ref="Z7:AB8"/>
    <mergeCell ref="AC7:AL8"/>
    <mergeCell ref="E8:Y8"/>
    <mergeCell ref="A1:H3"/>
    <mergeCell ref="I1:M4"/>
    <mergeCell ref="N1:AL3"/>
    <mergeCell ref="U12:X12"/>
    <mergeCell ref="Y12:AL12"/>
    <mergeCell ref="AN12:AS13"/>
    <mergeCell ref="AT12:CM13"/>
    <mergeCell ref="F13:M14"/>
    <mergeCell ref="Q13:T13"/>
    <mergeCell ref="U13:X13"/>
    <mergeCell ref="Y13:AL13"/>
    <mergeCell ref="A9:D10"/>
    <mergeCell ref="E9:AL10"/>
    <mergeCell ref="A11:D11"/>
    <mergeCell ref="E11:AL11"/>
    <mergeCell ref="AN11:CM11"/>
    <mergeCell ref="A12:E13"/>
    <mergeCell ref="F12:M12"/>
    <mergeCell ref="N12:N27"/>
    <mergeCell ref="O12:P21"/>
    <mergeCell ref="Q12:T12"/>
    <mergeCell ref="A14:E14"/>
    <mergeCell ref="Q14:T14"/>
    <mergeCell ref="U14:X14"/>
    <mergeCell ref="Y14:AL14"/>
    <mergeCell ref="AN14:AS15"/>
    <mergeCell ref="AT14:CM15"/>
    <mergeCell ref="A15:E15"/>
    <mergeCell ref="F15:M15"/>
    <mergeCell ref="Q15:T15"/>
    <mergeCell ref="U15:X15"/>
    <mergeCell ref="Y15:AL15"/>
    <mergeCell ref="A16:E21"/>
    <mergeCell ref="F16:M16"/>
    <mergeCell ref="Q16:T16"/>
    <mergeCell ref="U16:X16"/>
    <mergeCell ref="Y16:AL16"/>
    <mergeCell ref="F19:M19"/>
    <mergeCell ref="Q19:T19"/>
    <mergeCell ref="U19:X19"/>
    <mergeCell ref="Y19:AL19"/>
    <mergeCell ref="AN16:AS18"/>
    <mergeCell ref="AT16:CM18"/>
    <mergeCell ref="F17:M18"/>
    <mergeCell ref="Q17:T17"/>
    <mergeCell ref="U17:X17"/>
    <mergeCell ref="Y17:AL17"/>
    <mergeCell ref="Q18:T18"/>
    <mergeCell ref="U18:X18"/>
    <mergeCell ref="Y18:AL18"/>
    <mergeCell ref="AN19:AS21"/>
    <mergeCell ref="AT19:CM21"/>
    <mergeCell ref="F20:M21"/>
    <mergeCell ref="Q20:T20"/>
    <mergeCell ref="U20:X20"/>
    <mergeCell ref="Y20:AL20"/>
    <mergeCell ref="Q21:T21"/>
    <mergeCell ref="U21:X21"/>
    <mergeCell ref="Y21:AL21"/>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O27:CM27"/>
    <mergeCell ref="A28:AL28"/>
    <mergeCell ref="AN28:BP28"/>
    <mergeCell ref="A29:AL33"/>
    <mergeCell ref="AO29:BP29"/>
    <mergeCell ref="AO30:BP30"/>
    <mergeCell ref="BY30:CI30"/>
    <mergeCell ref="AO31:BP31"/>
    <mergeCell ref="BR31:BX32"/>
    <mergeCell ref="BY31:CG32"/>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37:M37"/>
    <mergeCell ref="O37:AL37"/>
    <mergeCell ref="AN37:AV38"/>
    <mergeCell ref="AW37:BF38"/>
    <mergeCell ref="BG37:BP38"/>
    <mergeCell ref="BR37:BX38"/>
    <mergeCell ref="BY37:CG38"/>
    <mergeCell ref="CH37:CM38"/>
    <mergeCell ref="A38:M38"/>
    <mergeCell ref="O38:AL38"/>
    <mergeCell ref="A39:M39"/>
    <mergeCell ref="O39:AL39"/>
    <mergeCell ref="AN39:AV40"/>
    <mergeCell ref="AW39:BF40"/>
    <mergeCell ref="BG39:BP40"/>
    <mergeCell ref="BR39:BX40"/>
    <mergeCell ref="BY39:CG40"/>
    <mergeCell ref="CH39:CM40"/>
    <mergeCell ref="A40:M40"/>
    <mergeCell ref="O40:AL40"/>
    <mergeCell ref="A42:M42"/>
    <mergeCell ref="O42:AL42"/>
    <mergeCell ref="AN42:AV43"/>
    <mergeCell ref="AW42:BF43"/>
    <mergeCell ref="A41:M41"/>
    <mergeCell ref="O41:AL41"/>
    <mergeCell ref="AU41:BE41"/>
    <mergeCell ref="BR41:CM41"/>
    <mergeCell ref="A43:M43"/>
    <mergeCell ref="O43:AL43"/>
    <mergeCell ref="BG42:BP43"/>
    <mergeCell ref="BR42:CB43"/>
    <mergeCell ref="CC42:CM43"/>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town.yamakit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7―</oddFooter>
  </headerFooter>
  <drawing r:id="rId3"/>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5" zoomScale="70" zoomScaleNormal="100" zoomScaleSheetLayoutView="70" workbookViewId="0">
      <selection activeCell="F16" sqref="F16:M16"/>
    </sheetView>
  </sheetViews>
  <sheetFormatPr defaultColWidth="9" defaultRowHeight="12" x14ac:dyDescent="0.15"/>
  <cols>
    <col min="1" max="37" width="2.5" style="3" customWidth="1"/>
    <col min="38" max="38" width="4.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591</v>
      </c>
      <c r="B1" s="644" ph="1"/>
      <c r="C1" s="644" ph="1"/>
      <c r="D1" s="644" ph="1"/>
      <c r="E1" s="644" ph="1"/>
      <c r="F1" s="644" ph="1"/>
      <c r="G1" s="644" ph="1"/>
      <c r="H1" s="644" ph="1"/>
      <c r="I1" s="645"/>
      <c r="J1" s="645"/>
      <c r="K1" s="645"/>
      <c r="L1" s="645"/>
      <c r="M1" s="645"/>
      <c r="N1" s="454" t="s">
        <v>592</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488</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1021</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1" t="s">
        <v>236</v>
      </c>
      <c r="B4" s="641"/>
      <c r="C4" s="641"/>
      <c r="D4" s="641"/>
      <c r="E4" s="458">
        <v>143669</v>
      </c>
      <c r="F4" s="458"/>
      <c r="G4" s="458"/>
      <c r="H4" s="458"/>
      <c r="I4" s="647"/>
      <c r="J4" s="647"/>
      <c r="K4" s="647"/>
      <c r="L4" s="647"/>
      <c r="M4" s="647"/>
      <c r="N4" s="459" t="s">
        <v>593</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382" t="s">
        <v>237</v>
      </c>
      <c r="B5" s="484"/>
      <c r="C5" s="484"/>
      <c r="D5" s="484"/>
      <c r="E5" s="484"/>
      <c r="F5" s="484"/>
      <c r="G5" s="484"/>
      <c r="H5" s="485"/>
      <c r="I5" s="486" t="s">
        <v>594</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364"/>
      <c r="B6" s="365"/>
      <c r="C6" s="365"/>
      <c r="D6" s="365"/>
      <c r="E6" s="365"/>
      <c r="F6" s="365"/>
      <c r="G6" s="365"/>
      <c r="H6" s="366"/>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05" t="s">
        <v>238</v>
      </c>
      <c r="B7" s="406"/>
      <c r="C7" s="406"/>
      <c r="D7" s="407"/>
      <c r="E7" s="65" t="s">
        <v>0</v>
      </c>
      <c r="F7" s="492" t="s">
        <v>595</v>
      </c>
      <c r="G7" s="492"/>
      <c r="H7" s="492"/>
      <c r="I7" s="492"/>
      <c r="J7" s="492"/>
      <c r="K7" s="492"/>
      <c r="L7" s="493"/>
      <c r="M7" s="642"/>
      <c r="N7" s="642"/>
      <c r="O7" s="642"/>
      <c r="P7" s="642"/>
      <c r="Q7" s="642"/>
      <c r="R7" s="642"/>
      <c r="S7" s="642"/>
      <c r="T7" s="642"/>
      <c r="U7" s="642"/>
      <c r="V7" s="642"/>
      <c r="W7" s="642"/>
      <c r="X7" s="642"/>
      <c r="Y7" s="643"/>
      <c r="Z7" s="332" t="s">
        <v>239</v>
      </c>
      <c r="AA7" s="332"/>
      <c r="AB7" s="332"/>
      <c r="AC7" s="431" t="s">
        <v>596</v>
      </c>
      <c r="AD7" s="431"/>
      <c r="AE7" s="431"/>
      <c r="AF7" s="431"/>
      <c r="AG7" s="431"/>
      <c r="AH7" s="431"/>
      <c r="AI7" s="431"/>
      <c r="AJ7" s="431"/>
      <c r="AK7" s="431"/>
      <c r="AL7" s="43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c r="B8" s="406"/>
      <c r="C8" s="406"/>
      <c r="D8" s="407"/>
      <c r="E8" s="433" t="s">
        <v>597</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405" t="s">
        <v>240</v>
      </c>
      <c r="B9" s="406"/>
      <c r="C9" s="406"/>
      <c r="D9" s="407"/>
      <c r="E9" s="445" t="s">
        <v>598</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469"/>
      <c r="AO9" s="470"/>
      <c r="AP9" s="470"/>
      <c r="AQ9" s="470"/>
      <c r="AR9" s="470"/>
      <c r="AS9" s="470"/>
      <c r="AT9" s="470"/>
      <c r="AU9" s="470"/>
      <c r="AV9" s="470"/>
      <c r="AW9" s="470"/>
      <c r="AX9" s="470"/>
      <c r="AY9" s="470"/>
      <c r="AZ9" s="470"/>
      <c r="BA9" s="470"/>
      <c r="BB9" s="470"/>
      <c r="BC9" s="470"/>
      <c r="BD9" s="470"/>
      <c r="BE9" s="470"/>
      <c r="BF9" s="470"/>
      <c r="BG9" s="470"/>
      <c r="BH9" s="470"/>
      <c r="BI9" s="470"/>
      <c r="BJ9" s="470"/>
      <c r="BK9" s="470"/>
      <c r="BL9" s="470"/>
      <c r="BM9" s="470"/>
      <c r="BN9" s="470"/>
      <c r="BO9" s="470"/>
      <c r="BP9" s="470"/>
      <c r="BQ9" s="470"/>
      <c r="BR9" s="470"/>
      <c r="BS9" s="470"/>
      <c r="BT9" s="470"/>
      <c r="BU9" s="470"/>
      <c r="BV9" s="470"/>
      <c r="BW9" s="470"/>
      <c r="BX9" s="470"/>
      <c r="BY9" s="470"/>
      <c r="BZ9" s="470"/>
      <c r="CA9" s="470"/>
      <c r="CB9" s="470"/>
      <c r="CC9" s="470"/>
      <c r="CD9" s="470"/>
      <c r="CE9" s="470"/>
      <c r="CF9" s="470"/>
      <c r="CG9" s="470"/>
      <c r="CH9" s="470"/>
      <c r="CI9" s="470"/>
      <c r="CJ9" s="470"/>
      <c r="CK9" s="470"/>
      <c r="CL9" s="470"/>
      <c r="CM9" s="471"/>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469"/>
      <c r="AO10" s="470"/>
      <c r="AP10" s="470"/>
      <c r="AQ10" s="470"/>
      <c r="AR10" s="470"/>
      <c r="AS10" s="470"/>
      <c r="AT10" s="470"/>
      <c r="AU10" s="470"/>
      <c r="AV10" s="470"/>
      <c r="AW10" s="470"/>
      <c r="AX10" s="470"/>
      <c r="AY10" s="470"/>
      <c r="AZ10" s="470"/>
      <c r="BA10" s="470"/>
      <c r="BB10" s="470"/>
      <c r="BC10" s="470"/>
      <c r="BD10" s="470"/>
      <c r="BE10" s="470"/>
      <c r="BF10" s="470"/>
      <c r="BG10" s="470"/>
      <c r="BH10" s="470"/>
      <c r="BI10" s="470"/>
      <c r="BJ10" s="470"/>
      <c r="BK10" s="470"/>
      <c r="BL10" s="470"/>
      <c r="BM10" s="470"/>
      <c r="BN10" s="470"/>
      <c r="BO10" s="470"/>
      <c r="BP10" s="470"/>
      <c r="BQ10" s="470"/>
      <c r="BR10" s="470"/>
      <c r="BS10" s="470"/>
      <c r="BT10" s="470"/>
      <c r="BU10" s="470"/>
      <c r="BV10" s="470"/>
      <c r="BW10" s="470"/>
      <c r="BX10" s="470"/>
      <c r="BY10" s="470"/>
      <c r="BZ10" s="470"/>
      <c r="CA10" s="470"/>
      <c r="CB10" s="470"/>
      <c r="CC10" s="470"/>
      <c r="CD10" s="470"/>
      <c r="CE10" s="470"/>
      <c r="CF10" s="470"/>
      <c r="CG10" s="470"/>
      <c r="CH10" s="470"/>
      <c r="CI10" s="470"/>
      <c r="CJ10" s="470"/>
      <c r="CK10" s="470"/>
      <c r="CL10" s="470"/>
      <c r="CM10" s="471"/>
    </row>
    <row r="11" spans="1:100" ht="17.25" customHeight="1" x14ac:dyDescent="0.15">
      <c r="A11" s="405" t="s">
        <v>37</v>
      </c>
      <c r="B11" s="406"/>
      <c r="C11" s="406"/>
      <c r="D11" s="407"/>
      <c r="E11" s="615" t="s">
        <v>1022</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469"/>
      <c r="AO11" s="470"/>
      <c r="AP11" s="470"/>
      <c r="AQ11" s="470"/>
      <c r="AR11" s="470"/>
      <c r="AS11" s="470"/>
      <c r="AT11" s="470"/>
      <c r="AU11" s="470"/>
      <c r="AV11" s="470"/>
      <c r="AW11" s="470"/>
      <c r="AX11" s="470"/>
      <c r="AY11" s="470"/>
      <c r="AZ11" s="470"/>
      <c r="BA11" s="470"/>
      <c r="BB11" s="470"/>
      <c r="BC11" s="470"/>
      <c r="BD11" s="470"/>
      <c r="BE11" s="470"/>
      <c r="BF11" s="470"/>
      <c r="BG11" s="470"/>
      <c r="BH11" s="470"/>
      <c r="BI11" s="470"/>
      <c r="BJ11" s="470"/>
      <c r="BK11" s="470"/>
      <c r="BL11" s="470"/>
      <c r="BM11" s="470"/>
      <c r="BN11" s="470"/>
      <c r="BO11" s="470"/>
      <c r="BP11" s="470"/>
      <c r="BQ11" s="470"/>
      <c r="BR11" s="470"/>
      <c r="BS11" s="470"/>
      <c r="BT11" s="470"/>
      <c r="BU11" s="470"/>
      <c r="BV11" s="470"/>
      <c r="BW11" s="470"/>
      <c r="BX11" s="470"/>
      <c r="BY11" s="470"/>
      <c r="BZ11" s="470"/>
      <c r="CA11" s="470"/>
      <c r="CB11" s="470"/>
      <c r="CC11" s="470"/>
      <c r="CD11" s="470"/>
      <c r="CE11" s="470"/>
      <c r="CF11" s="470"/>
      <c r="CG11" s="470"/>
      <c r="CH11" s="470"/>
      <c r="CI11" s="470"/>
      <c r="CJ11" s="470"/>
      <c r="CK11" s="470"/>
      <c r="CL11" s="470"/>
      <c r="CM11" s="471"/>
    </row>
    <row r="12" spans="1:100" ht="17.25" customHeight="1" x14ac:dyDescent="0.15">
      <c r="A12" s="332" t="s">
        <v>474</v>
      </c>
      <c r="B12" s="332"/>
      <c r="C12" s="332"/>
      <c r="D12" s="332"/>
      <c r="E12" s="328"/>
      <c r="F12" s="844" t="s">
        <v>1215</v>
      </c>
      <c r="G12" s="845"/>
      <c r="H12" s="845"/>
      <c r="I12" s="845"/>
      <c r="J12" s="845"/>
      <c r="K12" s="845"/>
      <c r="L12" s="845"/>
      <c r="M12" s="845"/>
      <c r="N12" s="522"/>
      <c r="O12" s="416" t="s">
        <v>242</v>
      </c>
      <c r="P12" s="417"/>
      <c r="Q12" s="377">
        <v>20121</v>
      </c>
      <c r="R12" s="220"/>
      <c r="S12" s="220"/>
      <c r="T12" s="220"/>
      <c r="U12" s="371" t="s">
        <v>599</v>
      </c>
      <c r="V12" s="220"/>
      <c r="W12" s="220"/>
      <c r="X12" s="220"/>
      <c r="Y12" s="220"/>
      <c r="Z12" s="220"/>
      <c r="AA12" s="220"/>
      <c r="AB12" s="220"/>
      <c r="AC12" s="220"/>
      <c r="AD12" s="220"/>
      <c r="AE12" s="220"/>
      <c r="AF12" s="220"/>
      <c r="AG12" s="220"/>
      <c r="AH12" s="220"/>
      <c r="AI12" s="220"/>
      <c r="AJ12" s="220"/>
      <c r="AK12" s="220"/>
      <c r="AL12" s="372"/>
      <c r="AM12" s="5"/>
      <c r="AN12" s="518" t="s">
        <v>245</v>
      </c>
      <c r="AO12" s="518"/>
      <c r="AP12" s="518"/>
      <c r="AQ12" s="518"/>
      <c r="AR12" s="518"/>
      <c r="AS12" s="518"/>
      <c r="AT12" s="518"/>
      <c r="AU12" s="518"/>
      <c r="AV12" s="518"/>
      <c r="AW12" s="518"/>
      <c r="AX12" s="518"/>
      <c r="AY12" s="518"/>
      <c r="AZ12" s="518"/>
      <c r="BA12" s="518"/>
      <c r="BB12" s="518"/>
      <c r="BC12" s="518"/>
      <c r="BD12" s="518"/>
      <c r="BE12" s="518"/>
      <c r="BF12" s="518"/>
      <c r="BG12" s="518"/>
      <c r="BH12" s="518"/>
      <c r="BI12" s="518"/>
      <c r="BJ12" s="518"/>
      <c r="BK12" s="518"/>
      <c r="BL12" s="518"/>
      <c r="BM12" s="518"/>
      <c r="BN12" s="518"/>
      <c r="BO12" s="518"/>
      <c r="BP12" s="518"/>
      <c r="BQ12" s="518"/>
      <c r="BR12" s="518"/>
      <c r="BS12" s="518"/>
      <c r="BT12" s="518"/>
      <c r="BU12" s="518"/>
      <c r="BV12" s="518"/>
      <c r="BW12" s="518"/>
      <c r="BX12" s="518"/>
      <c r="BY12" s="518"/>
      <c r="BZ12" s="518"/>
      <c r="CA12" s="518"/>
      <c r="CB12" s="518"/>
      <c r="CC12" s="518"/>
      <c r="CD12" s="518"/>
      <c r="CE12" s="518"/>
      <c r="CF12" s="518"/>
      <c r="CG12" s="518"/>
      <c r="CH12" s="518"/>
      <c r="CI12" s="518"/>
      <c r="CJ12" s="518"/>
      <c r="CK12" s="518"/>
      <c r="CL12" s="518"/>
      <c r="CM12" s="518"/>
      <c r="CQ12" s="3" ph="1"/>
      <c r="CR12" s="3" ph="1"/>
      <c r="CS12" s="3" ph="1"/>
      <c r="CT12" s="3" ph="1"/>
      <c r="CU12" s="3" ph="1"/>
      <c r="CV12" s="3" ph="1"/>
    </row>
    <row r="13" spans="1:100" ht="17.25" customHeight="1" x14ac:dyDescent="0.15">
      <c r="A13" s="328"/>
      <c r="B13" s="328"/>
      <c r="C13" s="328"/>
      <c r="D13" s="328"/>
      <c r="E13" s="328"/>
      <c r="F13" s="398" t="s">
        <v>1212</v>
      </c>
      <c r="G13" s="369"/>
      <c r="H13" s="369"/>
      <c r="I13" s="369"/>
      <c r="J13" s="369"/>
      <c r="K13" s="369"/>
      <c r="L13" s="369"/>
      <c r="M13" s="369"/>
      <c r="N13" s="523"/>
      <c r="O13" s="418"/>
      <c r="P13" s="419"/>
      <c r="Q13" s="377"/>
      <c r="R13" s="220"/>
      <c r="S13" s="220"/>
      <c r="T13" s="220"/>
      <c r="U13" s="371"/>
      <c r="V13" s="220"/>
      <c r="W13" s="220"/>
      <c r="X13" s="220"/>
      <c r="Y13" s="371"/>
      <c r="Z13" s="852"/>
      <c r="AA13" s="852"/>
      <c r="AB13" s="852"/>
      <c r="AC13" s="852"/>
      <c r="AD13" s="852"/>
      <c r="AE13" s="852"/>
      <c r="AF13" s="852"/>
      <c r="AG13" s="852"/>
      <c r="AH13" s="852"/>
      <c r="AI13" s="852"/>
      <c r="AJ13" s="852"/>
      <c r="AK13" s="852"/>
      <c r="AL13" s="853"/>
      <c r="AM13" s="5"/>
      <c r="AN13" s="287" t="s">
        <v>219</v>
      </c>
      <c r="AO13" s="287"/>
      <c r="AP13" s="287"/>
      <c r="AQ13" s="287"/>
      <c r="AR13" s="287"/>
      <c r="AS13" s="287"/>
      <c r="AT13" s="856" t="s">
        <v>600</v>
      </c>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426">
        <v>1</v>
      </c>
      <c r="B14" s="651"/>
      <c r="C14" s="651"/>
      <c r="D14" s="651"/>
      <c r="E14" s="651"/>
      <c r="F14" s="370"/>
      <c r="G14" s="370"/>
      <c r="H14" s="370"/>
      <c r="I14" s="370"/>
      <c r="J14" s="370"/>
      <c r="K14" s="370"/>
      <c r="L14" s="370"/>
      <c r="M14" s="370"/>
      <c r="N14" s="523"/>
      <c r="O14" s="418"/>
      <c r="P14" s="419"/>
      <c r="Q14" s="377"/>
      <c r="R14" s="220"/>
      <c r="S14" s="220"/>
      <c r="T14" s="220"/>
      <c r="U14" s="371"/>
      <c r="V14" s="220"/>
      <c r="W14" s="220"/>
      <c r="X14" s="220"/>
      <c r="Y14" s="371"/>
      <c r="Z14" s="220"/>
      <c r="AA14" s="220"/>
      <c r="AB14" s="220"/>
      <c r="AC14" s="220"/>
      <c r="AD14" s="220"/>
      <c r="AE14" s="220"/>
      <c r="AF14" s="220"/>
      <c r="AG14" s="220"/>
      <c r="AH14" s="220"/>
      <c r="AI14" s="220"/>
      <c r="AJ14" s="220"/>
      <c r="AK14" s="220"/>
      <c r="AL14" s="372"/>
      <c r="AM14" s="5"/>
      <c r="AN14" s="287"/>
      <c r="AO14" s="287"/>
      <c r="AP14" s="287"/>
      <c r="AQ14" s="287"/>
      <c r="AR14" s="287"/>
      <c r="AS14" s="287"/>
      <c r="AT14" s="856"/>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6502</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87" t="s">
        <v>220</v>
      </c>
      <c r="AO15" s="287"/>
      <c r="AP15" s="287"/>
      <c r="AQ15" s="287"/>
      <c r="AR15" s="287"/>
      <c r="AS15" s="287"/>
      <c r="AT15" s="856" t="s">
        <v>601</v>
      </c>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13</v>
      </c>
      <c r="B16" s="484"/>
      <c r="C16" s="484"/>
      <c r="D16" s="484"/>
      <c r="E16" s="485"/>
      <c r="F16" s="345" t="s">
        <v>1240</v>
      </c>
      <c r="G16" s="346"/>
      <c r="H16" s="346"/>
      <c r="I16" s="346"/>
      <c r="J16" s="346"/>
      <c r="K16" s="346"/>
      <c r="L16" s="346"/>
      <c r="M16" s="346"/>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87"/>
      <c r="AO16" s="287"/>
      <c r="AP16" s="287"/>
      <c r="AQ16" s="287"/>
      <c r="AR16" s="287"/>
      <c r="AS16" s="287"/>
      <c r="AT16" s="856"/>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t="s">
        <v>1239</v>
      </c>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t="s">
        <v>221</v>
      </c>
      <c r="AO17" s="287"/>
      <c r="AP17" s="287"/>
      <c r="AQ17" s="287"/>
      <c r="AR17" s="287"/>
      <c r="AS17" s="287"/>
      <c r="AT17" s="460" t="s">
        <v>777</v>
      </c>
      <c r="AU17" s="349"/>
      <c r="AV17" s="349"/>
      <c r="AW17" s="349"/>
      <c r="AX17" s="349"/>
      <c r="AY17" s="349"/>
      <c r="AZ17" s="349"/>
      <c r="BA17" s="349"/>
      <c r="BB17" s="349"/>
      <c r="BC17" s="349"/>
      <c r="BD17" s="349"/>
      <c r="BE17" s="349"/>
      <c r="BF17" s="349"/>
      <c r="BG17" s="349"/>
      <c r="BH17" s="349"/>
      <c r="BI17" s="349"/>
      <c r="BJ17" s="349"/>
      <c r="BK17" s="349"/>
      <c r="BL17" s="349"/>
      <c r="BM17" s="349"/>
      <c r="BN17" s="349"/>
      <c r="BO17" s="349"/>
      <c r="BP17" s="349"/>
      <c r="BQ17" s="349"/>
      <c r="BR17" s="349"/>
      <c r="BS17" s="349"/>
      <c r="BT17" s="349"/>
      <c r="BU17" s="349"/>
      <c r="BV17" s="349"/>
      <c r="BW17" s="349"/>
      <c r="BX17" s="349"/>
      <c r="BY17" s="349"/>
      <c r="BZ17" s="349"/>
      <c r="CA17" s="349"/>
      <c r="CB17" s="349"/>
      <c r="CC17" s="349"/>
      <c r="CD17" s="349"/>
      <c r="CE17" s="349"/>
      <c r="CF17" s="349"/>
      <c r="CG17" s="349"/>
      <c r="CH17" s="349"/>
      <c r="CI17" s="349"/>
      <c r="CJ17" s="349"/>
      <c r="CK17" s="349"/>
      <c r="CL17" s="349"/>
      <c r="CM17" s="350"/>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87"/>
      <c r="AO18" s="287"/>
      <c r="AP18" s="287"/>
      <c r="AQ18" s="287"/>
      <c r="AR18" s="287"/>
      <c r="AS18" s="287"/>
      <c r="AT18" s="1101"/>
      <c r="AU18" s="351"/>
      <c r="AV18" s="351"/>
      <c r="AW18" s="351"/>
      <c r="AX18" s="351"/>
      <c r="AY18" s="351"/>
      <c r="AZ18" s="351"/>
      <c r="BA18" s="351"/>
      <c r="BB18" s="351"/>
      <c r="BC18" s="351"/>
      <c r="BD18" s="351"/>
      <c r="BE18" s="351"/>
      <c r="BF18" s="351"/>
      <c r="BG18" s="351"/>
      <c r="BH18" s="351"/>
      <c r="BI18" s="351"/>
      <c r="BJ18" s="351"/>
      <c r="BK18" s="351"/>
      <c r="BL18" s="351"/>
      <c r="BM18" s="351"/>
      <c r="BN18" s="351"/>
      <c r="BO18" s="351"/>
      <c r="BP18" s="351"/>
      <c r="BQ18" s="351"/>
      <c r="BR18" s="351"/>
      <c r="BS18" s="351"/>
      <c r="BT18" s="351"/>
      <c r="BU18" s="351"/>
      <c r="BV18" s="351"/>
      <c r="BW18" s="351"/>
      <c r="BX18" s="351"/>
      <c r="BY18" s="351"/>
      <c r="BZ18" s="351"/>
      <c r="CA18" s="351"/>
      <c r="CB18" s="351"/>
      <c r="CC18" s="351"/>
      <c r="CD18" s="351"/>
      <c r="CE18" s="351"/>
      <c r="CF18" s="351"/>
      <c r="CG18" s="351"/>
      <c r="CH18" s="351"/>
      <c r="CI18" s="351"/>
      <c r="CJ18" s="351"/>
      <c r="CK18" s="351"/>
      <c r="CL18" s="351"/>
      <c r="CM18" s="352"/>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87"/>
      <c r="AO19" s="287"/>
      <c r="AP19" s="287"/>
      <c r="AQ19" s="287"/>
      <c r="AR19" s="287"/>
      <c r="AS19" s="287"/>
      <c r="AT19" s="901"/>
      <c r="AU19" s="353"/>
      <c r="AV19" s="353"/>
      <c r="AW19" s="353"/>
      <c r="AX19" s="353"/>
      <c r="AY19" s="353"/>
      <c r="AZ19" s="353"/>
      <c r="BA19" s="353"/>
      <c r="BB19" s="353"/>
      <c r="BC19" s="353"/>
      <c r="BD19" s="353"/>
      <c r="BE19" s="353"/>
      <c r="BF19" s="353"/>
      <c r="BG19" s="353"/>
      <c r="BH19" s="353"/>
      <c r="BI19" s="353"/>
      <c r="BJ19" s="353"/>
      <c r="BK19" s="353"/>
      <c r="BL19" s="353"/>
      <c r="BM19" s="353"/>
      <c r="BN19" s="353"/>
      <c r="BO19" s="353"/>
      <c r="BP19" s="353"/>
      <c r="BQ19" s="353"/>
      <c r="BR19" s="353"/>
      <c r="BS19" s="353"/>
      <c r="BT19" s="353"/>
      <c r="BU19" s="353"/>
      <c r="BV19" s="353"/>
      <c r="BW19" s="353"/>
      <c r="BX19" s="353"/>
      <c r="BY19" s="353"/>
      <c r="BZ19" s="353"/>
      <c r="CA19" s="353"/>
      <c r="CB19" s="353"/>
      <c r="CC19" s="353"/>
      <c r="CD19" s="353"/>
      <c r="CE19" s="353"/>
      <c r="CF19" s="353"/>
      <c r="CG19" s="353"/>
      <c r="CH19" s="353"/>
      <c r="CI19" s="353"/>
      <c r="CJ19" s="353"/>
      <c r="CK19" s="353"/>
      <c r="CL19" s="353"/>
      <c r="CM19" s="354"/>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t="s">
        <v>222</v>
      </c>
      <c r="AO20" s="287"/>
      <c r="AP20" s="287"/>
      <c r="AQ20" s="287"/>
      <c r="AR20" s="287"/>
      <c r="AS20" s="287"/>
      <c r="AT20" s="856" t="s">
        <v>602</v>
      </c>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7"/>
      <c r="R21" s="220"/>
      <c r="S21" s="220"/>
      <c r="T21" s="220"/>
      <c r="U21" s="371"/>
      <c r="V21" s="220"/>
      <c r="W21" s="220"/>
      <c r="X21" s="220"/>
      <c r="Y21" s="371"/>
      <c r="Z21" s="220"/>
      <c r="AA21" s="220"/>
      <c r="AB21" s="220"/>
      <c r="AC21" s="220"/>
      <c r="AD21" s="220"/>
      <c r="AE21" s="220"/>
      <c r="AF21" s="220"/>
      <c r="AG21" s="220"/>
      <c r="AH21" s="220"/>
      <c r="AI21" s="220"/>
      <c r="AJ21" s="220"/>
      <c r="AK21" s="220"/>
      <c r="AL21" s="372"/>
      <c r="AM21" s="5"/>
      <c r="AN21" s="287"/>
      <c r="AO21" s="287"/>
      <c r="AP21" s="287"/>
      <c r="AQ21" s="287"/>
      <c r="AR21" s="287"/>
      <c r="AS21" s="287"/>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380" t="s">
        <v>1214</v>
      </c>
      <c r="G22" s="381"/>
      <c r="H22" s="381"/>
      <c r="I22" s="381"/>
      <c r="J22" s="381"/>
      <c r="K22" s="381"/>
      <c r="L22" s="381"/>
      <c r="M22" s="381"/>
      <c r="N22" s="523"/>
      <c r="O22" s="1031" t="s">
        <v>258</v>
      </c>
      <c r="P22" s="1031"/>
      <c r="Q22" s="1230" t="s">
        <v>1023</v>
      </c>
      <c r="R22" s="1230"/>
      <c r="S22" s="1230"/>
      <c r="T22" s="1230"/>
      <c r="U22" s="1230"/>
      <c r="V22" s="1230"/>
      <c r="W22" s="1230"/>
      <c r="X22" s="1230"/>
      <c r="Y22" s="1230"/>
      <c r="Z22" s="1230"/>
      <c r="AA22" s="1230"/>
      <c r="AB22" s="1230"/>
      <c r="AC22" s="1230"/>
      <c r="AD22" s="1230"/>
      <c r="AE22" s="1230"/>
      <c r="AF22" s="1230"/>
      <c r="AG22" s="1230"/>
      <c r="AH22" s="1230"/>
      <c r="AI22" s="1230"/>
      <c r="AJ22" s="1230"/>
      <c r="AK22" s="1230"/>
      <c r="AL22" s="1230"/>
      <c r="AM22" s="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3" ph="1"/>
      <c r="CR22" s="3" ph="1"/>
      <c r="CS22" s="3" ph="1"/>
      <c r="CT22" s="3" ph="1"/>
      <c r="CU22" s="3" ph="1"/>
      <c r="CV22" s="3" ph="1"/>
    </row>
    <row r="23" spans="1:100" ht="17.25" customHeight="1" x14ac:dyDescent="0.15">
      <c r="A23" s="328"/>
      <c r="B23" s="328"/>
      <c r="C23" s="328"/>
      <c r="D23" s="328"/>
      <c r="E23" s="328"/>
      <c r="F23" s="336" t="s">
        <v>1213</v>
      </c>
      <c r="G23" s="337"/>
      <c r="H23" s="337"/>
      <c r="I23" s="337"/>
      <c r="J23" s="337"/>
      <c r="K23" s="337"/>
      <c r="L23" s="337"/>
      <c r="M23" s="338"/>
      <c r="N23" s="523"/>
      <c r="O23" s="1031"/>
      <c r="P23" s="1031"/>
      <c r="Q23" s="355">
        <v>28282</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 t="s">
        <v>16</v>
      </c>
      <c r="AO23" s="1070" t="s">
        <v>758</v>
      </c>
      <c r="AP23" s="1070"/>
      <c r="AQ23" s="1070"/>
      <c r="AR23" s="1070"/>
      <c r="AS23" s="1070"/>
      <c r="AT23" s="1070"/>
      <c r="AU23" s="1070"/>
      <c r="AV23" s="1070"/>
      <c r="AW23" s="1070"/>
      <c r="AX23" s="1070"/>
      <c r="AY23" s="1070"/>
      <c r="AZ23" s="1070"/>
      <c r="BA23" s="1070"/>
      <c r="BB23" s="1070"/>
      <c r="BC23" s="1070"/>
      <c r="BD23" s="1070"/>
      <c r="BE23" s="1070"/>
      <c r="BF23" s="1070"/>
      <c r="BG23" s="1070"/>
      <c r="BH23" s="1070"/>
      <c r="BI23" s="1070"/>
      <c r="BJ23" s="1070"/>
      <c r="BK23" s="1070"/>
      <c r="BL23" s="1070"/>
      <c r="BM23" s="1070"/>
      <c r="BN23" s="1070"/>
      <c r="BO23" s="1070"/>
      <c r="BP23" s="1070"/>
      <c r="BQ23" s="1070"/>
      <c r="BR23" s="1070"/>
      <c r="BS23" s="1070"/>
      <c r="BT23" s="1070"/>
      <c r="BU23" s="1070"/>
      <c r="BV23" s="1070"/>
      <c r="BW23" s="1070"/>
      <c r="BX23" s="1070"/>
      <c r="BY23" s="1070"/>
      <c r="BZ23" s="1070"/>
      <c r="CA23" s="1070"/>
      <c r="CB23" s="1070"/>
      <c r="CC23" s="1070"/>
      <c r="CD23" s="1070"/>
      <c r="CE23" s="1070"/>
      <c r="CF23" s="1070"/>
      <c r="CG23" s="1070"/>
      <c r="CH23" s="1070"/>
      <c r="CI23" s="1070"/>
      <c r="CJ23" s="1070"/>
      <c r="CK23" s="1070"/>
      <c r="CL23" s="1070"/>
      <c r="CM23" s="1071"/>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231" t="s">
        <v>603</v>
      </c>
      <c r="R24" s="1231"/>
      <c r="S24" s="1231"/>
      <c r="T24" s="1231"/>
      <c r="U24" s="1231"/>
      <c r="V24" s="1231"/>
      <c r="W24" s="1231"/>
      <c r="X24" s="1231"/>
      <c r="Y24" s="1231"/>
      <c r="Z24" s="1231"/>
      <c r="AA24" s="1231"/>
      <c r="AB24" s="1231"/>
      <c r="AC24" s="1231"/>
      <c r="AD24" s="1231"/>
      <c r="AE24" s="1231"/>
      <c r="AF24" s="1231"/>
      <c r="AG24" s="1231"/>
      <c r="AH24" s="1231"/>
      <c r="AI24" s="1231"/>
      <c r="AJ24" s="1231"/>
      <c r="AK24" s="1231"/>
      <c r="AL24" s="1231"/>
      <c r="AM24" s="5"/>
      <c r="AN24" s="37" t="s">
        <v>16</v>
      </c>
      <c r="AO24" s="774" t="s">
        <v>1544</v>
      </c>
      <c r="AP24" s="774"/>
      <c r="AQ24" s="774"/>
      <c r="AR24" s="774"/>
      <c r="AS24" s="774"/>
      <c r="AT24" s="774"/>
      <c r="AU24" s="774"/>
      <c r="AV24" s="774"/>
      <c r="AW24" s="774"/>
      <c r="AX24" s="774"/>
      <c r="AY24" s="774"/>
      <c r="AZ24" s="774"/>
      <c r="BA24" s="774"/>
      <c r="BB24" s="774"/>
      <c r="BC24" s="774"/>
      <c r="BD24" s="774"/>
      <c r="BE24" s="774"/>
      <c r="BF24" s="774"/>
      <c r="BG24" s="774"/>
      <c r="BH24" s="774"/>
      <c r="BI24" s="774"/>
      <c r="BJ24" s="774"/>
      <c r="BK24" s="774"/>
      <c r="BL24" s="774"/>
      <c r="BM24" s="774"/>
      <c r="BN24" s="774"/>
      <c r="BO24" s="774"/>
      <c r="BP24" s="774"/>
      <c r="BQ24" s="774"/>
      <c r="BR24" s="774"/>
      <c r="BS24" s="774"/>
      <c r="BT24" s="774"/>
      <c r="BU24" s="774"/>
      <c r="BV24" s="774"/>
      <c r="BW24" s="774"/>
      <c r="BX24" s="774"/>
      <c r="BY24" s="774"/>
      <c r="BZ24" s="774"/>
      <c r="CA24" s="774"/>
      <c r="CB24" s="774"/>
      <c r="CC24" s="774"/>
      <c r="CD24" s="774"/>
      <c r="CE24" s="774"/>
      <c r="CF24" s="774"/>
      <c r="CG24" s="774"/>
      <c r="CH24" s="774"/>
      <c r="CI24" s="774"/>
      <c r="CJ24" s="774"/>
      <c r="CK24" s="774"/>
      <c r="CL24" s="774"/>
      <c r="CM24" s="775"/>
      <c r="CQ24" s="3" ph="1"/>
      <c r="CR24" s="3" ph="1"/>
      <c r="CS24" s="3" ph="1"/>
      <c r="CT24" s="3" ph="1"/>
      <c r="CU24" s="3" ph="1"/>
      <c r="CV24" s="3" ph="1"/>
    </row>
    <row r="25" spans="1:100" ht="17.25" customHeight="1" x14ac:dyDescent="0.15">
      <c r="A25" s="328" t="s">
        <v>263</v>
      </c>
      <c r="B25" s="328"/>
      <c r="C25" s="328"/>
      <c r="D25" s="328"/>
      <c r="E25" s="328"/>
      <c r="F25" s="844" t="s">
        <v>1542</v>
      </c>
      <c r="G25" s="845"/>
      <c r="H25" s="845"/>
      <c r="I25" s="845"/>
      <c r="J25" s="845"/>
      <c r="K25" s="845"/>
      <c r="L25" s="845"/>
      <c r="M25" s="845"/>
      <c r="N25" s="523"/>
      <c r="O25" s="428"/>
      <c r="P25" s="428"/>
      <c r="Q25" s="355">
        <v>26864</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16</v>
      </c>
      <c r="AO25" s="774" t="s">
        <v>1545</v>
      </c>
      <c r="AP25" s="774"/>
      <c r="AQ25" s="774"/>
      <c r="AR25" s="774"/>
      <c r="AS25" s="774"/>
      <c r="AT25" s="774"/>
      <c r="AU25" s="774"/>
      <c r="AV25" s="774"/>
      <c r="AW25" s="774"/>
      <c r="AX25" s="774"/>
      <c r="AY25" s="774"/>
      <c r="AZ25" s="774"/>
      <c r="BA25" s="774"/>
      <c r="BB25" s="774"/>
      <c r="BC25" s="774"/>
      <c r="BD25" s="774"/>
      <c r="BE25" s="774"/>
      <c r="BF25" s="774"/>
      <c r="BG25" s="774"/>
      <c r="BH25" s="774"/>
      <c r="BI25" s="774"/>
      <c r="BJ25" s="774"/>
      <c r="BK25" s="774"/>
      <c r="BL25" s="774"/>
      <c r="BM25" s="774"/>
      <c r="BN25" s="774"/>
      <c r="BO25" s="774"/>
      <c r="BP25" s="774"/>
      <c r="BQ25" s="774"/>
      <c r="BR25" s="774"/>
      <c r="BS25" s="774"/>
      <c r="BT25" s="774"/>
      <c r="BU25" s="774"/>
      <c r="BV25" s="774"/>
      <c r="BW25" s="774"/>
      <c r="BX25" s="774"/>
      <c r="BY25" s="774"/>
      <c r="BZ25" s="774"/>
      <c r="CA25" s="774"/>
      <c r="CB25" s="774"/>
      <c r="CC25" s="774"/>
      <c r="CD25" s="774"/>
      <c r="CE25" s="774"/>
      <c r="CF25" s="774"/>
      <c r="CG25" s="774"/>
      <c r="CH25" s="774"/>
      <c r="CI25" s="774"/>
      <c r="CJ25" s="774"/>
      <c r="CK25" s="774"/>
      <c r="CL25" s="774"/>
      <c r="CM25" s="775"/>
      <c r="CQ25" s="3" ph="1"/>
      <c r="CR25" s="3" ph="1"/>
      <c r="CS25" s="3" ph="1"/>
      <c r="CT25" s="3" ph="1"/>
      <c r="CU25" s="3" ph="1"/>
      <c r="CV25" s="3" ph="1"/>
    </row>
    <row r="26" spans="1:100" ht="17.25" customHeight="1" x14ac:dyDescent="0.15">
      <c r="A26" s="328"/>
      <c r="B26" s="328"/>
      <c r="C26" s="328"/>
      <c r="D26" s="328"/>
      <c r="E26" s="328"/>
      <c r="F26" s="336" t="s">
        <v>1543</v>
      </c>
      <c r="G26" s="337"/>
      <c r="H26" s="337"/>
      <c r="I26" s="337"/>
      <c r="J26" s="337"/>
      <c r="K26" s="337"/>
      <c r="L26" s="337"/>
      <c r="M26" s="338"/>
      <c r="N26" s="523"/>
      <c r="O26" s="428" t="s">
        <v>264</v>
      </c>
      <c r="P26" s="428"/>
      <c r="Q26" s="965" t="s">
        <v>431</v>
      </c>
      <c r="R26" s="965"/>
      <c r="S26" s="965"/>
      <c r="T26" s="965"/>
      <c r="U26" s="965"/>
      <c r="V26" s="965"/>
      <c r="W26" s="965"/>
      <c r="X26" s="965"/>
      <c r="Y26" s="965"/>
      <c r="Z26" s="965"/>
      <c r="AA26" s="965"/>
      <c r="AB26" s="965"/>
      <c r="AC26" s="965"/>
      <c r="AD26" s="965"/>
      <c r="AE26" s="965"/>
      <c r="AF26" s="965"/>
      <c r="AG26" s="965"/>
      <c r="AH26" s="965"/>
      <c r="AI26" s="965"/>
      <c r="AJ26" s="965"/>
      <c r="AK26" s="965"/>
      <c r="AL26" s="965"/>
      <c r="AM26" s="5"/>
      <c r="AN26" s="37" t="s">
        <v>16</v>
      </c>
      <c r="AO26" s="774" t="s">
        <v>1546</v>
      </c>
      <c r="AP26" s="774"/>
      <c r="AQ26" s="774"/>
      <c r="AR26" s="774"/>
      <c r="AS26" s="774"/>
      <c r="AT26" s="774"/>
      <c r="AU26" s="774"/>
      <c r="AV26" s="774"/>
      <c r="AW26" s="774"/>
      <c r="AX26" s="774"/>
      <c r="AY26" s="774"/>
      <c r="AZ26" s="774"/>
      <c r="BA26" s="774"/>
      <c r="BB26" s="774"/>
      <c r="BC26" s="774"/>
      <c r="BD26" s="774"/>
      <c r="BE26" s="774"/>
      <c r="BF26" s="774"/>
      <c r="BG26" s="774"/>
      <c r="BH26" s="774"/>
      <c r="BI26" s="774"/>
      <c r="BJ26" s="774"/>
      <c r="BK26" s="774"/>
      <c r="BL26" s="774"/>
      <c r="BM26" s="774"/>
      <c r="BN26" s="774"/>
      <c r="BO26" s="774"/>
      <c r="BP26" s="774"/>
      <c r="BQ26" s="774"/>
      <c r="BR26" s="774"/>
      <c r="BS26" s="774"/>
      <c r="BT26" s="774"/>
      <c r="BU26" s="774"/>
      <c r="BV26" s="774"/>
      <c r="BW26" s="774"/>
      <c r="BX26" s="774"/>
      <c r="BY26" s="774"/>
      <c r="BZ26" s="774"/>
      <c r="CA26" s="774"/>
      <c r="CB26" s="774"/>
      <c r="CC26" s="774"/>
      <c r="CD26" s="774"/>
      <c r="CE26" s="774"/>
      <c r="CF26" s="774"/>
      <c r="CG26" s="774"/>
      <c r="CH26" s="774"/>
      <c r="CI26" s="774"/>
      <c r="CJ26" s="774"/>
      <c r="CK26" s="774"/>
      <c r="CL26" s="774"/>
      <c r="CM26" s="775"/>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1307"/>
      <c r="R27" s="1307"/>
      <c r="S27" s="1307"/>
      <c r="T27" s="1307"/>
      <c r="U27" s="1307"/>
      <c r="V27" s="1307"/>
      <c r="W27" s="1307"/>
      <c r="X27" s="1307"/>
      <c r="Y27" s="1307"/>
      <c r="Z27" s="1307"/>
      <c r="AA27" s="1307"/>
      <c r="AB27" s="1307"/>
      <c r="AC27" s="1307"/>
      <c r="AD27" s="1307"/>
      <c r="AE27" s="1307"/>
      <c r="AF27" s="1307"/>
      <c r="AG27" s="1307"/>
      <c r="AH27" s="1307"/>
      <c r="AI27" s="1307"/>
      <c r="AJ27" s="1307"/>
      <c r="AK27" s="1307"/>
      <c r="AL27" s="1307"/>
      <c r="AM27" s="5"/>
      <c r="AN27" s="17" t="s">
        <v>16</v>
      </c>
      <c r="AO27" s="1136" t="s">
        <v>1547</v>
      </c>
      <c r="AP27" s="1136"/>
      <c r="AQ27" s="1136"/>
      <c r="AR27" s="1136"/>
      <c r="AS27" s="1136"/>
      <c r="AT27" s="1136"/>
      <c r="AU27" s="1136"/>
      <c r="AV27" s="1136"/>
      <c r="AW27" s="1136"/>
      <c r="AX27" s="1136"/>
      <c r="AY27" s="1136"/>
      <c r="AZ27" s="1136"/>
      <c r="BA27" s="1136"/>
      <c r="BB27" s="1136"/>
      <c r="BC27" s="1136"/>
      <c r="BD27" s="1136"/>
      <c r="BE27" s="1136"/>
      <c r="BF27" s="1136"/>
      <c r="BG27" s="1136"/>
      <c r="BH27" s="1136"/>
      <c r="BI27" s="1136"/>
      <c r="BJ27" s="1136"/>
      <c r="BK27" s="1136"/>
      <c r="BL27" s="1136"/>
      <c r="BM27" s="1136"/>
      <c r="BN27" s="1136"/>
      <c r="BO27" s="1136"/>
      <c r="BP27" s="1136"/>
      <c r="BQ27" s="1136"/>
      <c r="BR27" s="1136"/>
      <c r="BS27" s="1136"/>
      <c r="BT27" s="1136"/>
      <c r="BU27" s="1136"/>
      <c r="BV27" s="1136"/>
      <c r="BW27" s="1136"/>
      <c r="BX27" s="1136"/>
      <c r="BY27" s="1136"/>
      <c r="BZ27" s="1136"/>
      <c r="CA27" s="1136"/>
      <c r="CB27" s="1136"/>
      <c r="CC27" s="1136"/>
      <c r="CD27" s="1136"/>
      <c r="CE27" s="1136"/>
      <c r="CF27" s="1136"/>
      <c r="CG27" s="1136"/>
      <c r="CH27" s="1136"/>
      <c r="CI27" s="1136"/>
      <c r="CJ27" s="1136"/>
      <c r="CK27" s="1136"/>
      <c r="CL27" s="1136"/>
      <c r="CM27" s="1137"/>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302" t="s">
        <v>515</v>
      </c>
      <c r="B29" s="303"/>
      <c r="C29" s="303"/>
      <c r="D29" s="303"/>
      <c r="E29" s="303"/>
      <c r="F29" s="303"/>
      <c r="G29" s="303"/>
      <c r="H29" s="303"/>
      <c r="I29" s="303"/>
      <c r="J29" s="303"/>
      <c r="K29" s="303"/>
      <c r="L29" s="303"/>
      <c r="M29" s="303"/>
      <c r="N29" s="303"/>
      <c r="O29" s="303"/>
      <c r="P29" s="303"/>
      <c r="Q29" s="303"/>
      <c r="R29" s="303"/>
      <c r="S29" s="303"/>
      <c r="T29" s="303"/>
      <c r="U29" s="303"/>
      <c r="V29" s="303"/>
      <c r="W29" s="303"/>
      <c r="X29" s="303"/>
      <c r="Y29" s="303"/>
      <c r="Z29" s="303"/>
      <c r="AA29" s="303"/>
      <c r="AB29" s="303"/>
      <c r="AC29" s="303"/>
      <c r="AD29" s="303"/>
      <c r="AE29" s="303"/>
      <c r="AF29" s="303"/>
      <c r="AG29" s="303"/>
      <c r="AH29" s="303"/>
      <c r="AI29" s="303"/>
      <c r="AJ29" s="303"/>
      <c r="AK29" s="303"/>
      <c r="AL29" s="304"/>
      <c r="AM29" s="5"/>
      <c r="AN29" s="38" t="s">
        <v>16</v>
      </c>
      <c r="AO29" s="786" t="s">
        <v>1102</v>
      </c>
      <c r="AP29" s="786"/>
      <c r="AQ29" s="786"/>
      <c r="AR29" s="786"/>
      <c r="AS29" s="786"/>
      <c r="AT29" s="786"/>
      <c r="AU29" s="786"/>
      <c r="AV29" s="786"/>
      <c r="AW29" s="786"/>
      <c r="AX29" s="786"/>
      <c r="AY29" s="786"/>
      <c r="AZ29" s="786"/>
      <c r="BA29" s="786"/>
      <c r="BB29" s="786"/>
      <c r="BC29" s="786"/>
      <c r="BD29" s="786"/>
      <c r="BE29" s="786"/>
      <c r="BF29" s="786"/>
      <c r="BG29" s="786"/>
      <c r="BH29" s="786"/>
      <c r="BI29" s="786"/>
      <c r="BJ29" s="786"/>
      <c r="BK29" s="786"/>
      <c r="BL29" s="786"/>
      <c r="BM29" s="786"/>
      <c r="BN29" s="786"/>
      <c r="BO29" s="786"/>
      <c r="BP29" s="787"/>
      <c r="BQ29" s="84"/>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305"/>
      <c r="B30" s="306"/>
      <c r="C30" s="306"/>
      <c r="D30" s="306"/>
      <c r="E30" s="306"/>
      <c r="F30" s="306"/>
      <c r="G30" s="306"/>
      <c r="H30" s="306"/>
      <c r="I30" s="306"/>
      <c r="J30" s="306"/>
      <c r="K30" s="306"/>
      <c r="L30" s="306"/>
      <c r="M30" s="306"/>
      <c r="N30" s="306"/>
      <c r="O30" s="306"/>
      <c r="P30" s="306"/>
      <c r="Q30" s="306"/>
      <c r="R30" s="306"/>
      <c r="S30" s="306"/>
      <c r="T30" s="306"/>
      <c r="U30" s="306"/>
      <c r="V30" s="306"/>
      <c r="W30" s="306"/>
      <c r="X30" s="306"/>
      <c r="Y30" s="306"/>
      <c r="Z30" s="306"/>
      <c r="AA30" s="306"/>
      <c r="AB30" s="306"/>
      <c r="AC30" s="306"/>
      <c r="AD30" s="306"/>
      <c r="AE30" s="306"/>
      <c r="AF30" s="306"/>
      <c r="AG30" s="306"/>
      <c r="AH30" s="306"/>
      <c r="AI30" s="306"/>
      <c r="AJ30" s="306"/>
      <c r="AK30" s="306"/>
      <c r="AL30" s="307"/>
      <c r="AM30" s="5"/>
      <c r="AN30" s="39" t="s">
        <v>16</v>
      </c>
      <c r="AO30" s="993" t="s">
        <v>604</v>
      </c>
      <c r="AP30" s="993"/>
      <c r="AQ30" s="993"/>
      <c r="AR30" s="993"/>
      <c r="AS30" s="993"/>
      <c r="AT30" s="993"/>
      <c r="AU30" s="993"/>
      <c r="AV30" s="993"/>
      <c r="AW30" s="993"/>
      <c r="AX30" s="993"/>
      <c r="AY30" s="993"/>
      <c r="AZ30" s="993"/>
      <c r="BA30" s="993"/>
      <c r="BB30" s="993"/>
      <c r="BC30" s="993"/>
      <c r="BD30" s="993"/>
      <c r="BE30" s="993"/>
      <c r="BF30" s="993"/>
      <c r="BG30" s="993"/>
      <c r="BH30" s="993"/>
      <c r="BI30" s="993"/>
      <c r="BJ30" s="993"/>
      <c r="BK30" s="993"/>
      <c r="BL30" s="993"/>
      <c r="BM30" s="993"/>
      <c r="BN30" s="993"/>
      <c r="BO30" s="993"/>
      <c r="BP30" s="994"/>
      <c r="BQ30" s="118"/>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308"/>
      <c r="B31" s="309"/>
      <c r="C31" s="309"/>
      <c r="D31" s="309"/>
      <c r="E31" s="309"/>
      <c r="F31" s="309"/>
      <c r="G31" s="309"/>
      <c r="H31" s="309"/>
      <c r="I31" s="309"/>
      <c r="J31" s="309"/>
      <c r="K31" s="309"/>
      <c r="L31" s="309"/>
      <c r="M31" s="309"/>
      <c r="N31" s="309"/>
      <c r="O31" s="309"/>
      <c r="P31" s="309"/>
      <c r="Q31" s="309"/>
      <c r="R31" s="309"/>
      <c r="S31" s="309"/>
      <c r="T31" s="309"/>
      <c r="U31" s="309"/>
      <c r="V31" s="309"/>
      <c r="W31" s="309"/>
      <c r="X31" s="309"/>
      <c r="Y31" s="309"/>
      <c r="Z31" s="309"/>
      <c r="AA31" s="309"/>
      <c r="AB31" s="309"/>
      <c r="AC31" s="309"/>
      <c r="AD31" s="309"/>
      <c r="AE31" s="309"/>
      <c r="AF31" s="309"/>
      <c r="AG31" s="309"/>
      <c r="AH31" s="309"/>
      <c r="AI31" s="309"/>
      <c r="AJ31" s="309"/>
      <c r="AK31" s="309"/>
      <c r="AL31" s="310"/>
      <c r="AM31" s="5"/>
      <c r="AN31" s="39" t="s">
        <v>16</v>
      </c>
      <c r="AO31" s="351" t="s">
        <v>605</v>
      </c>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54"/>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518" t="s">
        <v>274</v>
      </c>
      <c r="B32" s="518"/>
      <c r="C32" s="518"/>
      <c r="D32" s="518"/>
      <c r="E32" s="518"/>
      <c r="F32" s="518"/>
      <c r="G32" s="518"/>
      <c r="H32" s="518"/>
      <c r="I32" s="518"/>
      <c r="J32" s="518"/>
      <c r="K32" s="518"/>
      <c r="L32" s="518"/>
      <c r="M32" s="518"/>
      <c r="N32" s="162"/>
      <c r="O32" s="255" t="s">
        <v>275</v>
      </c>
      <c r="P32" s="255"/>
      <c r="Q32" s="255"/>
      <c r="R32" s="255"/>
      <c r="S32" s="255"/>
      <c r="T32" s="255"/>
      <c r="U32" s="255"/>
      <c r="V32" s="255"/>
      <c r="W32" s="255"/>
      <c r="X32" s="255"/>
      <c r="Y32" s="255"/>
      <c r="Z32" s="255"/>
      <c r="AA32" s="255"/>
      <c r="AB32" s="255"/>
      <c r="AC32" s="255"/>
      <c r="AD32" s="255"/>
      <c r="AE32" s="255"/>
      <c r="AF32" s="255"/>
      <c r="AG32" s="255"/>
      <c r="AH32" s="255"/>
      <c r="AI32" s="255"/>
      <c r="AJ32" s="255"/>
      <c r="AK32" s="255"/>
      <c r="AL32" s="255"/>
      <c r="AM32" s="5"/>
      <c r="AN32" s="39" t="s">
        <v>1024</v>
      </c>
      <c r="AO32" s="351" t="s">
        <v>606</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53"/>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311" t="s">
        <v>107</v>
      </c>
      <c r="B33" s="312"/>
      <c r="C33" s="312"/>
      <c r="D33" s="312"/>
      <c r="E33" s="312"/>
      <c r="F33" s="312"/>
      <c r="G33" s="312"/>
      <c r="H33" s="312"/>
      <c r="I33" s="312"/>
      <c r="J33" s="312"/>
      <c r="K33" s="312"/>
      <c r="L33" s="312"/>
      <c r="M33" s="313"/>
      <c r="N33" s="145"/>
      <c r="O33" s="486" t="s">
        <v>70</v>
      </c>
      <c r="P33" s="487"/>
      <c r="Q33" s="487"/>
      <c r="R33" s="487"/>
      <c r="S33" s="487"/>
      <c r="T33" s="487"/>
      <c r="U33" s="487"/>
      <c r="V33" s="487"/>
      <c r="W33" s="487"/>
      <c r="X33" s="487"/>
      <c r="Y33" s="487"/>
      <c r="Z33" s="487"/>
      <c r="AA33" s="487"/>
      <c r="AB33" s="487"/>
      <c r="AC33" s="487"/>
      <c r="AD33" s="487"/>
      <c r="AE33" s="487"/>
      <c r="AF33" s="487"/>
      <c r="AG33" s="487"/>
      <c r="AH33" s="487"/>
      <c r="AI33" s="487"/>
      <c r="AJ33" s="487"/>
      <c r="AK33" s="487"/>
      <c r="AL33" s="488"/>
      <c r="AM33" s="5"/>
      <c r="AN33" s="40" t="s">
        <v>16</v>
      </c>
      <c r="AO33" s="1308" t="s">
        <v>1103</v>
      </c>
      <c r="AP33" s="1308"/>
      <c r="AQ33" s="1308"/>
      <c r="AR33" s="1308"/>
      <c r="AS33" s="1308"/>
      <c r="AT33" s="1308"/>
      <c r="AU33" s="1308"/>
      <c r="AV33" s="1308"/>
      <c r="AW33" s="1308"/>
      <c r="AX33" s="1308"/>
      <c r="AY33" s="1308"/>
      <c r="AZ33" s="1308"/>
      <c r="BA33" s="1308"/>
      <c r="BB33" s="1308"/>
      <c r="BC33" s="1308"/>
      <c r="BD33" s="1308"/>
      <c r="BE33" s="1308"/>
      <c r="BF33" s="1308"/>
      <c r="BG33" s="1308"/>
      <c r="BH33" s="1308"/>
      <c r="BI33" s="1308"/>
      <c r="BJ33" s="1308"/>
      <c r="BK33" s="1308"/>
      <c r="BL33" s="1308"/>
      <c r="BM33" s="1308"/>
      <c r="BN33" s="1308"/>
      <c r="BO33" s="1308"/>
      <c r="BP33" s="1309"/>
      <c r="BQ33" s="72"/>
      <c r="BR33" s="292" t="s">
        <v>267</v>
      </c>
      <c r="BS33" s="293"/>
      <c r="BT33" s="293"/>
      <c r="BU33" s="293"/>
      <c r="BV33" s="293"/>
      <c r="BW33" s="293"/>
      <c r="BX33" s="294"/>
      <c r="BY33" s="284">
        <v>188</v>
      </c>
      <c r="BZ33" s="285"/>
      <c r="CA33" s="285"/>
      <c r="CB33" s="285"/>
      <c r="CC33" s="285"/>
      <c r="CD33" s="285"/>
      <c r="CE33" s="285"/>
      <c r="CF33" s="285"/>
      <c r="CG33" s="288"/>
      <c r="CH33" s="286">
        <v>2.1099899999999998</v>
      </c>
      <c r="CI33" s="286"/>
      <c r="CJ33" s="286"/>
      <c r="CK33" s="286"/>
      <c r="CL33" s="286"/>
      <c r="CM33" s="286"/>
      <c r="CQ33" s="3" ph="1"/>
      <c r="CR33" s="3" ph="1"/>
      <c r="CS33" s="3" ph="1"/>
      <c r="CT33" s="3" ph="1"/>
      <c r="CU33" s="3" ph="1"/>
      <c r="CV33" s="3" ph="1"/>
    </row>
    <row r="34" spans="1:100" ht="17.25" customHeight="1" x14ac:dyDescent="0.15">
      <c r="A34" s="251">
        <v>34961</v>
      </c>
      <c r="B34" s="690"/>
      <c r="C34" s="690"/>
      <c r="D34" s="690"/>
      <c r="E34" s="690"/>
      <c r="F34" s="690"/>
      <c r="G34" s="690"/>
      <c r="H34" s="690"/>
      <c r="I34" s="690"/>
      <c r="J34" s="690"/>
      <c r="K34" s="690"/>
      <c r="L34" s="690"/>
      <c r="M34" s="691"/>
      <c r="N34" s="129"/>
      <c r="O34" s="1148" t="s">
        <v>181</v>
      </c>
      <c r="P34" s="655"/>
      <c r="Q34" s="655"/>
      <c r="R34" s="655"/>
      <c r="S34" s="655"/>
      <c r="T34" s="655"/>
      <c r="U34" s="655"/>
      <c r="V34" s="655"/>
      <c r="W34" s="655"/>
      <c r="X34" s="655"/>
      <c r="Y34" s="655"/>
      <c r="Z34" s="655"/>
      <c r="AA34" s="655"/>
      <c r="AB34" s="655"/>
      <c r="AC34" s="655"/>
      <c r="AD34" s="655"/>
      <c r="AE34" s="655"/>
      <c r="AF34" s="655"/>
      <c r="AG34" s="655"/>
      <c r="AH34" s="655"/>
      <c r="AI34" s="655"/>
      <c r="AJ34" s="655"/>
      <c r="AK34" s="655"/>
      <c r="AL34" s="656"/>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24" t="s">
        <v>1313</v>
      </c>
      <c r="B35" s="692"/>
      <c r="C35" s="692"/>
      <c r="D35" s="692"/>
      <c r="E35" s="692"/>
      <c r="F35" s="692"/>
      <c r="G35" s="692"/>
      <c r="H35" s="692"/>
      <c r="I35" s="692"/>
      <c r="J35" s="692"/>
      <c r="K35" s="692"/>
      <c r="L35" s="692"/>
      <c r="M35" s="693"/>
      <c r="N35" s="129"/>
      <c r="O35" s="1067" t="s">
        <v>182</v>
      </c>
      <c r="P35" s="556"/>
      <c r="Q35" s="556"/>
      <c r="R35" s="556"/>
      <c r="S35" s="556"/>
      <c r="T35" s="556"/>
      <c r="U35" s="556"/>
      <c r="V35" s="556"/>
      <c r="W35" s="556"/>
      <c r="X35" s="556"/>
      <c r="Y35" s="556"/>
      <c r="Z35" s="556"/>
      <c r="AA35" s="556"/>
      <c r="AB35" s="556"/>
      <c r="AC35" s="556"/>
      <c r="AD35" s="556"/>
      <c r="AE35" s="556"/>
      <c r="AF35" s="556"/>
      <c r="AG35" s="556"/>
      <c r="AH35" s="556"/>
      <c r="AI35" s="556"/>
      <c r="AJ35" s="556"/>
      <c r="AK35" s="556"/>
      <c r="AL35" s="557"/>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2450</v>
      </c>
      <c r="BZ35" s="681"/>
      <c r="CA35" s="682"/>
      <c r="CB35" s="682"/>
      <c r="CC35" s="682"/>
      <c r="CD35" s="682"/>
      <c r="CE35" s="682"/>
      <c r="CF35" s="682"/>
      <c r="CG35" s="682"/>
      <c r="CH35" s="683">
        <v>27.49719</v>
      </c>
      <c r="CI35" s="683"/>
      <c r="CJ35" s="683"/>
      <c r="CK35" s="683"/>
      <c r="CL35" s="683"/>
      <c r="CM35" s="683"/>
      <c r="CQ35" s="3" ph="1"/>
    </row>
    <row r="36" spans="1:100" ht="17.25" customHeight="1" x14ac:dyDescent="0.15">
      <c r="A36" s="251">
        <v>38683</v>
      </c>
      <c r="B36" s="690"/>
      <c r="C36" s="690"/>
      <c r="D36" s="690"/>
      <c r="E36" s="690"/>
      <c r="F36" s="690"/>
      <c r="G36" s="690"/>
      <c r="H36" s="690"/>
      <c r="I36" s="690"/>
      <c r="J36" s="690"/>
      <c r="K36" s="690"/>
      <c r="L36" s="690"/>
      <c r="M36" s="691"/>
      <c r="N36" s="129"/>
      <c r="O36" s="1148" t="s">
        <v>551</v>
      </c>
      <c r="P36" s="655"/>
      <c r="Q36" s="655"/>
      <c r="R36" s="655"/>
      <c r="S36" s="655"/>
      <c r="T36" s="655"/>
      <c r="U36" s="655"/>
      <c r="V36" s="655"/>
      <c r="W36" s="655"/>
      <c r="X36" s="655"/>
      <c r="Y36" s="655"/>
      <c r="Z36" s="655"/>
      <c r="AA36" s="655"/>
      <c r="AB36" s="655"/>
      <c r="AC36" s="655"/>
      <c r="AD36" s="655"/>
      <c r="AE36" s="655"/>
      <c r="AF36" s="655"/>
      <c r="AG36" s="655"/>
      <c r="AH36" s="655"/>
      <c r="AI36" s="655"/>
      <c r="AJ36" s="655"/>
      <c r="AK36" s="655"/>
      <c r="AL36" s="656"/>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216"/>
      <c r="B37" s="692"/>
      <c r="C37" s="692"/>
      <c r="D37" s="692"/>
      <c r="E37" s="692"/>
      <c r="F37" s="692"/>
      <c r="G37" s="692"/>
      <c r="H37" s="692"/>
      <c r="I37" s="692"/>
      <c r="J37" s="692"/>
      <c r="K37" s="692"/>
      <c r="L37" s="692"/>
      <c r="M37" s="693"/>
      <c r="N37" s="92"/>
      <c r="O37" s="1148" t="s">
        <v>552</v>
      </c>
      <c r="P37" s="655"/>
      <c r="Q37" s="655"/>
      <c r="R37" s="655"/>
      <c r="S37" s="655"/>
      <c r="T37" s="655"/>
      <c r="U37" s="655"/>
      <c r="V37" s="655"/>
      <c r="W37" s="655"/>
      <c r="X37" s="655"/>
      <c r="Y37" s="655"/>
      <c r="Z37" s="655"/>
      <c r="AA37" s="655"/>
      <c r="AB37" s="655"/>
      <c r="AC37" s="655"/>
      <c r="AD37" s="655"/>
      <c r="AE37" s="655"/>
      <c r="AF37" s="655"/>
      <c r="AG37" s="655"/>
      <c r="AH37" s="655"/>
      <c r="AI37" s="655"/>
      <c r="AJ37" s="655"/>
      <c r="AK37" s="655"/>
      <c r="AL37" s="656"/>
      <c r="AM37" s="5"/>
      <c r="AN37" s="287" t="s">
        <v>399</v>
      </c>
      <c r="AO37" s="287"/>
      <c r="AP37" s="287"/>
      <c r="AQ37" s="287"/>
      <c r="AR37" s="287"/>
      <c r="AS37" s="287"/>
      <c r="AT37" s="287"/>
      <c r="AU37" s="287"/>
      <c r="AV37" s="287"/>
      <c r="AW37" s="681">
        <v>17013</v>
      </c>
      <c r="AX37" s="681"/>
      <c r="AY37" s="681"/>
      <c r="AZ37" s="681"/>
      <c r="BA37" s="681"/>
      <c r="BB37" s="681"/>
      <c r="BC37" s="681"/>
      <c r="BD37" s="681"/>
      <c r="BE37" s="681"/>
      <c r="BF37" s="681"/>
      <c r="BG37" s="681">
        <v>6169</v>
      </c>
      <c r="BH37" s="681"/>
      <c r="BI37" s="681"/>
      <c r="BJ37" s="681"/>
      <c r="BK37" s="681"/>
      <c r="BL37" s="681"/>
      <c r="BM37" s="681"/>
      <c r="BN37" s="681"/>
      <c r="BO37" s="681"/>
      <c r="BP37" s="681"/>
      <c r="BQ37" s="149"/>
      <c r="BR37" s="680" t="s">
        <v>273</v>
      </c>
      <c r="BS37" s="680"/>
      <c r="BT37" s="680"/>
      <c r="BU37" s="680"/>
      <c r="BV37" s="680"/>
      <c r="BW37" s="680"/>
      <c r="BX37" s="680"/>
      <c r="BY37" s="681">
        <v>6272</v>
      </c>
      <c r="BZ37" s="681"/>
      <c r="CA37" s="682"/>
      <c r="CB37" s="682"/>
      <c r="CC37" s="682"/>
      <c r="CD37" s="682"/>
      <c r="CE37" s="682"/>
      <c r="CF37" s="682"/>
      <c r="CG37" s="682"/>
      <c r="CH37" s="683">
        <v>70.39282</v>
      </c>
      <c r="CI37" s="683"/>
      <c r="CJ37" s="683"/>
      <c r="CK37" s="683"/>
      <c r="CL37" s="683"/>
      <c r="CM37" s="683"/>
      <c r="CQ37" s="3" ph="1"/>
    </row>
    <row r="38" spans="1:100" ht="17.25" customHeight="1" x14ac:dyDescent="0.15">
      <c r="A38" s="251"/>
      <c r="B38" s="690"/>
      <c r="C38" s="690"/>
      <c r="D38" s="690"/>
      <c r="E38" s="690"/>
      <c r="F38" s="690"/>
      <c r="G38" s="690"/>
      <c r="H38" s="690"/>
      <c r="I38" s="690"/>
      <c r="J38" s="690"/>
      <c r="K38" s="690"/>
      <c r="L38" s="690"/>
      <c r="M38" s="691"/>
      <c r="N38" s="145"/>
      <c r="O38" s="1148" t="s">
        <v>74</v>
      </c>
      <c r="P38" s="655"/>
      <c r="Q38" s="655"/>
      <c r="R38" s="655"/>
      <c r="S38" s="655"/>
      <c r="T38" s="655"/>
      <c r="U38" s="655"/>
      <c r="V38" s="655"/>
      <c r="W38" s="655"/>
      <c r="X38" s="655"/>
      <c r="Y38" s="655"/>
      <c r="Z38" s="655"/>
      <c r="AA38" s="655"/>
      <c r="AB38" s="655"/>
      <c r="AC38" s="655"/>
      <c r="AD38" s="655"/>
      <c r="AE38" s="655"/>
      <c r="AF38" s="655"/>
      <c r="AG38" s="655"/>
      <c r="AH38" s="655"/>
      <c r="AI38" s="655"/>
      <c r="AJ38" s="655"/>
      <c r="AK38" s="655"/>
      <c r="AL38" s="656"/>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16"/>
      <c r="B39" s="692"/>
      <c r="C39" s="692"/>
      <c r="D39" s="692"/>
      <c r="E39" s="692"/>
      <c r="F39" s="692"/>
      <c r="G39" s="692"/>
      <c r="H39" s="692"/>
      <c r="I39" s="692"/>
      <c r="J39" s="692"/>
      <c r="K39" s="692"/>
      <c r="L39" s="692"/>
      <c r="M39" s="693"/>
      <c r="N39" s="144"/>
      <c r="O39" s="1067" t="s">
        <v>553</v>
      </c>
      <c r="P39" s="556"/>
      <c r="Q39" s="556"/>
      <c r="R39" s="556"/>
      <c r="S39" s="556"/>
      <c r="T39" s="556"/>
      <c r="U39" s="556"/>
      <c r="V39" s="556"/>
      <c r="W39" s="556"/>
      <c r="X39" s="556"/>
      <c r="Y39" s="556"/>
      <c r="Z39" s="556"/>
      <c r="AA39" s="556"/>
      <c r="AB39" s="556"/>
      <c r="AC39" s="556"/>
      <c r="AD39" s="556"/>
      <c r="AE39" s="556"/>
      <c r="AF39" s="556"/>
      <c r="AG39" s="556"/>
      <c r="AH39" s="556"/>
      <c r="AI39" s="556"/>
      <c r="AJ39" s="556"/>
      <c r="AK39" s="556"/>
      <c r="AL39" s="557"/>
      <c r="AM39" s="5"/>
      <c r="AN39" s="300" t="s">
        <v>1059</v>
      </c>
      <c r="AO39" s="300"/>
      <c r="AP39" s="300"/>
      <c r="AQ39" s="300"/>
      <c r="AR39" s="300"/>
      <c r="AS39" s="300"/>
      <c r="AT39" s="300"/>
      <c r="AU39" s="300"/>
      <c r="AV39" s="300"/>
      <c r="AW39" s="681">
        <v>18329</v>
      </c>
      <c r="AX39" s="681"/>
      <c r="AY39" s="681"/>
      <c r="AZ39" s="682"/>
      <c r="BA39" s="682"/>
      <c r="BB39" s="682"/>
      <c r="BC39" s="682"/>
      <c r="BD39" s="682"/>
      <c r="BE39" s="682"/>
      <c r="BF39" s="682"/>
      <c r="BG39" s="681">
        <v>6936</v>
      </c>
      <c r="BH39" s="681"/>
      <c r="BI39" s="681"/>
      <c r="BJ39" s="681"/>
      <c r="BK39" s="681"/>
      <c r="BL39" s="681"/>
      <c r="BM39" s="681"/>
      <c r="BN39" s="681"/>
      <c r="BO39" s="681"/>
      <c r="BP39" s="681"/>
      <c r="BQ39" s="149"/>
      <c r="BR39" s="301" t="s">
        <v>1119</v>
      </c>
      <c r="BS39" s="293"/>
      <c r="BT39" s="293"/>
      <c r="BU39" s="293"/>
      <c r="BV39" s="293"/>
      <c r="BW39" s="293"/>
      <c r="BX39" s="294"/>
      <c r="BY39" s="681">
        <v>9071</v>
      </c>
      <c r="BZ39" s="681"/>
      <c r="CA39" s="682"/>
      <c r="CB39" s="682"/>
      <c r="CC39" s="682"/>
      <c r="CD39" s="682"/>
      <c r="CE39" s="682"/>
      <c r="CF39" s="682"/>
      <c r="CG39" s="682"/>
      <c r="CH39" s="683">
        <v>100</v>
      </c>
      <c r="CI39" s="683"/>
      <c r="CJ39" s="683"/>
      <c r="CK39" s="683"/>
      <c r="CL39" s="683"/>
      <c r="CM39" s="683"/>
    </row>
    <row r="40" spans="1:100" ht="17.25" customHeight="1" x14ac:dyDescent="0.15">
      <c r="A40" s="251"/>
      <c r="B40" s="690"/>
      <c r="C40" s="690"/>
      <c r="D40" s="690"/>
      <c r="E40" s="690"/>
      <c r="F40" s="690"/>
      <c r="G40" s="690"/>
      <c r="H40" s="690"/>
      <c r="I40" s="690"/>
      <c r="J40" s="690"/>
      <c r="K40" s="690"/>
      <c r="L40" s="690"/>
      <c r="M40" s="691"/>
      <c r="N40" s="143"/>
      <c r="O40" s="1067" t="s">
        <v>1025</v>
      </c>
      <c r="P40" s="556"/>
      <c r="Q40" s="556"/>
      <c r="R40" s="556"/>
      <c r="S40" s="556"/>
      <c r="T40" s="556"/>
      <c r="U40" s="556"/>
      <c r="V40" s="556"/>
      <c r="W40" s="556"/>
      <c r="X40" s="556"/>
      <c r="Y40" s="556"/>
      <c r="Z40" s="556"/>
      <c r="AA40" s="556"/>
      <c r="AB40" s="556"/>
      <c r="AC40" s="556"/>
      <c r="AD40" s="556"/>
      <c r="AE40" s="556"/>
      <c r="AF40" s="556"/>
      <c r="AG40" s="556"/>
      <c r="AH40" s="556"/>
      <c r="AI40" s="556"/>
      <c r="AJ40" s="556"/>
      <c r="AK40" s="556"/>
      <c r="AL40" s="557"/>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16"/>
      <c r="B41" s="692"/>
      <c r="C41" s="692"/>
      <c r="D41" s="692"/>
      <c r="E41" s="692"/>
      <c r="F41" s="692"/>
      <c r="G41" s="692"/>
      <c r="H41" s="692"/>
      <c r="I41" s="692"/>
      <c r="J41" s="692"/>
      <c r="K41" s="692"/>
      <c r="L41" s="692"/>
      <c r="M41" s="693"/>
      <c r="N41" s="143"/>
      <c r="O41" s="1256" t="s">
        <v>607</v>
      </c>
      <c r="P41" s="727"/>
      <c r="Q41" s="727"/>
      <c r="R41" s="727"/>
      <c r="S41" s="727"/>
      <c r="T41" s="727"/>
      <c r="U41" s="727"/>
      <c r="V41" s="727"/>
      <c r="W41" s="727"/>
      <c r="X41" s="727"/>
      <c r="Y41" s="727"/>
      <c r="Z41" s="727"/>
      <c r="AA41" s="727"/>
      <c r="AB41" s="727"/>
      <c r="AC41" s="727"/>
      <c r="AD41" s="727"/>
      <c r="AE41" s="727"/>
      <c r="AF41" s="727"/>
      <c r="AG41" s="727"/>
      <c r="AH41" s="727"/>
      <c r="AI41" s="727"/>
      <c r="AJ41" s="727"/>
      <c r="AK41" s="727"/>
      <c r="AL41" s="728"/>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c r="B42" s="690"/>
      <c r="C42" s="690"/>
      <c r="D42" s="690"/>
      <c r="E42" s="690"/>
      <c r="F42" s="690"/>
      <c r="G42" s="690"/>
      <c r="H42" s="690"/>
      <c r="I42" s="690"/>
      <c r="J42" s="690"/>
      <c r="K42" s="690"/>
      <c r="L42" s="690"/>
      <c r="M42" s="691"/>
      <c r="N42" s="143"/>
      <c r="O42" s="1067" t="s">
        <v>144</v>
      </c>
      <c r="P42" s="556"/>
      <c r="Q42" s="556"/>
      <c r="R42" s="556"/>
      <c r="S42" s="556"/>
      <c r="T42" s="556"/>
      <c r="U42" s="556"/>
      <c r="V42" s="556"/>
      <c r="W42" s="556"/>
      <c r="X42" s="556"/>
      <c r="Y42" s="556"/>
      <c r="Z42" s="556"/>
      <c r="AA42" s="556"/>
      <c r="AB42" s="556"/>
      <c r="AC42" s="556"/>
      <c r="AD42" s="556"/>
      <c r="AE42" s="556"/>
      <c r="AF42" s="556"/>
      <c r="AG42" s="556"/>
      <c r="AH42" s="556"/>
      <c r="AI42" s="556"/>
      <c r="AJ42" s="556"/>
      <c r="AK42" s="556"/>
      <c r="AL42" s="557"/>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c r="B43" s="692"/>
      <c r="C43" s="692"/>
      <c r="D43" s="692"/>
      <c r="E43" s="692"/>
      <c r="F43" s="692"/>
      <c r="G43" s="692"/>
      <c r="H43" s="692"/>
      <c r="I43" s="692"/>
      <c r="J43" s="692"/>
      <c r="K43" s="692"/>
      <c r="L43" s="692"/>
      <c r="M43" s="693"/>
      <c r="N43" s="144"/>
      <c r="O43" s="1067" t="s">
        <v>1005</v>
      </c>
      <c r="P43" s="556"/>
      <c r="Q43" s="556"/>
      <c r="R43" s="556"/>
      <c r="S43" s="556"/>
      <c r="T43" s="556"/>
      <c r="U43" s="556"/>
      <c r="V43" s="556"/>
      <c r="W43" s="556"/>
      <c r="X43" s="556"/>
      <c r="Y43" s="556"/>
      <c r="Z43" s="556"/>
      <c r="AA43" s="556"/>
      <c r="AB43" s="556"/>
      <c r="AC43" s="556"/>
      <c r="AD43" s="556"/>
      <c r="AE43" s="556"/>
      <c r="AF43" s="556"/>
      <c r="AG43" s="556"/>
      <c r="AH43" s="556"/>
      <c r="AI43" s="556"/>
      <c r="AJ43" s="556"/>
      <c r="AK43" s="556"/>
      <c r="AL43" s="557"/>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c r="B44" s="690"/>
      <c r="C44" s="690"/>
      <c r="D44" s="690"/>
      <c r="E44" s="690"/>
      <c r="F44" s="690"/>
      <c r="G44" s="690"/>
      <c r="H44" s="690"/>
      <c r="I44" s="690"/>
      <c r="J44" s="690"/>
      <c r="K44" s="690"/>
      <c r="L44" s="690"/>
      <c r="M44" s="691"/>
      <c r="N44" s="143"/>
      <c r="O44" s="1067" t="s">
        <v>209</v>
      </c>
      <c r="P44" s="556"/>
      <c r="Q44" s="556"/>
      <c r="R44" s="556"/>
      <c r="S44" s="556"/>
      <c r="T44" s="556"/>
      <c r="U44" s="556"/>
      <c r="V44" s="556"/>
      <c r="W44" s="556"/>
      <c r="X44" s="556"/>
      <c r="Y44" s="556"/>
      <c r="Z44" s="556"/>
      <c r="AA44" s="556"/>
      <c r="AB44" s="556"/>
      <c r="AC44" s="556"/>
      <c r="AD44" s="556"/>
      <c r="AE44" s="556"/>
      <c r="AF44" s="556"/>
      <c r="AG44" s="556"/>
      <c r="AH44" s="556"/>
      <c r="AI44" s="556"/>
      <c r="AJ44" s="556"/>
      <c r="AK44" s="556"/>
      <c r="AL44" s="557"/>
      <c r="AM44" s="5"/>
      <c r="AN44" s="764">
        <v>2798.3</v>
      </c>
      <c r="AO44" s="765"/>
      <c r="AP44" s="765"/>
      <c r="AQ44" s="765"/>
      <c r="AR44" s="765"/>
      <c r="AS44" s="727" t="s">
        <v>383</v>
      </c>
      <c r="AT44" s="727"/>
      <c r="AU44" s="727"/>
      <c r="AV44" s="728"/>
      <c r="AW44" s="710">
        <v>26.1</v>
      </c>
      <c r="AX44" s="711"/>
      <c r="AY44" s="711"/>
      <c r="AZ44" s="711"/>
      <c r="BA44" s="711"/>
      <c r="BB44" s="711"/>
      <c r="BC44" s="706" t="s">
        <v>384</v>
      </c>
      <c r="BD44" s="706"/>
      <c r="BE44" s="706"/>
      <c r="BF44" s="707"/>
      <c r="BG44" s="764">
        <v>85.8</v>
      </c>
      <c r="BH44" s="765"/>
      <c r="BI44" s="765"/>
      <c r="BJ44" s="765"/>
      <c r="BK44" s="765"/>
      <c r="BL44" s="765"/>
      <c r="BM44" s="706" t="s">
        <v>384</v>
      </c>
      <c r="BN44" s="706"/>
      <c r="BO44" s="706"/>
      <c r="BP44" s="707"/>
      <c r="BQ44" s="130"/>
      <c r="BR44" s="714">
        <v>6.55</v>
      </c>
      <c r="BS44" s="715"/>
      <c r="BT44" s="715"/>
      <c r="BU44" s="715"/>
      <c r="BV44" s="715"/>
      <c r="BW44" s="715"/>
      <c r="BX44" s="715"/>
      <c r="BY44" s="696" t="s">
        <v>385</v>
      </c>
      <c r="BZ44" s="696"/>
      <c r="CA44" s="696"/>
      <c r="CB44" s="697"/>
      <c r="CC44" s="718">
        <v>284</v>
      </c>
      <c r="CD44" s="719"/>
      <c r="CE44" s="719"/>
      <c r="CF44" s="719"/>
      <c r="CG44" s="719"/>
      <c r="CH44" s="719"/>
      <c r="CI44" s="719"/>
      <c r="CJ44" s="696" t="s">
        <v>386</v>
      </c>
      <c r="CK44" s="696"/>
      <c r="CL44" s="696"/>
      <c r="CM44" s="697"/>
    </row>
    <row r="45" spans="1:100" ht="17.25" customHeight="1" x14ac:dyDescent="0.15">
      <c r="A45" s="216"/>
      <c r="B45" s="692"/>
      <c r="C45" s="692"/>
      <c r="D45" s="692"/>
      <c r="E45" s="692"/>
      <c r="F45" s="692"/>
      <c r="G45" s="692"/>
      <c r="H45" s="692"/>
      <c r="I45" s="692"/>
      <c r="J45" s="692"/>
      <c r="K45" s="692"/>
      <c r="L45" s="692"/>
      <c r="M45" s="693"/>
      <c r="N45" s="144"/>
      <c r="O45" s="1148" t="s">
        <v>146</v>
      </c>
      <c r="P45" s="655"/>
      <c r="Q45" s="655"/>
      <c r="R45" s="655"/>
      <c r="S45" s="655"/>
      <c r="T45" s="655"/>
      <c r="U45" s="655"/>
      <c r="V45" s="655"/>
      <c r="W45" s="655"/>
      <c r="X45" s="655"/>
      <c r="Y45" s="655"/>
      <c r="Z45" s="655"/>
      <c r="AA45" s="655"/>
      <c r="AB45" s="655"/>
      <c r="AC45" s="655"/>
      <c r="AD45" s="655"/>
      <c r="AE45" s="655"/>
      <c r="AF45" s="655"/>
      <c r="AG45" s="655"/>
      <c r="AH45" s="655"/>
      <c r="AI45" s="655"/>
      <c r="AJ45" s="655"/>
      <c r="AK45" s="655"/>
      <c r="AL45" s="656"/>
      <c r="AM45" s="5"/>
      <c r="AN45" s="766"/>
      <c r="AO45" s="767"/>
      <c r="AP45" s="767"/>
      <c r="AQ45" s="767"/>
      <c r="AR45" s="767"/>
      <c r="AS45" s="282"/>
      <c r="AT45" s="282"/>
      <c r="AU45" s="282"/>
      <c r="AV45" s="283"/>
      <c r="AW45" s="712"/>
      <c r="AX45" s="713"/>
      <c r="AY45" s="713"/>
      <c r="AZ45" s="713"/>
      <c r="BA45" s="713"/>
      <c r="BB45" s="713"/>
      <c r="BC45" s="708"/>
      <c r="BD45" s="708"/>
      <c r="BE45" s="708"/>
      <c r="BF45" s="709"/>
      <c r="BG45" s="766"/>
      <c r="BH45" s="767"/>
      <c r="BI45" s="767"/>
      <c r="BJ45" s="767"/>
      <c r="BK45" s="767"/>
      <c r="BL45" s="767"/>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c r="B46" s="690"/>
      <c r="C46" s="690"/>
      <c r="D46" s="690"/>
      <c r="E46" s="690"/>
      <c r="F46" s="690"/>
      <c r="G46" s="690"/>
      <c r="H46" s="690"/>
      <c r="I46" s="690"/>
      <c r="J46" s="690"/>
      <c r="K46" s="690"/>
      <c r="L46" s="690"/>
      <c r="M46" s="691"/>
      <c r="N46" s="143"/>
      <c r="O46" s="1067" t="s">
        <v>1232</v>
      </c>
      <c r="P46" s="556"/>
      <c r="Q46" s="556"/>
      <c r="R46" s="556"/>
      <c r="S46" s="556"/>
      <c r="T46" s="556"/>
      <c r="U46" s="556"/>
      <c r="V46" s="556"/>
      <c r="W46" s="556"/>
      <c r="X46" s="556"/>
      <c r="Y46" s="556"/>
      <c r="Z46" s="556"/>
      <c r="AA46" s="556"/>
      <c r="AB46" s="556"/>
      <c r="AC46" s="556"/>
      <c r="AD46" s="556"/>
      <c r="AE46" s="556"/>
      <c r="AF46" s="556"/>
      <c r="AG46" s="556"/>
      <c r="AH46" s="556"/>
      <c r="AI46" s="556"/>
      <c r="AJ46" s="556"/>
      <c r="AK46" s="556"/>
      <c r="AL46" s="557"/>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692"/>
      <c r="C47" s="692"/>
      <c r="D47" s="692"/>
      <c r="E47" s="692"/>
      <c r="F47" s="692"/>
      <c r="G47" s="692"/>
      <c r="H47" s="692"/>
      <c r="I47" s="692"/>
      <c r="J47" s="692"/>
      <c r="K47" s="692"/>
      <c r="L47" s="692"/>
      <c r="M47" s="693"/>
      <c r="N47" s="144"/>
      <c r="O47" s="1277" t="s">
        <v>1235</v>
      </c>
      <c r="P47" s="1278"/>
      <c r="Q47" s="1278"/>
      <c r="R47" s="1278"/>
      <c r="S47" s="1278"/>
      <c r="T47" s="1278"/>
      <c r="U47" s="1278"/>
      <c r="V47" s="1278"/>
      <c r="W47" s="1278"/>
      <c r="X47" s="1278"/>
      <c r="Y47" s="1278"/>
      <c r="Z47" s="1278"/>
      <c r="AA47" s="1278"/>
      <c r="AB47" s="1278"/>
      <c r="AC47" s="1278"/>
      <c r="AD47" s="1278"/>
      <c r="AE47" s="1278"/>
      <c r="AF47" s="1278"/>
      <c r="AG47" s="1278"/>
      <c r="AH47" s="1278"/>
      <c r="AI47" s="1278"/>
      <c r="AJ47" s="1278"/>
      <c r="AK47" s="1278"/>
      <c r="AL47" s="1279"/>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690"/>
      <c r="C48" s="690"/>
      <c r="D48" s="690"/>
      <c r="E48" s="690"/>
      <c r="F48" s="690"/>
      <c r="G48" s="690"/>
      <c r="H48" s="690"/>
      <c r="I48" s="690"/>
      <c r="J48" s="690"/>
      <c r="K48" s="690"/>
      <c r="L48" s="690"/>
      <c r="M48" s="691"/>
      <c r="N48" s="143"/>
      <c r="O48" s="1067" t="s">
        <v>502</v>
      </c>
      <c r="P48" s="556"/>
      <c r="Q48" s="556"/>
      <c r="R48" s="556"/>
      <c r="S48" s="556"/>
      <c r="T48" s="556"/>
      <c r="U48" s="556"/>
      <c r="V48" s="556"/>
      <c r="W48" s="556"/>
      <c r="X48" s="556"/>
      <c r="Y48" s="556"/>
      <c r="Z48" s="556"/>
      <c r="AA48" s="556"/>
      <c r="AB48" s="556"/>
      <c r="AC48" s="556"/>
      <c r="AD48" s="556"/>
      <c r="AE48" s="556"/>
      <c r="AF48" s="556"/>
      <c r="AG48" s="556"/>
      <c r="AH48" s="556"/>
      <c r="AI48" s="556"/>
      <c r="AJ48" s="556"/>
      <c r="AK48" s="556"/>
      <c r="AL48" s="557"/>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144"/>
      <c r="O49" s="771" t="s">
        <v>1006</v>
      </c>
      <c r="P49" s="772"/>
      <c r="Q49" s="772"/>
      <c r="R49" s="772"/>
      <c r="S49" s="772"/>
      <c r="T49" s="772"/>
      <c r="U49" s="772"/>
      <c r="V49" s="772"/>
      <c r="W49" s="772"/>
      <c r="X49" s="772"/>
      <c r="Y49" s="772"/>
      <c r="Z49" s="772"/>
      <c r="AA49" s="772"/>
      <c r="AB49" s="772"/>
      <c r="AC49" s="772"/>
      <c r="AD49" s="772"/>
      <c r="AE49" s="772"/>
      <c r="AF49" s="772"/>
      <c r="AG49" s="772"/>
      <c r="AH49" s="772"/>
      <c r="AI49" s="772"/>
      <c r="AJ49" s="772"/>
      <c r="AK49" s="772"/>
      <c r="AL49" s="773"/>
      <c r="AM49" s="5"/>
      <c r="AN49" s="223">
        <v>4443.1989999999996</v>
      </c>
      <c r="AO49" s="224"/>
      <c r="AP49" s="224"/>
      <c r="AQ49" s="224"/>
      <c r="AR49" s="224"/>
      <c r="AS49" s="224"/>
      <c r="AT49" s="225"/>
      <c r="AU49" s="229">
        <v>0.81599999999999995</v>
      </c>
      <c r="AV49" s="230"/>
      <c r="AW49" s="230"/>
      <c r="AX49" s="230"/>
      <c r="AY49" s="231"/>
      <c r="AZ49" s="210">
        <v>9.5</v>
      </c>
      <c r="BA49" s="211"/>
      <c r="BB49" s="211"/>
      <c r="BC49" s="211"/>
      <c r="BD49" s="212"/>
      <c r="BE49" s="210">
        <v>5.6</v>
      </c>
      <c r="BF49" s="211"/>
      <c r="BG49" s="211"/>
      <c r="BH49" s="211"/>
      <c r="BI49" s="212"/>
      <c r="BJ49" s="210">
        <v>31.8</v>
      </c>
      <c r="BK49" s="211"/>
      <c r="BL49" s="211"/>
      <c r="BM49" s="211"/>
      <c r="BN49" s="212"/>
      <c r="BO49" s="210">
        <v>11.6</v>
      </c>
      <c r="BP49" s="211"/>
      <c r="BQ49" s="211"/>
      <c r="BR49" s="211"/>
      <c r="BS49" s="212"/>
      <c r="BT49" s="210">
        <v>86.3</v>
      </c>
      <c r="BU49" s="211"/>
      <c r="BV49" s="211"/>
      <c r="BW49" s="211"/>
      <c r="BX49" s="212"/>
      <c r="BY49" s="210">
        <v>25.2</v>
      </c>
      <c r="BZ49" s="211"/>
      <c r="CA49" s="211"/>
      <c r="CB49" s="211"/>
      <c r="CC49" s="212"/>
      <c r="CD49" s="210">
        <v>42.1</v>
      </c>
      <c r="CE49" s="211"/>
      <c r="CF49" s="211"/>
      <c r="CG49" s="211"/>
      <c r="CH49" s="212"/>
      <c r="CI49" s="210">
        <v>56.2</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143"/>
      <c r="O50" s="1052" t="s">
        <v>1127</v>
      </c>
      <c r="P50" s="860"/>
      <c r="Q50" s="860"/>
      <c r="R50" s="860"/>
      <c r="S50" s="860"/>
      <c r="T50" s="860"/>
      <c r="U50" s="860"/>
      <c r="V50" s="860"/>
      <c r="W50" s="860"/>
      <c r="X50" s="860"/>
      <c r="Y50" s="860"/>
      <c r="Z50" s="860"/>
      <c r="AA50" s="860"/>
      <c r="AB50" s="860"/>
      <c r="AC50" s="860"/>
      <c r="AD50" s="860"/>
      <c r="AE50" s="860"/>
      <c r="AF50" s="860"/>
      <c r="AG50" s="860"/>
      <c r="AH50" s="860"/>
      <c r="AI50" s="860"/>
      <c r="AJ50" s="860"/>
      <c r="AK50" s="860"/>
      <c r="AL50" s="86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204">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BR42:CB43"/>
    <mergeCell ref="CC42:CM43"/>
    <mergeCell ref="A46:M46"/>
    <mergeCell ref="O46:AL46"/>
    <mergeCell ref="AN46:AV46"/>
    <mergeCell ref="AW46:BD46"/>
    <mergeCell ref="CD46:CM46"/>
    <mergeCell ref="BC44:BF45"/>
    <mergeCell ref="BG44:BL45"/>
    <mergeCell ref="BM44:BP45"/>
    <mergeCell ref="BR44:BX45"/>
    <mergeCell ref="BY44:CB45"/>
    <mergeCell ref="CC44:CI45"/>
    <mergeCell ref="A43:M43"/>
    <mergeCell ref="O43:AL43"/>
    <mergeCell ref="A44:M44"/>
    <mergeCell ref="O44:AL44"/>
    <mergeCell ref="AN44:AR45"/>
    <mergeCell ref="AS44:AV45"/>
    <mergeCell ref="AW44:BB45"/>
    <mergeCell ref="BY39:CG40"/>
    <mergeCell ref="CH39:CM40"/>
    <mergeCell ref="A40:M40"/>
    <mergeCell ref="O40:AL40"/>
    <mergeCell ref="A41:M41"/>
    <mergeCell ref="O41:AL41"/>
    <mergeCell ref="AU41:BE41"/>
    <mergeCell ref="BR41:CM41"/>
    <mergeCell ref="BG42:BP43"/>
    <mergeCell ref="A39:M39"/>
    <mergeCell ref="O39:AL39"/>
    <mergeCell ref="AN39:AV40"/>
    <mergeCell ref="AW39:BF40"/>
    <mergeCell ref="BG39:BP40"/>
    <mergeCell ref="BR39:BX40"/>
    <mergeCell ref="A42:M42"/>
    <mergeCell ref="O42:AL42"/>
    <mergeCell ref="AN42:AV43"/>
    <mergeCell ref="AW42:BF4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7:CG38"/>
    <mergeCell ref="CH37:CM38"/>
    <mergeCell ref="A38:M38"/>
    <mergeCell ref="O38:AL38"/>
    <mergeCell ref="BR33:BX34"/>
    <mergeCell ref="BY33:CG34"/>
    <mergeCell ref="CH33:CM34"/>
    <mergeCell ref="A34:M34"/>
    <mergeCell ref="O34:AL34"/>
    <mergeCell ref="AN34:BO34"/>
    <mergeCell ref="A32:M32"/>
    <mergeCell ref="O32:AL32"/>
    <mergeCell ref="AO32:BP32"/>
    <mergeCell ref="A33:M33"/>
    <mergeCell ref="O33:AL33"/>
    <mergeCell ref="AO33:BP33"/>
    <mergeCell ref="A28:AL28"/>
    <mergeCell ref="AN28:BP28"/>
    <mergeCell ref="A29:AL31"/>
    <mergeCell ref="AO29:BP29"/>
    <mergeCell ref="AO30:BP30"/>
    <mergeCell ref="BY30:CI30"/>
    <mergeCell ref="AO31:BP31"/>
    <mergeCell ref="BR31:BX32"/>
    <mergeCell ref="BY31:CG32"/>
    <mergeCell ref="CH31:CM32"/>
    <mergeCell ref="A25:E27"/>
    <mergeCell ref="F25:M25"/>
    <mergeCell ref="Q25:AL25"/>
    <mergeCell ref="AO25:CM25"/>
    <mergeCell ref="F26:M27"/>
    <mergeCell ref="O26:P27"/>
    <mergeCell ref="Q26:AL26"/>
    <mergeCell ref="AO26:CM26"/>
    <mergeCell ref="Q27:AL27"/>
    <mergeCell ref="AO27:CM27"/>
    <mergeCell ref="O24:P25"/>
    <mergeCell ref="Q24:AL24"/>
    <mergeCell ref="AO24:CM24"/>
    <mergeCell ref="AN12:CM12"/>
    <mergeCell ref="F13:M14"/>
    <mergeCell ref="Q13:T13"/>
    <mergeCell ref="U13:X13"/>
    <mergeCell ref="Y13:AL13"/>
    <mergeCell ref="AN13:AS14"/>
    <mergeCell ref="AT13:CM14"/>
    <mergeCell ref="U15:X15"/>
    <mergeCell ref="Y15:AL15"/>
    <mergeCell ref="Y16:AL16"/>
    <mergeCell ref="F17:M18"/>
    <mergeCell ref="Q17:T17"/>
    <mergeCell ref="U17:X17"/>
    <mergeCell ref="AO23:CM23"/>
    <mergeCell ref="AN17:AS19"/>
    <mergeCell ref="AT17:CM19"/>
    <mergeCell ref="Q18:T18"/>
    <mergeCell ref="U18:X18"/>
    <mergeCell ref="Y18:AL18"/>
    <mergeCell ref="AN15:AS16"/>
    <mergeCell ref="AT15:CM16"/>
    <mergeCell ref="Y17:AL17"/>
    <mergeCell ref="F19:M19"/>
    <mergeCell ref="Q19:T19"/>
    <mergeCell ref="AN20:AS21"/>
    <mergeCell ref="AT20:CM21"/>
    <mergeCell ref="Q21:T21"/>
    <mergeCell ref="U21:X21"/>
    <mergeCell ref="Y21:AL21"/>
    <mergeCell ref="AN22:CM22"/>
    <mergeCell ref="Q23:AL23"/>
    <mergeCell ref="A11:D11"/>
    <mergeCell ref="U19:X19"/>
    <mergeCell ref="Y19:AL19"/>
    <mergeCell ref="F16:M16"/>
    <mergeCell ref="Q16:T16"/>
    <mergeCell ref="U16:X16"/>
    <mergeCell ref="A12:E13"/>
    <mergeCell ref="F12:M12"/>
    <mergeCell ref="N12:N27"/>
    <mergeCell ref="O12:P21"/>
    <mergeCell ref="Q12:T12"/>
    <mergeCell ref="U12:AL12"/>
    <mergeCell ref="A14:E14"/>
    <mergeCell ref="Q14:T14"/>
    <mergeCell ref="U14:X14"/>
    <mergeCell ref="Y14:AL14"/>
    <mergeCell ref="A15:E15"/>
    <mergeCell ref="F15:M15"/>
    <mergeCell ref="Q15:T15"/>
    <mergeCell ref="A22:E24"/>
    <mergeCell ref="F22:M22"/>
    <mergeCell ref="O22:P23"/>
    <mergeCell ref="Q22:AL22"/>
    <mergeCell ref="F23:M24"/>
    <mergeCell ref="E11:AL11"/>
    <mergeCell ref="F20:M21"/>
    <mergeCell ref="Q20:T20"/>
    <mergeCell ref="U20:X20"/>
    <mergeCell ref="Y20:AL20"/>
    <mergeCell ref="A16:E21"/>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s>
  <phoneticPr fontId="3"/>
  <hyperlinks>
    <hyperlink ref="E11:AL11" r:id="rId1" display="http://www.town.kaise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8―</oddFooter>
  </headerFooter>
  <drawing r:id="rId3"/>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8"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375" style="3" customWidth="1"/>
    <col min="95" max="16384" width="9" style="3"/>
  </cols>
  <sheetData>
    <row r="1" spans="1:100" ht="17.25" customHeight="1" x14ac:dyDescent="0.15">
      <c r="A1" s="644" t="s" ph="1">
        <v>608</v>
      </c>
      <c r="B1" s="644" ph="1"/>
      <c r="C1" s="644" ph="1"/>
      <c r="D1" s="644" ph="1"/>
      <c r="E1" s="644" ph="1"/>
      <c r="F1" s="644" ph="1"/>
      <c r="G1" s="644" ph="1"/>
      <c r="H1" s="644" ph="1"/>
      <c r="I1" s="645"/>
      <c r="J1" s="645"/>
      <c r="K1" s="645"/>
      <c r="L1" s="645"/>
      <c r="M1" s="645"/>
      <c r="N1" s="454" t="s">
        <v>609</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488</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715</v>
      </c>
      <c r="AO2" s="467"/>
      <c r="AP2" s="1310"/>
      <c r="AQ2" s="1310"/>
      <c r="AR2" s="1310"/>
      <c r="AS2" s="1310"/>
      <c r="AT2" s="1310"/>
      <c r="AU2" s="1310"/>
      <c r="AV2" s="1310"/>
      <c r="AW2" s="1310"/>
      <c r="AX2" s="1310"/>
      <c r="AY2" s="1310"/>
      <c r="AZ2" s="1310"/>
      <c r="BA2" s="1310"/>
      <c r="BB2" s="1310"/>
      <c r="BC2" s="1310"/>
      <c r="BD2" s="1310"/>
      <c r="BE2" s="1310"/>
      <c r="BF2" s="1310"/>
      <c r="BG2" s="1310"/>
      <c r="BH2" s="1310"/>
      <c r="BI2" s="1310"/>
      <c r="BJ2" s="1310"/>
      <c r="BK2" s="1310"/>
      <c r="BL2" s="1310"/>
      <c r="BM2" s="1310"/>
      <c r="BN2" s="1310"/>
      <c r="BO2" s="1310"/>
      <c r="BP2" s="1310"/>
      <c r="BQ2" s="1310"/>
      <c r="BR2" s="1310"/>
      <c r="BS2" s="1310"/>
      <c r="BT2" s="1310"/>
      <c r="BU2" s="1310"/>
      <c r="BV2" s="1310"/>
      <c r="BW2" s="1310"/>
      <c r="BX2" s="1310"/>
      <c r="BY2" s="1310"/>
      <c r="BZ2" s="1310"/>
      <c r="CA2" s="1310"/>
      <c r="CB2" s="1310"/>
      <c r="CC2" s="1310"/>
      <c r="CD2" s="1310"/>
      <c r="CE2" s="1310"/>
      <c r="CF2" s="1310"/>
      <c r="CG2" s="1310"/>
      <c r="CH2" s="1310"/>
      <c r="CI2" s="1310"/>
      <c r="CJ2" s="1310"/>
      <c r="CK2" s="1310"/>
      <c r="CL2" s="1310"/>
      <c r="CM2" s="1311"/>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1312"/>
      <c r="AO3" s="852"/>
      <c r="AP3" s="852"/>
      <c r="AQ3" s="852"/>
      <c r="AR3" s="852"/>
      <c r="AS3" s="852"/>
      <c r="AT3" s="852"/>
      <c r="AU3" s="852"/>
      <c r="AV3" s="852"/>
      <c r="AW3" s="852"/>
      <c r="AX3" s="852"/>
      <c r="AY3" s="852"/>
      <c r="AZ3" s="852"/>
      <c r="BA3" s="852"/>
      <c r="BB3" s="852"/>
      <c r="BC3" s="852"/>
      <c r="BD3" s="852"/>
      <c r="BE3" s="852"/>
      <c r="BF3" s="852"/>
      <c r="BG3" s="852"/>
      <c r="BH3" s="852"/>
      <c r="BI3" s="852"/>
      <c r="BJ3" s="852"/>
      <c r="BK3" s="852"/>
      <c r="BL3" s="852"/>
      <c r="BM3" s="852"/>
      <c r="BN3" s="852"/>
      <c r="BO3" s="852"/>
      <c r="BP3" s="852"/>
      <c r="BQ3" s="852"/>
      <c r="BR3" s="852"/>
      <c r="BS3" s="852"/>
      <c r="BT3" s="852"/>
      <c r="BU3" s="852"/>
      <c r="BV3" s="852"/>
      <c r="BW3" s="852"/>
      <c r="BX3" s="852"/>
      <c r="BY3" s="852"/>
      <c r="BZ3" s="852"/>
      <c r="CA3" s="852"/>
      <c r="CB3" s="852"/>
      <c r="CC3" s="852"/>
      <c r="CD3" s="852"/>
      <c r="CE3" s="852"/>
      <c r="CF3" s="852"/>
      <c r="CG3" s="852"/>
      <c r="CH3" s="852"/>
      <c r="CI3" s="852"/>
      <c r="CJ3" s="852"/>
      <c r="CK3" s="852"/>
      <c r="CL3" s="852"/>
      <c r="CM3" s="853"/>
      <c r="CQ3" s="3" ph="1"/>
    </row>
    <row r="4" spans="1:100" ht="17.25" customHeight="1" x14ac:dyDescent="0.15">
      <c r="A4" s="641" t="s">
        <v>236</v>
      </c>
      <c r="B4" s="641"/>
      <c r="C4" s="641"/>
      <c r="D4" s="641"/>
      <c r="E4" s="458">
        <v>143821</v>
      </c>
      <c r="F4" s="458"/>
      <c r="G4" s="458"/>
      <c r="H4" s="458"/>
      <c r="I4" s="647"/>
      <c r="J4" s="647"/>
      <c r="K4" s="647"/>
      <c r="L4" s="647"/>
      <c r="M4" s="647"/>
      <c r="N4" s="459" t="s">
        <v>610</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1312"/>
      <c r="AO4" s="852"/>
      <c r="AP4" s="852"/>
      <c r="AQ4" s="852"/>
      <c r="AR4" s="852"/>
      <c r="AS4" s="852"/>
      <c r="AT4" s="852"/>
      <c r="AU4" s="852"/>
      <c r="AV4" s="852"/>
      <c r="AW4" s="852"/>
      <c r="AX4" s="852"/>
      <c r="AY4" s="852"/>
      <c r="AZ4" s="852"/>
      <c r="BA4" s="852"/>
      <c r="BB4" s="852"/>
      <c r="BC4" s="852"/>
      <c r="BD4" s="852"/>
      <c r="BE4" s="852"/>
      <c r="BF4" s="852"/>
      <c r="BG4" s="852"/>
      <c r="BH4" s="852"/>
      <c r="BI4" s="852"/>
      <c r="BJ4" s="852"/>
      <c r="BK4" s="852"/>
      <c r="BL4" s="852"/>
      <c r="BM4" s="852"/>
      <c r="BN4" s="852"/>
      <c r="BO4" s="852"/>
      <c r="BP4" s="852"/>
      <c r="BQ4" s="852"/>
      <c r="BR4" s="852"/>
      <c r="BS4" s="852"/>
      <c r="BT4" s="852"/>
      <c r="BU4" s="852"/>
      <c r="BV4" s="852"/>
      <c r="BW4" s="852"/>
      <c r="BX4" s="852"/>
      <c r="BY4" s="852"/>
      <c r="BZ4" s="852"/>
      <c r="CA4" s="852"/>
      <c r="CB4" s="852"/>
      <c r="CC4" s="852"/>
      <c r="CD4" s="852"/>
      <c r="CE4" s="852"/>
      <c r="CF4" s="852"/>
      <c r="CG4" s="852"/>
      <c r="CH4" s="852"/>
      <c r="CI4" s="852"/>
      <c r="CJ4" s="852"/>
      <c r="CK4" s="852"/>
      <c r="CL4" s="852"/>
      <c r="CM4" s="853"/>
    </row>
    <row r="5" spans="1:100" ht="17.25" customHeight="1" x14ac:dyDescent="0.15">
      <c r="A5" s="382" t="s">
        <v>237</v>
      </c>
      <c r="B5" s="484"/>
      <c r="C5" s="484"/>
      <c r="D5" s="484"/>
      <c r="E5" s="484"/>
      <c r="F5" s="484"/>
      <c r="G5" s="484"/>
      <c r="H5" s="485"/>
      <c r="I5" s="486" t="s">
        <v>611</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1312"/>
      <c r="AO5" s="852"/>
      <c r="AP5" s="852"/>
      <c r="AQ5" s="852"/>
      <c r="AR5" s="852"/>
      <c r="AS5" s="852"/>
      <c r="AT5" s="852"/>
      <c r="AU5" s="852"/>
      <c r="AV5" s="852"/>
      <c r="AW5" s="852"/>
      <c r="AX5" s="852"/>
      <c r="AY5" s="852"/>
      <c r="AZ5" s="852"/>
      <c r="BA5" s="852"/>
      <c r="BB5" s="852"/>
      <c r="BC5" s="852"/>
      <c r="BD5" s="852"/>
      <c r="BE5" s="852"/>
      <c r="BF5" s="852"/>
      <c r="BG5" s="852"/>
      <c r="BH5" s="852"/>
      <c r="BI5" s="852"/>
      <c r="BJ5" s="852"/>
      <c r="BK5" s="852"/>
      <c r="BL5" s="852"/>
      <c r="BM5" s="852"/>
      <c r="BN5" s="852"/>
      <c r="BO5" s="852"/>
      <c r="BP5" s="852"/>
      <c r="BQ5" s="852"/>
      <c r="BR5" s="852"/>
      <c r="BS5" s="852"/>
      <c r="BT5" s="852"/>
      <c r="BU5" s="852"/>
      <c r="BV5" s="852"/>
      <c r="BW5" s="852"/>
      <c r="BX5" s="852"/>
      <c r="BY5" s="852"/>
      <c r="BZ5" s="852"/>
      <c r="CA5" s="852"/>
      <c r="CB5" s="852"/>
      <c r="CC5" s="852"/>
      <c r="CD5" s="852"/>
      <c r="CE5" s="852"/>
      <c r="CF5" s="852"/>
      <c r="CG5" s="852"/>
      <c r="CH5" s="852"/>
      <c r="CI5" s="852"/>
      <c r="CJ5" s="852"/>
      <c r="CK5" s="852"/>
      <c r="CL5" s="852"/>
      <c r="CM5" s="853"/>
    </row>
    <row r="6" spans="1:100" ht="17.25" customHeight="1" x14ac:dyDescent="0.15">
      <c r="A6" s="364"/>
      <c r="B6" s="365"/>
      <c r="C6" s="365"/>
      <c r="D6" s="365"/>
      <c r="E6" s="365"/>
      <c r="F6" s="365"/>
      <c r="G6" s="365"/>
      <c r="H6" s="366"/>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1312"/>
      <c r="AO6" s="852"/>
      <c r="AP6" s="852"/>
      <c r="AQ6" s="852"/>
      <c r="AR6" s="852"/>
      <c r="AS6" s="852"/>
      <c r="AT6" s="852"/>
      <c r="AU6" s="852"/>
      <c r="AV6" s="852"/>
      <c r="AW6" s="852"/>
      <c r="AX6" s="852"/>
      <c r="AY6" s="852"/>
      <c r="AZ6" s="852"/>
      <c r="BA6" s="852"/>
      <c r="BB6" s="852"/>
      <c r="BC6" s="852"/>
      <c r="BD6" s="852"/>
      <c r="BE6" s="852"/>
      <c r="BF6" s="852"/>
      <c r="BG6" s="852"/>
      <c r="BH6" s="852"/>
      <c r="BI6" s="852"/>
      <c r="BJ6" s="852"/>
      <c r="BK6" s="852"/>
      <c r="BL6" s="852"/>
      <c r="BM6" s="852"/>
      <c r="BN6" s="852"/>
      <c r="BO6" s="852"/>
      <c r="BP6" s="852"/>
      <c r="BQ6" s="852"/>
      <c r="BR6" s="852"/>
      <c r="BS6" s="852"/>
      <c r="BT6" s="852"/>
      <c r="BU6" s="852"/>
      <c r="BV6" s="852"/>
      <c r="BW6" s="852"/>
      <c r="BX6" s="852"/>
      <c r="BY6" s="852"/>
      <c r="BZ6" s="852"/>
      <c r="CA6" s="852"/>
      <c r="CB6" s="852"/>
      <c r="CC6" s="852"/>
      <c r="CD6" s="852"/>
      <c r="CE6" s="852"/>
      <c r="CF6" s="852"/>
      <c r="CG6" s="852"/>
      <c r="CH6" s="852"/>
      <c r="CI6" s="852"/>
      <c r="CJ6" s="852"/>
      <c r="CK6" s="852"/>
      <c r="CL6" s="852"/>
      <c r="CM6" s="853"/>
    </row>
    <row r="7" spans="1:100" ht="17.25" customHeight="1" x14ac:dyDescent="0.15">
      <c r="A7" s="405" t="s">
        <v>238</v>
      </c>
      <c r="B7" s="406"/>
      <c r="C7" s="406"/>
      <c r="D7" s="407"/>
      <c r="E7" s="65" t="s">
        <v>0</v>
      </c>
      <c r="F7" s="492" t="s">
        <v>612</v>
      </c>
      <c r="G7" s="492"/>
      <c r="H7" s="492"/>
      <c r="I7" s="492"/>
      <c r="J7" s="492"/>
      <c r="K7" s="492"/>
      <c r="L7" s="493"/>
      <c r="M7" s="642"/>
      <c r="N7" s="642"/>
      <c r="O7" s="642"/>
      <c r="P7" s="642"/>
      <c r="Q7" s="642"/>
      <c r="R7" s="642"/>
      <c r="S7" s="642"/>
      <c r="T7" s="642"/>
      <c r="U7" s="642"/>
      <c r="V7" s="642"/>
      <c r="W7" s="642"/>
      <c r="X7" s="642"/>
      <c r="Y7" s="643"/>
      <c r="Z7" s="332" t="s">
        <v>239</v>
      </c>
      <c r="AA7" s="332"/>
      <c r="AB7" s="332"/>
      <c r="AC7" s="431" t="s">
        <v>613</v>
      </c>
      <c r="AD7" s="431"/>
      <c r="AE7" s="431"/>
      <c r="AF7" s="431"/>
      <c r="AG7" s="431"/>
      <c r="AH7" s="431"/>
      <c r="AI7" s="431"/>
      <c r="AJ7" s="431"/>
      <c r="AK7" s="431"/>
      <c r="AL7" s="431"/>
      <c r="AM7" s="5"/>
      <c r="AN7" s="1312"/>
      <c r="AO7" s="852"/>
      <c r="AP7" s="852"/>
      <c r="AQ7" s="852"/>
      <c r="AR7" s="852"/>
      <c r="AS7" s="852"/>
      <c r="AT7" s="852"/>
      <c r="AU7" s="852"/>
      <c r="AV7" s="852"/>
      <c r="AW7" s="852"/>
      <c r="AX7" s="852"/>
      <c r="AY7" s="852"/>
      <c r="AZ7" s="852"/>
      <c r="BA7" s="852"/>
      <c r="BB7" s="852"/>
      <c r="BC7" s="852"/>
      <c r="BD7" s="852"/>
      <c r="BE7" s="852"/>
      <c r="BF7" s="852"/>
      <c r="BG7" s="852"/>
      <c r="BH7" s="852"/>
      <c r="BI7" s="852"/>
      <c r="BJ7" s="852"/>
      <c r="BK7" s="852"/>
      <c r="BL7" s="852"/>
      <c r="BM7" s="852"/>
      <c r="BN7" s="852"/>
      <c r="BO7" s="852"/>
      <c r="BP7" s="852"/>
      <c r="BQ7" s="852"/>
      <c r="BR7" s="852"/>
      <c r="BS7" s="852"/>
      <c r="BT7" s="852"/>
      <c r="BU7" s="852"/>
      <c r="BV7" s="852"/>
      <c r="BW7" s="852"/>
      <c r="BX7" s="852"/>
      <c r="BY7" s="852"/>
      <c r="BZ7" s="852"/>
      <c r="CA7" s="852"/>
      <c r="CB7" s="852"/>
      <c r="CC7" s="852"/>
      <c r="CD7" s="852"/>
      <c r="CE7" s="852"/>
      <c r="CF7" s="852"/>
      <c r="CG7" s="852"/>
      <c r="CH7" s="852"/>
      <c r="CI7" s="852"/>
      <c r="CJ7" s="852"/>
      <c r="CK7" s="852"/>
      <c r="CL7" s="852"/>
      <c r="CM7" s="853"/>
    </row>
    <row r="8" spans="1:100" ht="17.25" customHeight="1" x14ac:dyDescent="0.15">
      <c r="A8" s="405"/>
      <c r="B8" s="406"/>
      <c r="C8" s="406"/>
      <c r="D8" s="407"/>
      <c r="E8" s="433" t="s">
        <v>614</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1312"/>
      <c r="AO8" s="852"/>
      <c r="AP8" s="852"/>
      <c r="AQ8" s="852"/>
      <c r="AR8" s="852"/>
      <c r="AS8" s="852"/>
      <c r="AT8" s="852"/>
      <c r="AU8" s="852"/>
      <c r="AV8" s="852"/>
      <c r="AW8" s="852"/>
      <c r="AX8" s="852"/>
      <c r="AY8" s="852"/>
      <c r="AZ8" s="852"/>
      <c r="BA8" s="852"/>
      <c r="BB8" s="852"/>
      <c r="BC8" s="852"/>
      <c r="BD8" s="852"/>
      <c r="BE8" s="852"/>
      <c r="BF8" s="852"/>
      <c r="BG8" s="852"/>
      <c r="BH8" s="852"/>
      <c r="BI8" s="852"/>
      <c r="BJ8" s="852"/>
      <c r="BK8" s="852"/>
      <c r="BL8" s="852"/>
      <c r="BM8" s="852"/>
      <c r="BN8" s="852"/>
      <c r="BO8" s="852"/>
      <c r="BP8" s="852"/>
      <c r="BQ8" s="852"/>
      <c r="BR8" s="852"/>
      <c r="BS8" s="852"/>
      <c r="BT8" s="852"/>
      <c r="BU8" s="852"/>
      <c r="BV8" s="852"/>
      <c r="BW8" s="852"/>
      <c r="BX8" s="852"/>
      <c r="BY8" s="852"/>
      <c r="BZ8" s="852"/>
      <c r="CA8" s="852"/>
      <c r="CB8" s="852"/>
      <c r="CC8" s="852"/>
      <c r="CD8" s="852"/>
      <c r="CE8" s="852"/>
      <c r="CF8" s="852"/>
      <c r="CG8" s="852"/>
      <c r="CH8" s="852"/>
      <c r="CI8" s="852"/>
      <c r="CJ8" s="852"/>
      <c r="CK8" s="852"/>
      <c r="CL8" s="852"/>
      <c r="CM8" s="853"/>
    </row>
    <row r="9" spans="1:100" ht="17.25" customHeight="1" x14ac:dyDescent="0.15">
      <c r="A9" s="405" t="s">
        <v>240</v>
      </c>
      <c r="B9" s="406"/>
      <c r="C9" s="406"/>
      <c r="D9" s="407"/>
      <c r="E9" s="445" t="s">
        <v>1026</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1312"/>
      <c r="AO9" s="852"/>
      <c r="AP9" s="852"/>
      <c r="AQ9" s="852"/>
      <c r="AR9" s="852"/>
      <c r="AS9" s="852"/>
      <c r="AT9" s="852"/>
      <c r="AU9" s="852"/>
      <c r="AV9" s="852"/>
      <c r="AW9" s="852"/>
      <c r="AX9" s="852"/>
      <c r="AY9" s="852"/>
      <c r="AZ9" s="852"/>
      <c r="BA9" s="852"/>
      <c r="BB9" s="852"/>
      <c r="BC9" s="852"/>
      <c r="BD9" s="852"/>
      <c r="BE9" s="852"/>
      <c r="BF9" s="852"/>
      <c r="BG9" s="852"/>
      <c r="BH9" s="852"/>
      <c r="BI9" s="852"/>
      <c r="BJ9" s="852"/>
      <c r="BK9" s="852"/>
      <c r="BL9" s="852"/>
      <c r="BM9" s="852"/>
      <c r="BN9" s="852"/>
      <c r="BO9" s="852"/>
      <c r="BP9" s="852"/>
      <c r="BQ9" s="852"/>
      <c r="BR9" s="852"/>
      <c r="BS9" s="852"/>
      <c r="BT9" s="852"/>
      <c r="BU9" s="852"/>
      <c r="BV9" s="852"/>
      <c r="BW9" s="852"/>
      <c r="BX9" s="852"/>
      <c r="BY9" s="852"/>
      <c r="BZ9" s="852"/>
      <c r="CA9" s="852"/>
      <c r="CB9" s="852"/>
      <c r="CC9" s="852"/>
      <c r="CD9" s="852"/>
      <c r="CE9" s="852"/>
      <c r="CF9" s="852"/>
      <c r="CG9" s="852"/>
      <c r="CH9" s="852"/>
      <c r="CI9" s="852"/>
      <c r="CJ9" s="852"/>
      <c r="CK9" s="852"/>
      <c r="CL9" s="852"/>
      <c r="CM9" s="853"/>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1312"/>
      <c r="AO10" s="852"/>
      <c r="AP10" s="852"/>
      <c r="AQ10" s="852"/>
      <c r="AR10" s="852"/>
      <c r="AS10" s="852"/>
      <c r="AT10" s="852"/>
      <c r="AU10" s="852"/>
      <c r="AV10" s="852"/>
      <c r="AW10" s="852"/>
      <c r="AX10" s="852"/>
      <c r="AY10" s="852"/>
      <c r="AZ10" s="852"/>
      <c r="BA10" s="852"/>
      <c r="BB10" s="852"/>
      <c r="BC10" s="852"/>
      <c r="BD10" s="852"/>
      <c r="BE10" s="852"/>
      <c r="BF10" s="852"/>
      <c r="BG10" s="852"/>
      <c r="BH10" s="852"/>
      <c r="BI10" s="852"/>
      <c r="BJ10" s="852"/>
      <c r="BK10" s="852"/>
      <c r="BL10" s="852"/>
      <c r="BM10" s="852"/>
      <c r="BN10" s="852"/>
      <c r="BO10" s="852"/>
      <c r="BP10" s="852"/>
      <c r="BQ10" s="852"/>
      <c r="BR10" s="852"/>
      <c r="BS10" s="852"/>
      <c r="BT10" s="852"/>
      <c r="BU10" s="852"/>
      <c r="BV10" s="852"/>
      <c r="BW10" s="852"/>
      <c r="BX10" s="852"/>
      <c r="BY10" s="852"/>
      <c r="BZ10" s="852"/>
      <c r="CA10" s="852"/>
      <c r="CB10" s="852"/>
      <c r="CC10" s="852"/>
      <c r="CD10" s="852"/>
      <c r="CE10" s="852"/>
      <c r="CF10" s="852"/>
      <c r="CG10" s="852"/>
      <c r="CH10" s="852"/>
      <c r="CI10" s="852"/>
      <c r="CJ10" s="852"/>
      <c r="CK10" s="852"/>
      <c r="CL10" s="852"/>
      <c r="CM10" s="853"/>
    </row>
    <row r="11" spans="1:100" ht="17.25" customHeight="1" x14ac:dyDescent="0.15">
      <c r="A11" s="405" t="s">
        <v>37</v>
      </c>
      <c r="B11" s="406"/>
      <c r="C11" s="406"/>
      <c r="D11" s="407"/>
      <c r="E11" s="615" t="s">
        <v>1027</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1312"/>
      <c r="AO11" s="852"/>
      <c r="AP11" s="852"/>
      <c r="AQ11" s="852"/>
      <c r="AR11" s="852"/>
      <c r="AS11" s="852"/>
      <c r="AT11" s="852"/>
      <c r="AU11" s="852"/>
      <c r="AV11" s="852"/>
      <c r="AW11" s="852"/>
      <c r="AX11" s="852"/>
      <c r="AY11" s="852"/>
      <c r="AZ11" s="852"/>
      <c r="BA11" s="852"/>
      <c r="BB11" s="852"/>
      <c r="BC11" s="852"/>
      <c r="BD11" s="852"/>
      <c r="BE11" s="852"/>
      <c r="BF11" s="852"/>
      <c r="BG11" s="852"/>
      <c r="BH11" s="852"/>
      <c r="BI11" s="852"/>
      <c r="BJ11" s="852"/>
      <c r="BK11" s="852"/>
      <c r="BL11" s="852"/>
      <c r="BM11" s="852"/>
      <c r="BN11" s="852"/>
      <c r="BO11" s="852"/>
      <c r="BP11" s="852"/>
      <c r="BQ11" s="852"/>
      <c r="BR11" s="852"/>
      <c r="BS11" s="852"/>
      <c r="BT11" s="852"/>
      <c r="BU11" s="852"/>
      <c r="BV11" s="852"/>
      <c r="BW11" s="852"/>
      <c r="BX11" s="852"/>
      <c r="BY11" s="852"/>
      <c r="BZ11" s="852"/>
      <c r="CA11" s="852"/>
      <c r="CB11" s="852"/>
      <c r="CC11" s="852"/>
      <c r="CD11" s="852"/>
      <c r="CE11" s="852"/>
      <c r="CF11" s="852"/>
      <c r="CG11" s="852"/>
      <c r="CH11" s="852"/>
      <c r="CI11" s="852"/>
      <c r="CJ11" s="852"/>
      <c r="CK11" s="852"/>
      <c r="CL11" s="852"/>
      <c r="CM11" s="853"/>
    </row>
    <row r="12" spans="1:100" ht="17.25" customHeight="1" x14ac:dyDescent="0.15">
      <c r="A12" s="332" t="s">
        <v>474</v>
      </c>
      <c r="B12" s="332"/>
      <c r="C12" s="332"/>
      <c r="D12" s="332"/>
      <c r="E12" s="328"/>
      <c r="F12" s="330" t="s">
        <v>1028</v>
      </c>
      <c r="G12" s="331"/>
      <c r="H12" s="331"/>
      <c r="I12" s="331"/>
      <c r="J12" s="331"/>
      <c r="K12" s="331"/>
      <c r="L12" s="331"/>
      <c r="M12" s="331"/>
      <c r="N12" s="522"/>
      <c r="O12" s="416" t="s">
        <v>242</v>
      </c>
      <c r="P12" s="417"/>
      <c r="Q12" s="377">
        <v>19725</v>
      </c>
      <c r="R12" s="220"/>
      <c r="S12" s="220"/>
      <c r="T12" s="220"/>
      <c r="U12" s="371" t="s">
        <v>148</v>
      </c>
      <c r="V12" s="220"/>
      <c r="W12" s="220"/>
      <c r="X12" s="220"/>
      <c r="Y12" s="371" t="s">
        <v>615</v>
      </c>
      <c r="Z12" s="220"/>
      <c r="AA12" s="220"/>
      <c r="AB12" s="220"/>
      <c r="AC12" s="220"/>
      <c r="AD12" s="220"/>
      <c r="AE12" s="220"/>
      <c r="AF12" s="220"/>
      <c r="AG12" s="220"/>
      <c r="AH12" s="220"/>
      <c r="AI12" s="220"/>
      <c r="AJ12" s="220"/>
      <c r="AK12" s="220"/>
      <c r="AL12" s="372"/>
      <c r="AM12" s="5"/>
      <c r="AN12" s="1313"/>
      <c r="AO12" s="1314"/>
      <c r="AP12" s="1314"/>
      <c r="AQ12" s="1314"/>
      <c r="AR12" s="1314"/>
      <c r="AS12" s="1314"/>
      <c r="AT12" s="1314"/>
      <c r="AU12" s="1314"/>
      <c r="AV12" s="1314"/>
      <c r="AW12" s="1314"/>
      <c r="AX12" s="1314"/>
      <c r="AY12" s="1314"/>
      <c r="AZ12" s="1314"/>
      <c r="BA12" s="1314"/>
      <c r="BB12" s="1314"/>
      <c r="BC12" s="1314"/>
      <c r="BD12" s="1314"/>
      <c r="BE12" s="1314"/>
      <c r="BF12" s="1314"/>
      <c r="BG12" s="1314"/>
      <c r="BH12" s="1314"/>
      <c r="BI12" s="1314"/>
      <c r="BJ12" s="1314"/>
      <c r="BK12" s="1314"/>
      <c r="BL12" s="1314"/>
      <c r="BM12" s="1314"/>
      <c r="BN12" s="1314"/>
      <c r="BO12" s="1314"/>
      <c r="BP12" s="1314"/>
      <c r="BQ12" s="1314"/>
      <c r="BR12" s="1314"/>
      <c r="BS12" s="1314"/>
      <c r="BT12" s="1314"/>
      <c r="BU12" s="1314"/>
      <c r="BV12" s="1314"/>
      <c r="BW12" s="1314"/>
      <c r="BX12" s="1314"/>
      <c r="BY12" s="1314"/>
      <c r="BZ12" s="1314"/>
      <c r="CA12" s="1314"/>
      <c r="CB12" s="1314"/>
      <c r="CC12" s="1314"/>
      <c r="CD12" s="1314"/>
      <c r="CE12" s="1314"/>
      <c r="CF12" s="1314"/>
      <c r="CG12" s="1314"/>
      <c r="CH12" s="1314"/>
      <c r="CI12" s="1314"/>
      <c r="CJ12" s="1314"/>
      <c r="CK12" s="1314"/>
      <c r="CL12" s="1314"/>
      <c r="CM12" s="1315"/>
      <c r="CQ12" s="3" ph="1"/>
      <c r="CR12" s="3" ph="1"/>
      <c r="CS12" s="3" ph="1"/>
      <c r="CT12" s="3" ph="1"/>
      <c r="CU12" s="3" ph="1"/>
      <c r="CV12" s="3" ph="1"/>
    </row>
    <row r="13" spans="1:100" ht="17.25" customHeight="1" x14ac:dyDescent="0.15">
      <c r="A13" s="328"/>
      <c r="B13" s="328"/>
      <c r="C13" s="328"/>
      <c r="D13" s="328"/>
      <c r="E13" s="328"/>
      <c r="F13" s="398" t="s">
        <v>1029</v>
      </c>
      <c r="G13" s="369"/>
      <c r="H13" s="369"/>
      <c r="I13" s="369"/>
      <c r="J13" s="369"/>
      <c r="K13" s="369"/>
      <c r="L13" s="369"/>
      <c r="M13" s="369"/>
      <c r="N13" s="523"/>
      <c r="O13" s="418"/>
      <c r="P13" s="419"/>
      <c r="Q13" s="377">
        <v>20728</v>
      </c>
      <c r="R13" s="220"/>
      <c r="S13" s="220"/>
      <c r="T13" s="220"/>
      <c r="U13" s="371" t="s">
        <v>148</v>
      </c>
      <c r="V13" s="220"/>
      <c r="W13" s="220"/>
      <c r="X13" s="220"/>
      <c r="Y13" s="854" t="s">
        <v>616</v>
      </c>
      <c r="Z13" s="400"/>
      <c r="AA13" s="400"/>
      <c r="AB13" s="400"/>
      <c r="AC13" s="400"/>
      <c r="AD13" s="400"/>
      <c r="AE13" s="400"/>
      <c r="AF13" s="400"/>
      <c r="AG13" s="400"/>
      <c r="AH13" s="400"/>
      <c r="AI13" s="400"/>
      <c r="AJ13" s="400"/>
      <c r="AK13" s="400"/>
      <c r="AL13" s="401"/>
      <c r="AM13" s="5"/>
      <c r="AN13" s="518" t="s">
        <v>245</v>
      </c>
      <c r="AO13" s="518"/>
      <c r="AP13" s="518"/>
      <c r="AQ13" s="518"/>
      <c r="AR13" s="518"/>
      <c r="AS13" s="518"/>
      <c r="AT13" s="518"/>
      <c r="AU13" s="518"/>
      <c r="AV13" s="518"/>
      <c r="AW13" s="518"/>
      <c r="AX13" s="518"/>
      <c r="AY13" s="518"/>
      <c r="AZ13" s="518"/>
      <c r="BA13" s="518"/>
      <c r="BB13" s="518"/>
      <c r="BC13" s="518"/>
      <c r="BD13" s="518"/>
      <c r="BE13" s="518"/>
      <c r="BF13" s="518"/>
      <c r="BG13" s="518"/>
      <c r="BH13" s="518"/>
      <c r="BI13" s="518"/>
      <c r="BJ13" s="518"/>
      <c r="BK13" s="518"/>
      <c r="BL13" s="518"/>
      <c r="BM13" s="518"/>
      <c r="BN13" s="518"/>
      <c r="BO13" s="518"/>
      <c r="BP13" s="518"/>
      <c r="BQ13" s="518"/>
      <c r="BR13" s="518"/>
      <c r="BS13" s="518"/>
      <c r="BT13" s="518"/>
      <c r="BU13" s="518"/>
      <c r="BV13" s="518"/>
      <c r="BW13" s="518"/>
      <c r="BX13" s="518"/>
      <c r="BY13" s="518"/>
      <c r="BZ13" s="518"/>
      <c r="CA13" s="518"/>
      <c r="CB13" s="518"/>
      <c r="CC13" s="518"/>
      <c r="CD13" s="518"/>
      <c r="CE13" s="518"/>
      <c r="CF13" s="518"/>
      <c r="CG13" s="518"/>
      <c r="CH13" s="518"/>
      <c r="CI13" s="518"/>
      <c r="CJ13" s="518"/>
      <c r="CK13" s="518"/>
      <c r="CL13" s="518"/>
      <c r="CM13" s="518"/>
      <c r="CQ13" s="3" ph="1"/>
      <c r="CR13" s="3" ph="1"/>
      <c r="CS13" s="3" ph="1"/>
      <c r="CT13" s="3" ph="1"/>
      <c r="CU13" s="3" ph="1"/>
      <c r="CV13" s="3" ph="1"/>
    </row>
    <row r="14" spans="1:100" ht="17.25" customHeight="1" x14ac:dyDescent="0.15">
      <c r="A14" s="426">
        <v>2</v>
      </c>
      <c r="B14" s="651"/>
      <c r="C14" s="651"/>
      <c r="D14" s="651"/>
      <c r="E14" s="651"/>
      <c r="F14" s="370"/>
      <c r="G14" s="370"/>
      <c r="H14" s="370"/>
      <c r="I14" s="370"/>
      <c r="J14" s="370"/>
      <c r="K14" s="370"/>
      <c r="L14" s="370"/>
      <c r="M14" s="370"/>
      <c r="N14" s="523"/>
      <c r="O14" s="418"/>
      <c r="P14" s="419"/>
      <c r="Q14" s="377"/>
      <c r="R14" s="220"/>
      <c r="S14" s="220"/>
      <c r="T14" s="220"/>
      <c r="U14" s="371"/>
      <c r="V14" s="220"/>
      <c r="W14" s="220"/>
      <c r="X14" s="220"/>
      <c r="Y14" s="400"/>
      <c r="Z14" s="400"/>
      <c r="AA14" s="400"/>
      <c r="AB14" s="400"/>
      <c r="AC14" s="400"/>
      <c r="AD14" s="400"/>
      <c r="AE14" s="400"/>
      <c r="AF14" s="400"/>
      <c r="AG14" s="400"/>
      <c r="AH14" s="400"/>
      <c r="AI14" s="400"/>
      <c r="AJ14" s="400"/>
      <c r="AK14" s="400"/>
      <c r="AL14" s="401"/>
      <c r="AM14" s="5"/>
      <c r="AN14" s="292" t="s">
        <v>219</v>
      </c>
      <c r="AO14" s="293"/>
      <c r="AP14" s="293"/>
      <c r="AQ14" s="293"/>
      <c r="AR14" s="293"/>
      <c r="AS14" s="293"/>
      <c r="AT14" s="856" t="s">
        <v>617</v>
      </c>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7071</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95"/>
      <c r="AO15" s="296"/>
      <c r="AP15" s="296"/>
      <c r="AQ15" s="296"/>
      <c r="AR15" s="296"/>
      <c r="AS15" s="296"/>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13</v>
      </c>
      <c r="B16" s="484"/>
      <c r="C16" s="484"/>
      <c r="D16" s="484"/>
      <c r="E16" s="485"/>
      <c r="F16" s="1316" t="s">
        <v>1030</v>
      </c>
      <c r="G16" s="1317"/>
      <c r="H16" s="1317"/>
      <c r="I16" s="1317"/>
      <c r="J16" s="1317"/>
      <c r="K16" s="1317"/>
      <c r="L16" s="1317"/>
      <c r="M16" s="1318"/>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92" t="s">
        <v>220</v>
      </c>
      <c r="AO16" s="293"/>
      <c r="AP16" s="293"/>
      <c r="AQ16" s="293"/>
      <c r="AR16" s="293"/>
      <c r="AS16" s="293"/>
      <c r="AT16" s="856" t="s">
        <v>618</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36" t="s">
        <v>733</v>
      </c>
      <c r="G17" s="337"/>
      <c r="H17" s="337"/>
      <c r="I17" s="337"/>
      <c r="J17" s="337"/>
      <c r="K17" s="337"/>
      <c r="L17" s="337"/>
      <c r="M17" s="338"/>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95"/>
      <c r="AO17" s="296"/>
      <c r="AP17" s="296"/>
      <c r="AQ17" s="296"/>
      <c r="AR17" s="296"/>
      <c r="AS17" s="296"/>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39"/>
      <c r="G18" s="340"/>
      <c r="H18" s="340"/>
      <c r="I18" s="340"/>
      <c r="J18" s="340"/>
      <c r="K18" s="340"/>
      <c r="L18" s="340"/>
      <c r="M18" s="341"/>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92" t="s">
        <v>221</v>
      </c>
      <c r="AO18" s="293"/>
      <c r="AP18" s="293"/>
      <c r="AQ18" s="293"/>
      <c r="AR18" s="293"/>
      <c r="AS18" s="293"/>
      <c r="AT18" s="856" t="s">
        <v>1262</v>
      </c>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95"/>
      <c r="AO19" s="296"/>
      <c r="AP19" s="296"/>
      <c r="AQ19" s="296"/>
      <c r="AR19" s="296"/>
      <c r="AS19" s="296"/>
      <c r="AT19" s="856"/>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92" t="s">
        <v>222</v>
      </c>
      <c r="AO20" s="293"/>
      <c r="AP20" s="293"/>
      <c r="AQ20" s="293"/>
      <c r="AR20" s="293"/>
      <c r="AS20" s="293"/>
      <c r="AT20" s="856" t="s">
        <v>1263</v>
      </c>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1319"/>
      <c r="R21" s="1320"/>
      <c r="S21" s="1320"/>
      <c r="T21" s="1320"/>
      <c r="U21" s="1320"/>
      <c r="V21" s="1320"/>
      <c r="W21" s="1320"/>
      <c r="X21" s="1320"/>
      <c r="Y21" s="1320"/>
      <c r="Z21" s="1320"/>
      <c r="AA21" s="1320"/>
      <c r="AB21" s="1320"/>
      <c r="AC21" s="1320"/>
      <c r="AD21" s="1320"/>
      <c r="AE21" s="1320"/>
      <c r="AF21" s="1320"/>
      <c r="AG21" s="1320"/>
      <c r="AH21" s="1320"/>
      <c r="AI21" s="1320"/>
      <c r="AJ21" s="1320"/>
      <c r="AK21" s="1320"/>
      <c r="AL21" s="1321"/>
      <c r="AM21" s="5"/>
      <c r="AN21" s="295"/>
      <c r="AO21" s="296"/>
      <c r="AP21" s="296"/>
      <c r="AQ21" s="296"/>
      <c r="AR21" s="296"/>
      <c r="AS21" s="296"/>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844" t="s">
        <v>1031</v>
      </c>
      <c r="G22" s="845"/>
      <c r="H22" s="845"/>
      <c r="I22" s="845"/>
      <c r="J22" s="845"/>
      <c r="K22" s="845"/>
      <c r="L22" s="845"/>
      <c r="M22" s="845"/>
      <c r="N22" s="523"/>
      <c r="O22" s="416" t="s">
        <v>258</v>
      </c>
      <c r="P22" s="417"/>
      <c r="Q22" s="486" t="s">
        <v>619</v>
      </c>
      <c r="R22" s="487"/>
      <c r="S22" s="487"/>
      <c r="T22" s="487"/>
      <c r="U22" s="487"/>
      <c r="V22" s="487"/>
      <c r="W22" s="487"/>
      <c r="X22" s="487"/>
      <c r="Y22" s="487"/>
      <c r="Z22" s="487"/>
      <c r="AA22" s="487"/>
      <c r="AB22" s="487"/>
      <c r="AC22" s="487"/>
      <c r="AD22" s="487"/>
      <c r="AE22" s="487"/>
      <c r="AF22" s="487"/>
      <c r="AG22" s="487"/>
      <c r="AH22" s="487"/>
      <c r="AI22" s="487"/>
      <c r="AJ22" s="487"/>
      <c r="AK22" s="487"/>
      <c r="AL22" s="488"/>
      <c r="AM22" s="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3" ph="1"/>
      <c r="CR22" s="3" ph="1"/>
      <c r="CS22" s="3" ph="1"/>
      <c r="CT22" s="3" ph="1"/>
      <c r="CU22" s="3" ph="1"/>
      <c r="CV22" s="3" ph="1"/>
    </row>
    <row r="23" spans="1:100" ht="17.25" customHeight="1" x14ac:dyDescent="0.15">
      <c r="A23" s="328"/>
      <c r="B23" s="328"/>
      <c r="C23" s="328"/>
      <c r="D23" s="328"/>
      <c r="E23" s="328"/>
      <c r="F23" s="336" t="s">
        <v>704</v>
      </c>
      <c r="G23" s="337"/>
      <c r="H23" s="337"/>
      <c r="I23" s="337"/>
      <c r="J23" s="337"/>
      <c r="K23" s="337"/>
      <c r="L23" s="337"/>
      <c r="M23" s="338"/>
      <c r="N23" s="523"/>
      <c r="O23" s="420"/>
      <c r="P23" s="421"/>
      <c r="Q23" s="342">
        <v>27974</v>
      </c>
      <c r="R23" s="343"/>
      <c r="S23" s="343"/>
      <c r="T23" s="343"/>
      <c r="U23" s="343"/>
      <c r="V23" s="343"/>
      <c r="W23" s="343"/>
      <c r="X23" s="343"/>
      <c r="Y23" s="343"/>
      <c r="Z23" s="343"/>
      <c r="AA23" s="343"/>
      <c r="AB23" s="343"/>
      <c r="AC23" s="343"/>
      <c r="AD23" s="343"/>
      <c r="AE23" s="343"/>
      <c r="AF23" s="343"/>
      <c r="AG23" s="343"/>
      <c r="AH23" s="343"/>
      <c r="AI23" s="343"/>
      <c r="AJ23" s="343"/>
      <c r="AK23" s="343"/>
      <c r="AL23" s="344"/>
      <c r="AM23" s="5"/>
      <c r="AN23" s="2" t="s">
        <v>738</v>
      </c>
      <c r="AO23" s="487" t="s">
        <v>1495</v>
      </c>
      <c r="AP23" s="1324"/>
      <c r="AQ23" s="1324"/>
      <c r="AR23" s="1324"/>
      <c r="AS23" s="1324"/>
      <c r="AT23" s="1324"/>
      <c r="AU23" s="1324"/>
      <c r="AV23" s="1324"/>
      <c r="AW23" s="1324"/>
      <c r="AX23" s="1324"/>
      <c r="AY23" s="1324"/>
      <c r="AZ23" s="1324"/>
      <c r="BA23" s="1324"/>
      <c r="BB23" s="1324"/>
      <c r="BC23" s="1324"/>
      <c r="BD23" s="1324"/>
      <c r="BE23" s="1324"/>
      <c r="BF23" s="1324"/>
      <c r="BG23" s="1324"/>
      <c r="BH23" s="1324"/>
      <c r="BI23" s="1324"/>
      <c r="BJ23" s="1324"/>
      <c r="BK23" s="1324"/>
      <c r="BL23" s="1324"/>
      <c r="BM23" s="1324"/>
      <c r="BN23" s="1324"/>
      <c r="BO23" s="1324"/>
      <c r="BP23" s="1324"/>
      <c r="BQ23" s="1324"/>
      <c r="BR23" s="1324"/>
      <c r="BS23" s="1324"/>
      <c r="BT23" s="1324"/>
      <c r="BU23" s="1324"/>
      <c r="BV23" s="1324"/>
      <c r="BW23" s="1324"/>
      <c r="BX23" s="1324"/>
      <c r="BY23" s="1324"/>
      <c r="BZ23" s="1324"/>
      <c r="CA23" s="1324"/>
      <c r="CB23" s="1324"/>
      <c r="CC23" s="1324"/>
      <c r="CD23" s="1324"/>
      <c r="CE23" s="1324"/>
      <c r="CF23" s="1324"/>
      <c r="CG23" s="1324"/>
      <c r="CH23" s="1324"/>
      <c r="CI23" s="1324"/>
      <c r="CJ23" s="1324"/>
      <c r="CK23" s="1324"/>
      <c r="CL23" s="1324"/>
      <c r="CM23" s="1325"/>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382" t="s">
        <v>260</v>
      </c>
      <c r="P24" s="485"/>
      <c r="Q24" s="486" t="s">
        <v>620</v>
      </c>
      <c r="R24" s="487"/>
      <c r="S24" s="487"/>
      <c r="T24" s="487"/>
      <c r="U24" s="487"/>
      <c r="V24" s="487"/>
      <c r="W24" s="487"/>
      <c r="X24" s="487"/>
      <c r="Y24" s="487"/>
      <c r="Z24" s="487"/>
      <c r="AA24" s="487"/>
      <c r="AB24" s="487"/>
      <c r="AC24" s="487"/>
      <c r="AD24" s="487"/>
      <c r="AE24" s="487"/>
      <c r="AF24" s="487"/>
      <c r="AG24" s="487"/>
      <c r="AH24" s="487"/>
      <c r="AI24" s="487"/>
      <c r="AJ24" s="487"/>
      <c r="AK24" s="487"/>
      <c r="AL24" s="488"/>
      <c r="AM24" s="5"/>
      <c r="AN24" s="37" t="s">
        <v>738</v>
      </c>
      <c r="AO24" s="556" t="s">
        <v>1494</v>
      </c>
      <c r="AP24" s="1217"/>
      <c r="AQ24" s="1217"/>
      <c r="AR24" s="1217"/>
      <c r="AS24" s="1217"/>
      <c r="AT24" s="1217"/>
      <c r="AU24" s="1217"/>
      <c r="AV24" s="1217"/>
      <c r="AW24" s="1217"/>
      <c r="AX24" s="1217"/>
      <c r="AY24" s="1217"/>
      <c r="AZ24" s="1217"/>
      <c r="BA24" s="1217"/>
      <c r="BB24" s="1217"/>
      <c r="BC24" s="1217"/>
      <c r="BD24" s="1217"/>
      <c r="BE24" s="1217"/>
      <c r="BF24" s="1217"/>
      <c r="BG24" s="1217"/>
      <c r="BH24" s="1217"/>
      <c r="BI24" s="1217"/>
      <c r="BJ24" s="1217"/>
      <c r="BK24" s="1217"/>
      <c r="BL24" s="1217"/>
      <c r="BM24" s="1217"/>
      <c r="BN24" s="1217"/>
      <c r="BO24" s="1217"/>
      <c r="BP24" s="1217"/>
      <c r="BQ24" s="1217"/>
      <c r="BR24" s="1217"/>
      <c r="BS24" s="1217"/>
      <c r="BT24" s="1217"/>
      <c r="BU24" s="1217"/>
      <c r="BV24" s="1217"/>
      <c r="BW24" s="1217"/>
      <c r="BX24" s="1217"/>
      <c r="BY24" s="1217"/>
      <c r="BZ24" s="1217"/>
      <c r="CA24" s="1217"/>
      <c r="CB24" s="1217"/>
      <c r="CC24" s="1217"/>
      <c r="CD24" s="1217"/>
      <c r="CE24" s="1217"/>
      <c r="CF24" s="1217"/>
      <c r="CG24" s="1217"/>
      <c r="CH24" s="1217"/>
      <c r="CI24" s="1217"/>
      <c r="CJ24" s="1217"/>
      <c r="CK24" s="1217"/>
      <c r="CL24" s="1217"/>
      <c r="CM24" s="1218"/>
      <c r="CQ24" s="3" ph="1"/>
      <c r="CR24" s="3" ph="1"/>
      <c r="CS24" s="3" ph="1"/>
      <c r="CT24" s="3" ph="1"/>
      <c r="CU24" s="3" ph="1"/>
      <c r="CV24" s="3" ph="1"/>
    </row>
    <row r="25" spans="1:100" ht="17.25" customHeight="1" x14ac:dyDescent="0.15">
      <c r="A25" s="328" t="s">
        <v>263</v>
      </c>
      <c r="B25" s="328"/>
      <c r="C25" s="328"/>
      <c r="D25" s="328"/>
      <c r="E25" s="328"/>
      <c r="F25" s="330" t="s">
        <v>1297</v>
      </c>
      <c r="G25" s="331"/>
      <c r="H25" s="331"/>
      <c r="I25" s="331"/>
      <c r="J25" s="331"/>
      <c r="K25" s="331"/>
      <c r="L25" s="331"/>
      <c r="M25" s="331"/>
      <c r="N25" s="523"/>
      <c r="O25" s="361"/>
      <c r="P25" s="363"/>
      <c r="Q25" s="813">
        <v>25127</v>
      </c>
      <c r="R25" s="814"/>
      <c r="S25" s="814"/>
      <c r="T25" s="814"/>
      <c r="U25" s="814"/>
      <c r="V25" s="814"/>
      <c r="W25" s="814"/>
      <c r="X25" s="814"/>
      <c r="Y25" s="814"/>
      <c r="Z25" s="814"/>
      <c r="AA25" s="814"/>
      <c r="AB25" s="814"/>
      <c r="AC25" s="814"/>
      <c r="AD25" s="814"/>
      <c r="AE25" s="814"/>
      <c r="AF25" s="814"/>
      <c r="AG25" s="814"/>
      <c r="AH25" s="814"/>
      <c r="AI25" s="814"/>
      <c r="AJ25" s="814"/>
      <c r="AK25" s="814"/>
      <c r="AL25" s="815"/>
      <c r="AM25" s="5"/>
      <c r="AN25" s="37" t="s">
        <v>738</v>
      </c>
      <c r="AO25" s="556" t="s">
        <v>1195</v>
      </c>
      <c r="AP25" s="1217"/>
      <c r="AQ25" s="1217"/>
      <c r="AR25" s="1217"/>
      <c r="AS25" s="1217"/>
      <c r="AT25" s="1217"/>
      <c r="AU25" s="1217"/>
      <c r="AV25" s="1217"/>
      <c r="AW25" s="1217"/>
      <c r="AX25" s="1217"/>
      <c r="AY25" s="1217"/>
      <c r="AZ25" s="1217"/>
      <c r="BA25" s="1217"/>
      <c r="BB25" s="1217"/>
      <c r="BC25" s="1217"/>
      <c r="BD25" s="1217"/>
      <c r="BE25" s="1217"/>
      <c r="BF25" s="1217"/>
      <c r="BG25" s="1217"/>
      <c r="BH25" s="1217"/>
      <c r="BI25" s="1217"/>
      <c r="BJ25" s="1217"/>
      <c r="BK25" s="1217"/>
      <c r="BL25" s="1217"/>
      <c r="BM25" s="1217"/>
      <c r="BN25" s="1217"/>
      <c r="BO25" s="1217"/>
      <c r="BP25" s="1217"/>
      <c r="BQ25" s="1217"/>
      <c r="BR25" s="1217"/>
      <c r="BS25" s="1217"/>
      <c r="BT25" s="1217"/>
      <c r="BU25" s="1217"/>
      <c r="BV25" s="1217"/>
      <c r="BW25" s="1217"/>
      <c r="BX25" s="1217"/>
      <c r="BY25" s="1217"/>
      <c r="BZ25" s="1217"/>
      <c r="CA25" s="1217"/>
      <c r="CB25" s="1217"/>
      <c r="CC25" s="1217"/>
      <c r="CD25" s="1217"/>
      <c r="CE25" s="1217"/>
      <c r="CF25" s="1217"/>
      <c r="CG25" s="1217"/>
      <c r="CH25" s="1217"/>
      <c r="CI25" s="1217"/>
      <c r="CJ25" s="1217"/>
      <c r="CK25" s="1217"/>
      <c r="CL25" s="1217"/>
      <c r="CM25" s="1218"/>
      <c r="CQ25" s="3" ph="1"/>
      <c r="CR25" s="3" ph="1"/>
      <c r="CS25" s="3" ph="1"/>
      <c r="CT25" s="3" ph="1"/>
      <c r="CU25" s="3" ph="1"/>
      <c r="CV25" s="3" ph="1"/>
    </row>
    <row r="26" spans="1:100" ht="17.25" customHeight="1" x14ac:dyDescent="0.15">
      <c r="A26" s="328"/>
      <c r="B26" s="328"/>
      <c r="C26" s="328"/>
      <c r="D26" s="328"/>
      <c r="E26" s="328"/>
      <c r="F26" s="564" t="s">
        <v>1296</v>
      </c>
      <c r="G26" s="565"/>
      <c r="H26" s="565"/>
      <c r="I26" s="565"/>
      <c r="J26" s="565"/>
      <c r="K26" s="565"/>
      <c r="L26" s="565"/>
      <c r="M26" s="566"/>
      <c r="N26" s="523"/>
      <c r="O26" s="382" t="s">
        <v>264</v>
      </c>
      <c r="P26" s="485"/>
      <c r="Q26" s="486" t="s">
        <v>1032</v>
      </c>
      <c r="R26" s="487"/>
      <c r="S26" s="487"/>
      <c r="T26" s="487"/>
      <c r="U26" s="487"/>
      <c r="V26" s="487"/>
      <c r="W26" s="487"/>
      <c r="X26" s="487"/>
      <c r="Y26" s="487"/>
      <c r="Z26" s="488"/>
      <c r="AA26" s="995" t="s">
        <v>83</v>
      </c>
      <c r="AB26" s="1322"/>
      <c r="AC26" s="486" t="s">
        <v>1033</v>
      </c>
      <c r="AD26" s="487"/>
      <c r="AE26" s="487"/>
      <c r="AF26" s="487"/>
      <c r="AG26" s="487"/>
      <c r="AH26" s="487"/>
      <c r="AI26" s="487"/>
      <c r="AJ26" s="487"/>
      <c r="AK26" s="487"/>
      <c r="AL26" s="488"/>
      <c r="AM26" s="5"/>
      <c r="AN26" s="37" t="s">
        <v>738</v>
      </c>
      <c r="AO26" s="556" t="s">
        <v>1196</v>
      </c>
      <c r="AP26" s="1217"/>
      <c r="AQ26" s="1217"/>
      <c r="AR26" s="1217"/>
      <c r="AS26" s="1217"/>
      <c r="AT26" s="1217"/>
      <c r="AU26" s="1217"/>
      <c r="AV26" s="1217"/>
      <c r="AW26" s="1217"/>
      <c r="AX26" s="1217"/>
      <c r="AY26" s="1217"/>
      <c r="AZ26" s="1217"/>
      <c r="BA26" s="1217"/>
      <c r="BB26" s="1217"/>
      <c r="BC26" s="1217"/>
      <c r="BD26" s="1217"/>
      <c r="BE26" s="1217"/>
      <c r="BF26" s="1217"/>
      <c r="BG26" s="1217"/>
      <c r="BH26" s="1217"/>
      <c r="BI26" s="1217"/>
      <c r="BJ26" s="1217"/>
      <c r="BK26" s="1217"/>
      <c r="BL26" s="1217"/>
      <c r="BM26" s="1217"/>
      <c r="BN26" s="1217"/>
      <c r="BO26" s="1217"/>
      <c r="BP26" s="1217"/>
      <c r="BQ26" s="1217"/>
      <c r="BR26" s="1217"/>
      <c r="BS26" s="1217"/>
      <c r="BT26" s="1217"/>
      <c r="BU26" s="1217"/>
      <c r="BV26" s="1217"/>
      <c r="BW26" s="1217"/>
      <c r="BX26" s="1217"/>
      <c r="BY26" s="1217"/>
      <c r="BZ26" s="1217"/>
      <c r="CA26" s="1217"/>
      <c r="CB26" s="1217"/>
      <c r="CC26" s="1217"/>
      <c r="CD26" s="1217"/>
      <c r="CE26" s="1217"/>
      <c r="CF26" s="1217"/>
      <c r="CG26" s="1217"/>
      <c r="CH26" s="1217"/>
      <c r="CI26" s="1217"/>
      <c r="CJ26" s="1217"/>
      <c r="CK26" s="1217"/>
      <c r="CL26" s="1217"/>
      <c r="CM26" s="1218"/>
      <c r="CN26" s="33"/>
      <c r="CQ26" s="3" ph="1"/>
      <c r="CR26" s="3" ph="1"/>
      <c r="CS26" s="3" ph="1"/>
      <c r="CT26" s="3" ph="1"/>
      <c r="CU26" s="3" ph="1"/>
      <c r="CV26" s="3" ph="1"/>
    </row>
    <row r="27" spans="1:100" ht="17.25" customHeight="1" x14ac:dyDescent="0.15">
      <c r="A27" s="329"/>
      <c r="B27" s="329"/>
      <c r="C27" s="329"/>
      <c r="D27" s="329"/>
      <c r="E27" s="329"/>
      <c r="F27" s="567"/>
      <c r="G27" s="568"/>
      <c r="H27" s="568"/>
      <c r="I27" s="568"/>
      <c r="J27" s="568"/>
      <c r="K27" s="568"/>
      <c r="L27" s="568"/>
      <c r="M27" s="569"/>
      <c r="N27" s="523"/>
      <c r="O27" s="364"/>
      <c r="P27" s="366"/>
      <c r="Q27" s="342">
        <v>31685</v>
      </c>
      <c r="R27" s="343"/>
      <c r="S27" s="343"/>
      <c r="T27" s="343"/>
      <c r="U27" s="343"/>
      <c r="V27" s="343"/>
      <c r="W27" s="343"/>
      <c r="X27" s="343"/>
      <c r="Y27" s="343"/>
      <c r="Z27" s="344"/>
      <c r="AA27" s="997"/>
      <c r="AB27" s="1323"/>
      <c r="AC27" s="342">
        <v>39873</v>
      </c>
      <c r="AD27" s="343"/>
      <c r="AE27" s="343"/>
      <c r="AF27" s="343"/>
      <c r="AG27" s="343"/>
      <c r="AH27" s="343"/>
      <c r="AI27" s="343"/>
      <c r="AJ27" s="343"/>
      <c r="AK27" s="343"/>
      <c r="AL27" s="344"/>
      <c r="AM27" s="5"/>
      <c r="AN27" s="17" t="s">
        <v>738</v>
      </c>
      <c r="AO27" s="552" t="s">
        <v>1070</v>
      </c>
      <c r="AP27" s="1214"/>
      <c r="AQ27" s="1214"/>
      <c r="AR27" s="1214"/>
      <c r="AS27" s="1214"/>
      <c r="AT27" s="1214"/>
      <c r="AU27" s="1214"/>
      <c r="AV27" s="1214"/>
      <c r="AW27" s="1214"/>
      <c r="AX27" s="1214"/>
      <c r="AY27" s="1214"/>
      <c r="AZ27" s="1214"/>
      <c r="BA27" s="1214"/>
      <c r="BB27" s="1214"/>
      <c r="BC27" s="1214"/>
      <c r="BD27" s="1214"/>
      <c r="BE27" s="1214"/>
      <c r="BF27" s="1214"/>
      <c r="BG27" s="1214"/>
      <c r="BH27" s="1214"/>
      <c r="BI27" s="1214"/>
      <c r="BJ27" s="1214"/>
      <c r="BK27" s="1214"/>
      <c r="BL27" s="1214"/>
      <c r="BM27" s="1214"/>
      <c r="BN27" s="1214"/>
      <c r="BO27" s="1214"/>
      <c r="BP27" s="1214"/>
      <c r="BQ27" s="1214"/>
      <c r="BR27" s="1214"/>
      <c r="BS27" s="1214"/>
      <c r="BT27" s="1214"/>
      <c r="BU27" s="1214"/>
      <c r="BV27" s="1214"/>
      <c r="BW27" s="1214"/>
      <c r="BX27" s="1214"/>
      <c r="BY27" s="1214"/>
      <c r="BZ27" s="1214"/>
      <c r="CA27" s="1214"/>
      <c r="CB27" s="1214"/>
      <c r="CC27" s="1214"/>
      <c r="CD27" s="1214"/>
      <c r="CE27" s="1214"/>
      <c r="CF27" s="1214"/>
      <c r="CG27" s="1214"/>
      <c r="CH27" s="1214"/>
      <c r="CI27" s="1214"/>
      <c r="CJ27" s="1214"/>
      <c r="CK27" s="1214"/>
      <c r="CL27" s="1214"/>
      <c r="CM27" s="1215"/>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1261</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8" t="s">
        <v>16</v>
      </c>
      <c r="AO29" s="349" t="s">
        <v>1197</v>
      </c>
      <c r="AP29" s="349"/>
      <c r="AQ29" s="349"/>
      <c r="AR29" s="349"/>
      <c r="AS29" s="349"/>
      <c r="AT29" s="349"/>
      <c r="AU29" s="349"/>
      <c r="AV29" s="349"/>
      <c r="AW29" s="349"/>
      <c r="AX29" s="349"/>
      <c r="AY29" s="349"/>
      <c r="AZ29" s="349"/>
      <c r="BA29" s="349"/>
      <c r="BB29" s="349"/>
      <c r="BC29" s="349"/>
      <c r="BD29" s="349"/>
      <c r="BE29" s="349"/>
      <c r="BF29" s="349"/>
      <c r="BG29" s="349"/>
      <c r="BH29" s="349"/>
      <c r="BI29" s="349"/>
      <c r="BJ29" s="349"/>
      <c r="BK29" s="349"/>
      <c r="BL29" s="349"/>
      <c r="BM29" s="349"/>
      <c r="BN29" s="349"/>
      <c r="BO29" s="349"/>
      <c r="BP29" s="350"/>
      <c r="BQ29" s="53"/>
      <c r="BR29" s="101"/>
      <c r="BS29" s="15"/>
      <c r="BT29" s="1"/>
      <c r="BU29" s="1"/>
      <c r="BV29" s="1"/>
      <c r="BW29" s="1"/>
      <c r="BX29" s="1"/>
      <c r="BY29" s="1"/>
      <c r="BZ29" s="1"/>
      <c r="CA29" s="1"/>
      <c r="CB29" s="129"/>
      <c r="CC29" s="129"/>
      <c r="CD29" s="129"/>
      <c r="CE29" s="129"/>
      <c r="CF29" s="129"/>
      <c r="CG29" s="129"/>
      <c r="CH29" s="129"/>
      <c r="CI29" s="129"/>
      <c r="CJ29" s="129"/>
      <c r="CK29" s="129"/>
      <c r="CL29" s="129"/>
      <c r="CM29" s="129"/>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9" t="s">
        <v>16</v>
      </c>
      <c r="AO30" s="351" t="s">
        <v>1198</v>
      </c>
      <c r="AP30" s="351"/>
      <c r="AQ30" s="351"/>
      <c r="AR30" s="351"/>
      <c r="AS30" s="351"/>
      <c r="AT30" s="351"/>
      <c r="AU30" s="351"/>
      <c r="AV30" s="351"/>
      <c r="AW30" s="351"/>
      <c r="AX30" s="351"/>
      <c r="AY30" s="351"/>
      <c r="AZ30" s="351"/>
      <c r="BA30" s="351"/>
      <c r="BB30" s="351"/>
      <c r="BC30" s="351"/>
      <c r="BD30" s="351"/>
      <c r="BE30" s="351"/>
      <c r="BF30" s="351"/>
      <c r="BG30" s="351"/>
      <c r="BH30" s="351"/>
      <c r="BI30" s="351"/>
      <c r="BJ30" s="351"/>
      <c r="BK30" s="351"/>
      <c r="BL30" s="351"/>
      <c r="BM30" s="351"/>
      <c r="BN30" s="351"/>
      <c r="BO30" s="351"/>
      <c r="BP30" s="352"/>
      <c r="BQ30" s="53"/>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9" t="s">
        <v>16</v>
      </c>
      <c r="AO31" s="351" t="s">
        <v>621</v>
      </c>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54"/>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9" t="s">
        <v>772</v>
      </c>
      <c r="AO32" s="351" t="s">
        <v>1199</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160"/>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72"/>
      <c r="B33" s="473"/>
      <c r="C33" s="473"/>
      <c r="D33" s="473"/>
      <c r="E33" s="473"/>
      <c r="F33" s="473"/>
      <c r="G33" s="473"/>
      <c r="H33" s="473"/>
      <c r="I33" s="473"/>
      <c r="J33" s="473"/>
      <c r="K33" s="473"/>
      <c r="L33" s="473"/>
      <c r="M33" s="473"/>
      <c r="N33" s="473"/>
      <c r="O33" s="473"/>
      <c r="P33" s="473"/>
      <c r="Q33" s="473"/>
      <c r="R33" s="473"/>
      <c r="S33" s="473"/>
      <c r="T33" s="473"/>
      <c r="U33" s="473"/>
      <c r="V33" s="473"/>
      <c r="W33" s="473"/>
      <c r="X33" s="473"/>
      <c r="Y33" s="473"/>
      <c r="Z33" s="473"/>
      <c r="AA33" s="473"/>
      <c r="AB33" s="473"/>
      <c r="AC33" s="473"/>
      <c r="AD33" s="473"/>
      <c r="AE33" s="473"/>
      <c r="AF33" s="473"/>
      <c r="AG33" s="473"/>
      <c r="AH33" s="473"/>
      <c r="AI33" s="473"/>
      <c r="AJ33" s="473"/>
      <c r="AK33" s="473"/>
      <c r="AL33" s="474"/>
      <c r="AM33" s="5"/>
      <c r="AN33" s="40" t="s">
        <v>772</v>
      </c>
      <c r="AO33" s="1003" t="s">
        <v>1200</v>
      </c>
      <c r="AP33" s="1003"/>
      <c r="AQ33" s="1003"/>
      <c r="AR33" s="1003"/>
      <c r="AS33" s="1003"/>
      <c r="AT33" s="1003"/>
      <c r="AU33" s="1003"/>
      <c r="AV33" s="1003"/>
      <c r="AW33" s="1003"/>
      <c r="AX33" s="1003"/>
      <c r="AY33" s="1003"/>
      <c r="AZ33" s="1003"/>
      <c r="BA33" s="1003"/>
      <c r="BB33" s="1003"/>
      <c r="BC33" s="1003"/>
      <c r="BD33" s="1003"/>
      <c r="BE33" s="1003"/>
      <c r="BF33" s="1003"/>
      <c r="BG33" s="1003"/>
      <c r="BH33" s="1003"/>
      <c r="BI33" s="1003"/>
      <c r="BJ33" s="1003"/>
      <c r="BK33" s="1003"/>
      <c r="BL33" s="1003"/>
      <c r="BM33" s="1003"/>
      <c r="BN33" s="1003"/>
      <c r="BO33" s="1003"/>
      <c r="BP33" s="1004"/>
      <c r="BQ33" s="72"/>
      <c r="BR33" s="292" t="s">
        <v>267</v>
      </c>
      <c r="BS33" s="293"/>
      <c r="BT33" s="293"/>
      <c r="BU33" s="293"/>
      <c r="BV33" s="293"/>
      <c r="BW33" s="293"/>
      <c r="BX33" s="294"/>
      <c r="BY33" s="284">
        <v>69</v>
      </c>
      <c r="BZ33" s="285"/>
      <c r="CA33" s="285"/>
      <c r="CB33" s="285"/>
      <c r="CC33" s="285"/>
      <c r="CD33" s="285"/>
      <c r="CE33" s="285"/>
      <c r="CF33" s="285"/>
      <c r="CG33" s="288"/>
      <c r="CH33" s="286">
        <v>1.1550100000000001</v>
      </c>
      <c r="CI33" s="286"/>
      <c r="CJ33" s="286"/>
      <c r="CK33" s="286"/>
      <c r="CL33" s="286"/>
      <c r="CM33" s="286"/>
      <c r="CQ33" s="3" ph="1"/>
      <c r="CR33" s="3" ph="1"/>
      <c r="CS33" s="3" ph="1"/>
      <c r="CT33" s="3" ph="1"/>
      <c r="CU33" s="3" ph="1"/>
      <c r="CV33" s="3" ph="1"/>
    </row>
    <row r="34" spans="1:100" ht="17.25" customHeight="1" x14ac:dyDescent="0.15">
      <c r="A34" s="255" t="s">
        <v>274</v>
      </c>
      <c r="B34" s="255"/>
      <c r="C34" s="255"/>
      <c r="D34" s="255"/>
      <c r="E34" s="255"/>
      <c r="F34" s="255"/>
      <c r="G34" s="255"/>
      <c r="H34" s="255"/>
      <c r="I34" s="255"/>
      <c r="J34" s="255"/>
      <c r="K34" s="255"/>
      <c r="L34" s="255"/>
      <c r="M34" s="255"/>
      <c r="N34" s="145"/>
      <c r="O34" s="388" t="s">
        <v>275</v>
      </c>
      <c r="P34" s="388"/>
      <c r="Q34" s="388"/>
      <c r="R34" s="388"/>
      <c r="S34" s="388"/>
      <c r="T34" s="388"/>
      <c r="U34" s="388"/>
      <c r="V34" s="388"/>
      <c r="W34" s="388"/>
      <c r="X34" s="388"/>
      <c r="Y34" s="388"/>
      <c r="Z34" s="388"/>
      <c r="AA34" s="388"/>
      <c r="AB34" s="388"/>
      <c r="AC34" s="388"/>
      <c r="AD34" s="388"/>
      <c r="AE34" s="388"/>
      <c r="AF34" s="388"/>
      <c r="AG34" s="388"/>
      <c r="AH34" s="388"/>
      <c r="AI34" s="388"/>
      <c r="AJ34" s="388"/>
      <c r="AK34" s="388"/>
      <c r="AL34" s="388"/>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785" t="s">
        <v>316</v>
      </c>
      <c r="B35" s="786"/>
      <c r="C35" s="786"/>
      <c r="D35" s="786"/>
      <c r="E35" s="786"/>
      <c r="F35" s="786"/>
      <c r="G35" s="786"/>
      <c r="H35" s="786"/>
      <c r="I35" s="786"/>
      <c r="J35" s="786"/>
      <c r="K35" s="786"/>
      <c r="L35" s="786"/>
      <c r="M35" s="787"/>
      <c r="N35" s="129"/>
      <c r="O35" s="311" t="s">
        <v>73</v>
      </c>
      <c r="P35" s="312"/>
      <c r="Q35" s="312"/>
      <c r="R35" s="312"/>
      <c r="S35" s="312"/>
      <c r="T35" s="312"/>
      <c r="U35" s="312"/>
      <c r="V35" s="312"/>
      <c r="W35" s="312"/>
      <c r="X35" s="312"/>
      <c r="Y35" s="312"/>
      <c r="Z35" s="312"/>
      <c r="AA35" s="312"/>
      <c r="AB35" s="312"/>
      <c r="AC35" s="312"/>
      <c r="AD35" s="312"/>
      <c r="AE35" s="312"/>
      <c r="AF35" s="312"/>
      <c r="AG35" s="312"/>
      <c r="AH35" s="312"/>
      <c r="AI35" s="312"/>
      <c r="AJ35" s="312"/>
      <c r="AK35" s="312"/>
      <c r="AL35" s="313"/>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532</v>
      </c>
      <c r="BZ35" s="681"/>
      <c r="CA35" s="682"/>
      <c r="CB35" s="682"/>
      <c r="CC35" s="682"/>
      <c r="CD35" s="682"/>
      <c r="CE35" s="682"/>
      <c r="CF35" s="682"/>
      <c r="CG35" s="682"/>
      <c r="CH35" s="683">
        <v>8.9052600000000002</v>
      </c>
      <c r="CI35" s="683"/>
      <c r="CJ35" s="683"/>
      <c r="CK35" s="683"/>
      <c r="CL35" s="683"/>
      <c r="CM35" s="683"/>
      <c r="CQ35" s="3" ph="1"/>
    </row>
    <row r="36" spans="1:100" ht="17.25" customHeight="1" x14ac:dyDescent="0.15">
      <c r="A36" s="251">
        <v>22717</v>
      </c>
      <c r="B36" s="252"/>
      <c r="C36" s="252"/>
      <c r="D36" s="252"/>
      <c r="E36" s="252"/>
      <c r="F36" s="252"/>
      <c r="G36" s="252"/>
      <c r="H36" s="252"/>
      <c r="I36" s="252"/>
      <c r="J36" s="252"/>
      <c r="K36" s="252"/>
      <c r="L36" s="252"/>
      <c r="M36" s="253"/>
      <c r="N36" s="129"/>
      <c r="O36" s="272" t="s">
        <v>74</v>
      </c>
      <c r="P36" s="874"/>
      <c r="Q36" s="874"/>
      <c r="R36" s="874"/>
      <c r="S36" s="874"/>
      <c r="T36" s="874"/>
      <c r="U36" s="874"/>
      <c r="V36" s="874"/>
      <c r="W36" s="874"/>
      <c r="X36" s="874"/>
      <c r="Y36" s="874"/>
      <c r="Z36" s="874"/>
      <c r="AA36" s="874"/>
      <c r="AB36" s="874"/>
      <c r="AC36" s="874"/>
      <c r="AD36" s="874"/>
      <c r="AE36" s="874"/>
      <c r="AF36" s="874"/>
      <c r="AG36" s="874"/>
      <c r="AH36" s="874"/>
      <c r="AI36" s="874"/>
      <c r="AJ36" s="874"/>
      <c r="AK36" s="874"/>
      <c r="AL36" s="875"/>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779" t="s">
        <v>622</v>
      </c>
      <c r="B37" s="780"/>
      <c r="C37" s="780"/>
      <c r="D37" s="780"/>
      <c r="E37" s="780"/>
      <c r="F37" s="780"/>
      <c r="G37" s="780"/>
      <c r="H37" s="780"/>
      <c r="I37" s="780"/>
      <c r="J37" s="780"/>
      <c r="K37" s="780"/>
      <c r="L37" s="780"/>
      <c r="M37" s="781"/>
      <c r="N37" s="129"/>
      <c r="O37" s="216" t="s">
        <v>144</v>
      </c>
      <c r="P37" s="874"/>
      <c r="Q37" s="874"/>
      <c r="R37" s="874"/>
      <c r="S37" s="874"/>
      <c r="T37" s="874"/>
      <c r="U37" s="874"/>
      <c r="V37" s="874"/>
      <c r="W37" s="874"/>
      <c r="X37" s="874"/>
      <c r="Y37" s="874"/>
      <c r="Z37" s="874"/>
      <c r="AA37" s="874"/>
      <c r="AB37" s="874"/>
      <c r="AC37" s="874"/>
      <c r="AD37" s="874"/>
      <c r="AE37" s="874"/>
      <c r="AF37" s="874"/>
      <c r="AG37" s="874"/>
      <c r="AH37" s="874"/>
      <c r="AI37" s="874"/>
      <c r="AJ37" s="874"/>
      <c r="AK37" s="874"/>
      <c r="AL37" s="875"/>
      <c r="AM37" s="5"/>
      <c r="AN37" s="287" t="s">
        <v>399</v>
      </c>
      <c r="AO37" s="287"/>
      <c r="AP37" s="287"/>
      <c r="AQ37" s="287"/>
      <c r="AR37" s="287"/>
      <c r="AS37" s="287"/>
      <c r="AT37" s="287"/>
      <c r="AU37" s="287"/>
      <c r="AV37" s="287"/>
      <c r="AW37" s="681">
        <v>11786</v>
      </c>
      <c r="AX37" s="681"/>
      <c r="AY37" s="681"/>
      <c r="AZ37" s="681"/>
      <c r="BA37" s="681"/>
      <c r="BB37" s="681"/>
      <c r="BC37" s="681"/>
      <c r="BD37" s="681"/>
      <c r="BE37" s="681"/>
      <c r="BF37" s="681"/>
      <c r="BG37" s="681">
        <v>6088</v>
      </c>
      <c r="BH37" s="681"/>
      <c r="BI37" s="681"/>
      <c r="BJ37" s="681"/>
      <c r="BK37" s="681"/>
      <c r="BL37" s="681"/>
      <c r="BM37" s="681"/>
      <c r="BN37" s="681"/>
      <c r="BO37" s="681"/>
      <c r="BP37" s="681"/>
      <c r="BQ37" s="149"/>
      <c r="BR37" s="680" t="s">
        <v>273</v>
      </c>
      <c r="BS37" s="680"/>
      <c r="BT37" s="680"/>
      <c r="BU37" s="680"/>
      <c r="BV37" s="680"/>
      <c r="BW37" s="680"/>
      <c r="BX37" s="680"/>
      <c r="BY37" s="681">
        <v>5373</v>
      </c>
      <c r="BZ37" s="681"/>
      <c r="CA37" s="682"/>
      <c r="CB37" s="682"/>
      <c r="CC37" s="682"/>
      <c r="CD37" s="682"/>
      <c r="CE37" s="682"/>
      <c r="CF37" s="682"/>
      <c r="CG37" s="682"/>
      <c r="CH37" s="683">
        <v>89.93974</v>
      </c>
      <c r="CI37" s="683"/>
      <c r="CJ37" s="683"/>
      <c r="CK37" s="683"/>
      <c r="CL37" s="683"/>
      <c r="CM37" s="683"/>
      <c r="CQ37" s="3" ph="1"/>
    </row>
    <row r="38" spans="1:100" ht="17.25" customHeight="1" x14ac:dyDescent="0.15">
      <c r="A38" s="251">
        <v>25645</v>
      </c>
      <c r="B38" s="252"/>
      <c r="C38" s="252"/>
      <c r="D38" s="252"/>
      <c r="E38" s="252"/>
      <c r="F38" s="252"/>
      <c r="G38" s="252"/>
      <c r="H38" s="252"/>
      <c r="I38" s="252"/>
      <c r="J38" s="252"/>
      <c r="K38" s="252"/>
      <c r="L38" s="252"/>
      <c r="M38" s="253"/>
      <c r="N38" s="129"/>
      <c r="O38" s="272" t="s">
        <v>230</v>
      </c>
      <c r="P38" s="874"/>
      <c r="Q38" s="874"/>
      <c r="R38" s="874"/>
      <c r="S38" s="874"/>
      <c r="T38" s="874"/>
      <c r="U38" s="874"/>
      <c r="V38" s="874"/>
      <c r="W38" s="874"/>
      <c r="X38" s="874"/>
      <c r="Y38" s="874"/>
      <c r="Z38" s="874"/>
      <c r="AA38" s="874"/>
      <c r="AB38" s="874"/>
      <c r="AC38" s="874"/>
      <c r="AD38" s="874"/>
      <c r="AE38" s="874"/>
      <c r="AF38" s="874"/>
      <c r="AG38" s="874"/>
      <c r="AH38" s="874"/>
      <c r="AI38" s="874"/>
      <c r="AJ38" s="874"/>
      <c r="AK38" s="874"/>
      <c r="AL38" s="875"/>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324" t="s">
        <v>623</v>
      </c>
      <c r="B39" s="325"/>
      <c r="C39" s="325"/>
      <c r="D39" s="325"/>
      <c r="E39" s="325"/>
      <c r="F39" s="325"/>
      <c r="G39" s="325"/>
      <c r="H39" s="325"/>
      <c r="I39" s="325"/>
      <c r="J39" s="325"/>
      <c r="K39" s="325"/>
      <c r="L39" s="325"/>
      <c r="M39" s="326"/>
      <c r="N39" s="152"/>
      <c r="O39" s="761" t="s">
        <v>209</v>
      </c>
      <c r="P39" s="774"/>
      <c r="Q39" s="774"/>
      <c r="R39" s="774"/>
      <c r="S39" s="774"/>
      <c r="T39" s="774"/>
      <c r="U39" s="774"/>
      <c r="V39" s="774"/>
      <c r="W39" s="774"/>
      <c r="X39" s="774"/>
      <c r="Y39" s="774"/>
      <c r="Z39" s="774"/>
      <c r="AA39" s="774"/>
      <c r="AB39" s="774"/>
      <c r="AC39" s="774"/>
      <c r="AD39" s="774"/>
      <c r="AE39" s="774"/>
      <c r="AF39" s="774"/>
      <c r="AG39" s="774"/>
      <c r="AH39" s="774"/>
      <c r="AI39" s="774"/>
      <c r="AJ39" s="774"/>
      <c r="AK39" s="774"/>
      <c r="AL39" s="775"/>
      <c r="AM39" s="5"/>
      <c r="AN39" s="300" t="s">
        <v>1059</v>
      </c>
      <c r="AO39" s="300"/>
      <c r="AP39" s="300"/>
      <c r="AQ39" s="300"/>
      <c r="AR39" s="300"/>
      <c r="AS39" s="300"/>
      <c r="AT39" s="300"/>
      <c r="AU39" s="300"/>
      <c r="AV39" s="300"/>
      <c r="AW39" s="681">
        <v>11293</v>
      </c>
      <c r="AX39" s="681"/>
      <c r="AY39" s="681"/>
      <c r="AZ39" s="682"/>
      <c r="BA39" s="682"/>
      <c r="BB39" s="682"/>
      <c r="BC39" s="682"/>
      <c r="BD39" s="682"/>
      <c r="BE39" s="682"/>
      <c r="BF39" s="682"/>
      <c r="BG39" s="681">
        <v>6360</v>
      </c>
      <c r="BH39" s="681"/>
      <c r="BI39" s="681"/>
      <c r="BJ39" s="681"/>
      <c r="BK39" s="681"/>
      <c r="BL39" s="681"/>
      <c r="BM39" s="681"/>
      <c r="BN39" s="681"/>
      <c r="BO39" s="681"/>
      <c r="BP39" s="681"/>
      <c r="BQ39" s="149"/>
      <c r="BR39" s="301" t="s">
        <v>1119</v>
      </c>
      <c r="BS39" s="293"/>
      <c r="BT39" s="293"/>
      <c r="BU39" s="293"/>
      <c r="BV39" s="293"/>
      <c r="BW39" s="293"/>
      <c r="BX39" s="294"/>
      <c r="BY39" s="681">
        <v>6274</v>
      </c>
      <c r="BZ39" s="681"/>
      <c r="CA39" s="682"/>
      <c r="CB39" s="682"/>
      <c r="CC39" s="682"/>
      <c r="CD39" s="682"/>
      <c r="CE39" s="682"/>
      <c r="CF39" s="682"/>
      <c r="CG39" s="682"/>
      <c r="CH39" s="683">
        <v>100</v>
      </c>
      <c r="CI39" s="683"/>
      <c r="CJ39" s="683"/>
      <c r="CK39" s="683"/>
      <c r="CL39" s="683"/>
      <c r="CM39" s="683"/>
    </row>
    <row r="40" spans="1:100" ht="17.25" customHeight="1" x14ac:dyDescent="0.15">
      <c r="A40" s="251">
        <v>25645</v>
      </c>
      <c r="B40" s="252"/>
      <c r="C40" s="252"/>
      <c r="D40" s="252"/>
      <c r="E40" s="252"/>
      <c r="F40" s="252"/>
      <c r="G40" s="252"/>
      <c r="H40" s="252"/>
      <c r="I40" s="252"/>
      <c r="J40" s="252"/>
      <c r="K40" s="252"/>
      <c r="L40" s="252"/>
      <c r="M40" s="253"/>
      <c r="N40" s="161"/>
      <c r="O40" s="1067" t="s">
        <v>624</v>
      </c>
      <c r="P40" s="556"/>
      <c r="Q40" s="556"/>
      <c r="R40" s="556"/>
      <c r="S40" s="556"/>
      <c r="T40" s="556"/>
      <c r="U40" s="556"/>
      <c r="V40" s="556"/>
      <c r="W40" s="556"/>
      <c r="X40" s="556"/>
      <c r="Y40" s="556"/>
      <c r="Z40" s="556"/>
      <c r="AA40" s="556"/>
      <c r="AB40" s="556"/>
      <c r="AC40" s="556"/>
      <c r="AD40" s="556"/>
      <c r="AE40" s="556"/>
      <c r="AF40" s="556"/>
      <c r="AG40" s="556"/>
      <c r="AH40" s="556"/>
      <c r="AI40" s="556"/>
      <c r="AJ40" s="556"/>
      <c r="AK40" s="556"/>
      <c r="AL40" s="557"/>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324" t="s">
        <v>625</v>
      </c>
      <c r="B41" s="325"/>
      <c r="C41" s="325"/>
      <c r="D41" s="325"/>
      <c r="E41" s="325"/>
      <c r="F41" s="325"/>
      <c r="G41" s="325"/>
      <c r="H41" s="325"/>
      <c r="I41" s="325"/>
      <c r="J41" s="325"/>
      <c r="K41" s="325"/>
      <c r="L41" s="325"/>
      <c r="M41" s="326"/>
      <c r="N41" s="161"/>
      <c r="O41" s="761" t="s">
        <v>1034</v>
      </c>
      <c r="P41" s="774"/>
      <c r="Q41" s="774"/>
      <c r="R41" s="774"/>
      <c r="S41" s="774"/>
      <c r="T41" s="774"/>
      <c r="U41" s="774"/>
      <c r="V41" s="774"/>
      <c r="W41" s="774"/>
      <c r="X41" s="774"/>
      <c r="Y41" s="774"/>
      <c r="Z41" s="774"/>
      <c r="AA41" s="774"/>
      <c r="AB41" s="774"/>
      <c r="AC41" s="774"/>
      <c r="AD41" s="774"/>
      <c r="AE41" s="774"/>
      <c r="AF41" s="774"/>
      <c r="AG41" s="774"/>
      <c r="AH41" s="774"/>
      <c r="AI41" s="774"/>
      <c r="AJ41" s="774"/>
      <c r="AK41" s="774"/>
      <c r="AL41" s="775"/>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v>35047</v>
      </c>
      <c r="B42" s="252"/>
      <c r="C42" s="252"/>
      <c r="D42" s="252"/>
      <c r="E42" s="252"/>
      <c r="F42" s="252"/>
      <c r="G42" s="252"/>
      <c r="H42" s="252"/>
      <c r="I42" s="252"/>
      <c r="J42" s="252"/>
      <c r="K42" s="252"/>
      <c r="L42" s="252"/>
      <c r="M42" s="253"/>
      <c r="N42" s="161"/>
      <c r="O42" s="933" t="s">
        <v>146</v>
      </c>
      <c r="P42" s="762"/>
      <c r="Q42" s="762"/>
      <c r="R42" s="762"/>
      <c r="S42" s="762"/>
      <c r="T42" s="762"/>
      <c r="U42" s="762"/>
      <c r="V42" s="762"/>
      <c r="W42" s="762"/>
      <c r="X42" s="762"/>
      <c r="Y42" s="762"/>
      <c r="Z42" s="762"/>
      <c r="AA42" s="762"/>
      <c r="AB42" s="762"/>
      <c r="AC42" s="762"/>
      <c r="AD42" s="762"/>
      <c r="AE42" s="762"/>
      <c r="AF42" s="762"/>
      <c r="AG42" s="762"/>
      <c r="AH42" s="762"/>
      <c r="AI42" s="762"/>
      <c r="AJ42" s="762"/>
      <c r="AK42" s="762"/>
      <c r="AL42" s="763"/>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t="s">
        <v>626</v>
      </c>
      <c r="B43" s="692"/>
      <c r="C43" s="692"/>
      <c r="D43" s="692"/>
      <c r="E43" s="692"/>
      <c r="F43" s="692"/>
      <c r="G43" s="692"/>
      <c r="H43" s="692"/>
      <c r="I43" s="692"/>
      <c r="J43" s="692"/>
      <c r="K43" s="692"/>
      <c r="L43" s="692"/>
      <c r="M43" s="693"/>
      <c r="N43" s="152"/>
      <c r="O43" s="933" t="s">
        <v>318</v>
      </c>
      <c r="P43" s="993"/>
      <c r="Q43" s="993"/>
      <c r="R43" s="993"/>
      <c r="S43" s="993"/>
      <c r="T43" s="993"/>
      <c r="U43" s="993"/>
      <c r="V43" s="993"/>
      <c r="W43" s="993"/>
      <c r="X43" s="993"/>
      <c r="Y43" s="993"/>
      <c r="Z43" s="993"/>
      <c r="AA43" s="993"/>
      <c r="AB43" s="993"/>
      <c r="AC43" s="993"/>
      <c r="AD43" s="993"/>
      <c r="AE43" s="993"/>
      <c r="AF43" s="993"/>
      <c r="AG43" s="993"/>
      <c r="AH43" s="993"/>
      <c r="AI43" s="993"/>
      <c r="AJ43" s="993"/>
      <c r="AK43" s="993"/>
      <c r="AL43" s="994"/>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v>38990</v>
      </c>
      <c r="B44" s="690"/>
      <c r="C44" s="690"/>
      <c r="D44" s="690"/>
      <c r="E44" s="690"/>
      <c r="F44" s="690"/>
      <c r="G44" s="690"/>
      <c r="H44" s="690"/>
      <c r="I44" s="690"/>
      <c r="J44" s="690"/>
      <c r="K44" s="690"/>
      <c r="L44" s="690"/>
      <c r="M44" s="691"/>
      <c r="N44" s="161"/>
      <c r="O44" s="933" t="s">
        <v>627</v>
      </c>
      <c r="P44" s="993"/>
      <c r="Q44" s="993"/>
      <c r="R44" s="993"/>
      <c r="S44" s="993"/>
      <c r="T44" s="993"/>
      <c r="U44" s="993"/>
      <c r="V44" s="993"/>
      <c r="W44" s="993"/>
      <c r="X44" s="993"/>
      <c r="Y44" s="993"/>
      <c r="Z44" s="993"/>
      <c r="AA44" s="993"/>
      <c r="AB44" s="993"/>
      <c r="AC44" s="993"/>
      <c r="AD44" s="993"/>
      <c r="AE44" s="993"/>
      <c r="AF44" s="993"/>
      <c r="AG44" s="993"/>
      <c r="AH44" s="993"/>
      <c r="AI44" s="993"/>
      <c r="AJ44" s="993"/>
      <c r="AK44" s="993"/>
      <c r="AL44" s="994"/>
      <c r="AM44" s="5"/>
      <c r="AN44" s="729">
        <v>121.6</v>
      </c>
      <c r="AO44" s="730"/>
      <c r="AP44" s="730"/>
      <c r="AQ44" s="730"/>
      <c r="AR44" s="730"/>
      <c r="AS44" s="727" t="s">
        <v>383</v>
      </c>
      <c r="AT44" s="727"/>
      <c r="AU44" s="727"/>
      <c r="AV44" s="728"/>
      <c r="AW44" s="729">
        <v>38.4</v>
      </c>
      <c r="AX44" s="730"/>
      <c r="AY44" s="730"/>
      <c r="AZ44" s="730"/>
      <c r="BA44" s="730"/>
      <c r="BB44" s="730"/>
      <c r="BC44" s="706" t="s">
        <v>384</v>
      </c>
      <c r="BD44" s="706"/>
      <c r="BE44" s="706"/>
      <c r="BF44" s="707"/>
      <c r="BG44" s="764">
        <v>153.30000000000001</v>
      </c>
      <c r="BH44" s="765"/>
      <c r="BI44" s="765"/>
      <c r="BJ44" s="765"/>
      <c r="BK44" s="765"/>
      <c r="BL44" s="765"/>
      <c r="BM44" s="706" t="s">
        <v>384</v>
      </c>
      <c r="BN44" s="706"/>
      <c r="BO44" s="706"/>
      <c r="BP44" s="707"/>
      <c r="BQ44" s="130"/>
      <c r="BR44" s="714">
        <v>92.86</v>
      </c>
      <c r="BS44" s="715"/>
      <c r="BT44" s="715"/>
      <c r="BU44" s="715"/>
      <c r="BV44" s="715"/>
      <c r="BW44" s="715"/>
      <c r="BX44" s="715"/>
      <c r="BY44" s="696" t="s">
        <v>385</v>
      </c>
      <c r="BZ44" s="696"/>
      <c r="CA44" s="696"/>
      <c r="CB44" s="697"/>
      <c r="CC44" s="718" t="s">
        <v>628</v>
      </c>
      <c r="CD44" s="719"/>
      <c r="CE44" s="719"/>
      <c r="CF44" s="719"/>
      <c r="CG44" s="719"/>
      <c r="CH44" s="719"/>
      <c r="CI44" s="719"/>
      <c r="CJ44" s="696" t="s">
        <v>386</v>
      </c>
      <c r="CK44" s="696"/>
      <c r="CL44" s="696"/>
      <c r="CM44" s="697"/>
    </row>
    <row r="45" spans="1:100" ht="17.25" customHeight="1" x14ac:dyDescent="0.15">
      <c r="A45" s="324" t="s">
        <v>629</v>
      </c>
      <c r="B45" s="692"/>
      <c r="C45" s="692"/>
      <c r="D45" s="692"/>
      <c r="E45" s="692"/>
      <c r="F45" s="692"/>
      <c r="G45" s="692"/>
      <c r="H45" s="692"/>
      <c r="I45" s="692"/>
      <c r="J45" s="692"/>
      <c r="K45" s="692"/>
      <c r="L45" s="692"/>
      <c r="M45" s="693"/>
      <c r="N45" s="152"/>
      <c r="O45" s="933" t="s">
        <v>502</v>
      </c>
      <c r="P45" s="993"/>
      <c r="Q45" s="993"/>
      <c r="R45" s="993"/>
      <c r="S45" s="993"/>
      <c r="T45" s="993"/>
      <c r="U45" s="993"/>
      <c r="V45" s="993"/>
      <c r="W45" s="993"/>
      <c r="X45" s="993"/>
      <c r="Y45" s="993"/>
      <c r="Z45" s="993"/>
      <c r="AA45" s="993"/>
      <c r="AB45" s="993"/>
      <c r="AC45" s="993"/>
      <c r="AD45" s="993"/>
      <c r="AE45" s="993"/>
      <c r="AF45" s="993"/>
      <c r="AG45" s="993"/>
      <c r="AH45" s="993"/>
      <c r="AI45" s="993"/>
      <c r="AJ45" s="993"/>
      <c r="AK45" s="993"/>
      <c r="AL45" s="994"/>
      <c r="AM45" s="5"/>
      <c r="AN45" s="731"/>
      <c r="AO45" s="732"/>
      <c r="AP45" s="732"/>
      <c r="AQ45" s="732"/>
      <c r="AR45" s="732"/>
      <c r="AS45" s="282"/>
      <c r="AT45" s="282"/>
      <c r="AU45" s="282"/>
      <c r="AV45" s="283"/>
      <c r="AW45" s="731"/>
      <c r="AX45" s="732"/>
      <c r="AY45" s="732"/>
      <c r="AZ45" s="732"/>
      <c r="BA45" s="732"/>
      <c r="BB45" s="732"/>
      <c r="BC45" s="708"/>
      <c r="BD45" s="708"/>
      <c r="BE45" s="708"/>
      <c r="BF45" s="709"/>
      <c r="BG45" s="766"/>
      <c r="BH45" s="767"/>
      <c r="BI45" s="767"/>
      <c r="BJ45" s="767"/>
      <c r="BK45" s="767"/>
      <c r="BL45" s="767"/>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v>40816</v>
      </c>
      <c r="B46" s="690"/>
      <c r="C46" s="690"/>
      <c r="D46" s="690"/>
      <c r="E46" s="690"/>
      <c r="F46" s="690"/>
      <c r="G46" s="690"/>
      <c r="H46" s="690"/>
      <c r="I46" s="690"/>
      <c r="J46" s="690"/>
      <c r="K46" s="690"/>
      <c r="L46" s="690"/>
      <c r="M46" s="691"/>
      <c r="N46" s="161"/>
      <c r="O46" s="272" t="s">
        <v>1006</v>
      </c>
      <c r="P46" s="874"/>
      <c r="Q46" s="874"/>
      <c r="R46" s="874"/>
      <c r="S46" s="874"/>
      <c r="T46" s="874"/>
      <c r="U46" s="874"/>
      <c r="V46" s="874"/>
      <c r="W46" s="874"/>
      <c r="X46" s="874"/>
      <c r="Y46" s="874"/>
      <c r="Z46" s="874"/>
      <c r="AA46" s="874"/>
      <c r="AB46" s="874"/>
      <c r="AC46" s="874"/>
      <c r="AD46" s="874"/>
      <c r="AE46" s="874"/>
      <c r="AF46" s="874"/>
      <c r="AG46" s="874"/>
      <c r="AH46" s="874"/>
      <c r="AI46" s="874"/>
      <c r="AJ46" s="874"/>
      <c r="AK46" s="874"/>
      <c r="AL46" s="875"/>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771" t="s">
        <v>1259</v>
      </c>
      <c r="B47" s="772"/>
      <c r="C47" s="772"/>
      <c r="D47" s="772"/>
      <c r="E47" s="772"/>
      <c r="F47" s="772"/>
      <c r="G47" s="772"/>
      <c r="H47" s="772"/>
      <c r="I47" s="772"/>
      <c r="J47" s="772"/>
      <c r="K47" s="772"/>
      <c r="L47" s="772"/>
      <c r="M47" s="773"/>
      <c r="N47" s="152"/>
      <c r="O47" s="272"/>
      <c r="P47" s="874"/>
      <c r="Q47" s="874"/>
      <c r="R47" s="874"/>
      <c r="S47" s="874"/>
      <c r="T47" s="874"/>
      <c r="U47" s="874"/>
      <c r="V47" s="874"/>
      <c r="W47" s="874"/>
      <c r="X47" s="874"/>
      <c r="Y47" s="874"/>
      <c r="Z47" s="874"/>
      <c r="AA47" s="874"/>
      <c r="AB47" s="874"/>
      <c r="AC47" s="874"/>
      <c r="AD47" s="874"/>
      <c r="AE47" s="874"/>
      <c r="AF47" s="874"/>
      <c r="AG47" s="874"/>
      <c r="AH47" s="874"/>
      <c r="AI47" s="874"/>
      <c r="AJ47" s="874"/>
      <c r="AK47" s="874"/>
      <c r="AL47" s="875"/>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1006" t="s">
        <v>1260</v>
      </c>
      <c r="B48" s="1007"/>
      <c r="C48" s="1007"/>
      <c r="D48" s="1007"/>
      <c r="E48" s="1007"/>
      <c r="F48" s="1007"/>
      <c r="G48" s="1007"/>
      <c r="H48" s="1007"/>
      <c r="I48" s="1007"/>
      <c r="J48" s="1007"/>
      <c r="K48" s="1007"/>
      <c r="L48" s="1007"/>
      <c r="M48" s="1008"/>
      <c r="N48" s="161"/>
      <c r="O48" s="272"/>
      <c r="P48" s="874"/>
      <c r="Q48" s="874"/>
      <c r="R48" s="874"/>
      <c r="S48" s="874"/>
      <c r="T48" s="874"/>
      <c r="U48" s="874"/>
      <c r="V48" s="874"/>
      <c r="W48" s="874"/>
      <c r="X48" s="874"/>
      <c r="Y48" s="874"/>
      <c r="Z48" s="874"/>
      <c r="AA48" s="874"/>
      <c r="AB48" s="874"/>
      <c r="AC48" s="874"/>
      <c r="AD48" s="874"/>
      <c r="AE48" s="874"/>
      <c r="AF48" s="874"/>
      <c r="AG48" s="874"/>
      <c r="AH48" s="874"/>
      <c r="AI48" s="874"/>
      <c r="AJ48" s="874"/>
      <c r="AK48" s="874"/>
      <c r="AL48" s="875"/>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752"/>
      <c r="B49" s="753"/>
      <c r="C49" s="753"/>
      <c r="D49" s="753"/>
      <c r="E49" s="753"/>
      <c r="F49" s="753"/>
      <c r="G49" s="753"/>
      <c r="H49" s="753"/>
      <c r="I49" s="753"/>
      <c r="J49" s="753"/>
      <c r="K49" s="753"/>
      <c r="L49" s="753"/>
      <c r="M49" s="754"/>
      <c r="N49" s="152"/>
      <c r="O49" s="272"/>
      <c r="P49" s="874"/>
      <c r="Q49" s="874"/>
      <c r="R49" s="874"/>
      <c r="S49" s="874"/>
      <c r="T49" s="874"/>
      <c r="U49" s="874"/>
      <c r="V49" s="874"/>
      <c r="W49" s="874"/>
      <c r="X49" s="874"/>
      <c r="Y49" s="874"/>
      <c r="Z49" s="874"/>
      <c r="AA49" s="874"/>
      <c r="AB49" s="874"/>
      <c r="AC49" s="874"/>
      <c r="AD49" s="874"/>
      <c r="AE49" s="874"/>
      <c r="AF49" s="874"/>
      <c r="AG49" s="874"/>
      <c r="AH49" s="874"/>
      <c r="AI49" s="874"/>
      <c r="AJ49" s="874"/>
      <c r="AK49" s="874"/>
      <c r="AL49" s="875"/>
      <c r="AM49" s="5"/>
      <c r="AN49" s="223">
        <v>5813.7920000000004</v>
      </c>
      <c r="AO49" s="224"/>
      <c r="AP49" s="224"/>
      <c r="AQ49" s="224"/>
      <c r="AR49" s="224"/>
      <c r="AS49" s="224"/>
      <c r="AT49" s="225"/>
      <c r="AU49" s="229">
        <v>1.3009999999999999</v>
      </c>
      <c r="AV49" s="230"/>
      <c r="AW49" s="230"/>
      <c r="AX49" s="230"/>
      <c r="AY49" s="231"/>
      <c r="AZ49" s="210">
        <v>8.8000000000000007</v>
      </c>
      <c r="BA49" s="211"/>
      <c r="BB49" s="211"/>
      <c r="BC49" s="211"/>
      <c r="BD49" s="212"/>
      <c r="BE49" s="210">
        <v>12.7</v>
      </c>
      <c r="BF49" s="211"/>
      <c r="BG49" s="211"/>
      <c r="BH49" s="211"/>
      <c r="BI49" s="212"/>
      <c r="BJ49" s="210">
        <v>64.400000000000006</v>
      </c>
      <c r="BK49" s="211"/>
      <c r="BL49" s="211"/>
      <c r="BM49" s="211"/>
      <c r="BN49" s="212"/>
      <c r="BO49" s="210">
        <v>7.5</v>
      </c>
      <c r="BP49" s="211"/>
      <c r="BQ49" s="211"/>
      <c r="BR49" s="211"/>
      <c r="BS49" s="212"/>
      <c r="BT49" s="210">
        <v>99.7</v>
      </c>
      <c r="BU49" s="211"/>
      <c r="BV49" s="211"/>
      <c r="BW49" s="211"/>
      <c r="BX49" s="212"/>
      <c r="BY49" s="210">
        <v>35</v>
      </c>
      <c r="BZ49" s="211"/>
      <c r="CA49" s="211"/>
      <c r="CB49" s="211"/>
      <c r="CC49" s="212"/>
      <c r="CD49" s="210">
        <v>39.4</v>
      </c>
      <c r="CE49" s="211"/>
      <c r="CF49" s="211"/>
      <c r="CG49" s="211"/>
      <c r="CH49" s="212"/>
      <c r="CI49" s="210">
        <v>81.3</v>
      </c>
      <c r="CJ49" s="211"/>
      <c r="CK49" s="211"/>
      <c r="CL49" s="211"/>
      <c r="CM49" s="212"/>
    </row>
    <row r="50" spans="1:91" ht="17.25" customHeight="1" x14ac:dyDescent="0.15">
      <c r="A50" s="755"/>
      <c r="B50" s="756"/>
      <c r="C50" s="756"/>
      <c r="D50" s="756"/>
      <c r="E50" s="756"/>
      <c r="F50" s="756"/>
      <c r="G50" s="756"/>
      <c r="H50" s="756"/>
      <c r="I50" s="756"/>
      <c r="J50" s="756"/>
      <c r="K50" s="756"/>
      <c r="L50" s="756"/>
      <c r="M50" s="757"/>
      <c r="N50" s="161"/>
      <c r="O50" s="1326"/>
      <c r="P50" s="1184"/>
      <c r="Q50" s="1184"/>
      <c r="R50" s="1184"/>
      <c r="S50" s="1184"/>
      <c r="T50" s="1184"/>
      <c r="U50" s="1184"/>
      <c r="V50" s="1184"/>
      <c r="W50" s="1184"/>
      <c r="X50" s="1184"/>
      <c r="Y50" s="1184"/>
      <c r="Z50" s="1184"/>
      <c r="AA50" s="1184"/>
      <c r="AB50" s="1184"/>
      <c r="AC50" s="1184"/>
      <c r="AD50" s="1184"/>
      <c r="AE50" s="1184"/>
      <c r="AF50" s="1184"/>
      <c r="AG50" s="1184"/>
      <c r="AH50" s="1184"/>
      <c r="AI50" s="1184"/>
      <c r="AJ50" s="1184"/>
      <c r="AK50" s="1184"/>
      <c r="AL50" s="1185"/>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201">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BR42:CB43"/>
    <mergeCell ref="CC42:CM43"/>
    <mergeCell ref="A46:M46"/>
    <mergeCell ref="O46:AL46"/>
    <mergeCell ref="AN46:AV46"/>
    <mergeCell ref="AW46:BD46"/>
    <mergeCell ref="CD46:CM46"/>
    <mergeCell ref="BC44:BF45"/>
    <mergeCell ref="BG44:BL45"/>
    <mergeCell ref="BM44:BP45"/>
    <mergeCell ref="BR44:BX45"/>
    <mergeCell ref="BY44:CB45"/>
    <mergeCell ref="CC44:CI45"/>
    <mergeCell ref="A43:M43"/>
    <mergeCell ref="O43:AL43"/>
    <mergeCell ref="A44:M44"/>
    <mergeCell ref="O44:AL44"/>
    <mergeCell ref="AN44:AR45"/>
    <mergeCell ref="AS44:AV45"/>
    <mergeCell ref="AW44:BB45"/>
    <mergeCell ref="BY39:CG40"/>
    <mergeCell ref="CH39:CM40"/>
    <mergeCell ref="A40:M40"/>
    <mergeCell ref="O40:AL40"/>
    <mergeCell ref="A41:M41"/>
    <mergeCell ref="O41:AL41"/>
    <mergeCell ref="AU41:BE41"/>
    <mergeCell ref="BR41:CM41"/>
    <mergeCell ref="BG42:BP43"/>
    <mergeCell ref="A39:M39"/>
    <mergeCell ref="O39:AL39"/>
    <mergeCell ref="AN39:AV40"/>
    <mergeCell ref="AW39:BF40"/>
    <mergeCell ref="BG39:BP40"/>
    <mergeCell ref="BR39:BX40"/>
    <mergeCell ref="A42:M42"/>
    <mergeCell ref="O42:AL42"/>
    <mergeCell ref="AN42:AV43"/>
    <mergeCell ref="AW42:BF4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7:CG38"/>
    <mergeCell ref="CH37:CM38"/>
    <mergeCell ref="A38:M38"/>
    <mergeCell ref="O38:AL38"/>
    <mergeCell ref="BR33:BX34"/>
    <mergeCell ref="BY33:CG34"/>
    <mergeCell ref="CH33:CM34"/>
    <mergeCell ref="A34:M34"/>
    <mergeCell ref="O34:AL34"/>
    <mergeCell ref="AN34:BO34"/>
    <mergeCell ref="A29:AL33"/>
    <mergeCell ref="AO29:BP29"/>
    <mergeCell ref="AO30:BP30"/>
    <mergeCell ref="BY30:CI30"/>
    <mergeCell ref="AO31:BP31"/>
    <mergeCell ref="BR31:BX32"/>
    <mergeCell ref="BY31:CG32"/>
    <mergeCell ref="CH31:CM32"/>
    <mergeCell ref="AO32:BP32"/>
    <mergeCell ref="AO33:BP33"/>
    <mergeCell ref="AO26:CM26"/>
    <mergeCell ref="Q27:Z27"/>
    <mergeCell ref="AC27:AL27"/>
    <mergeCell ref="AO27:CM27"/>
    <mergeCell ref="A28:AL28"/>
    <mergeCell ref="AN28:BP28"/>
    <mergeCell ref="AO24:CM24"/>
    <mergeCell ref="A25:E27"/>
    <mergeCell ref="F25:M25"/>
    <mergeCell ref="Q25:AL25"/>
    <mergeCell ref="AO25:CM25"/>
    <mergeCell ref="F26:M27"/>
    <mergeCell ref="O26:P27"/>
    <mergeCell ref="Q26:Z26"/>
    <mergeCell ref="AA26:AB27"/>
    <mergeCell ref="AC26:AL26"/>
    <mergeCell ref="A22:E24"/>
    <mergeCell ref="F22:M22"/>
    <mergeCell ref="O22:P23"/>
    <mergeCell ref="Q22:AL22"/>
    <mergeCell ref="AN22:CM22"/>
    <mergeCell ref="F23:M24"/>
    <mergeCell ref="Q23:AL23"/>
    <mergeCell ref="AO23:CM23"/>
    <mergeCell ref="O24:P25"/>
    <mergeCell ref="Q24:AL24"/>
    <mergeCell ref="F20:M21"/>
    <mergeCell ref="Q20:T20"/>
    <mergeCell ref="U20:X20"/>
    <mergeCell ref="Y20:AL20"/>
    <mergeCell ref="AN20:AS21"/>
    <mergeCell ref="AT20:CM21"/>
    <mergeCell ref="Q21:AL21"/>
    <mergeCell ref="AT16:CM17"/>
    <mergeCell ref="F17:M18"/>
    <mergeCell ref="Q17:T17"/>
    <mergeCell ref="U17:X17"/>
    <mergeCell ref="Y17:AL17"/>
    <mergeCell ref="Q18:T18"/>
    <mergeCell ref="U18:X18"/>
    <mergeCell ref="Y18:AL18"/>
    <mergeCell ref="AN18:AS19"/>
    <mergeCell ref="AT18:CM19"/>
    <mergeCell ref="Y15:AL15"/>
    <mergeCell ref="A16:E21"/>
    <mergeCell ref="F16:M16"/>
    <mergeCell ref="Q16:T16"/>
    <mergeCell ref="U16:X16"/>
    <mergeCell ref="Y16:AL16"/>
    <mergeCell ref="AN16:AS17"/>
    <mergeCell ref="F19:M19"/>
    <mergeCell ref="Q19:T19"/>
    <mergeCell ref="U19:X19"/>
    <mergeCell ref="Y19:AL19"/>
    <mergeCell ref="F13:M14"/>
    <mergeCell ref="Q13:T13"/>
    <mergeCell ref="U13:X13"/>
    <mergeCell ref="Y13:AL14"/>
    <mergeCell ref="AN13:CM13"/>
    <mergeCell ref="A9:D10"/>
    <mergeCell ref="E9:AL10"/>
    <mergeCell ref="A11:D11"/>
    <mergeCell ref="E11:AL11"/>
    <mergeCell ref="A12:E13"/>
    <mergeCell ref="F12:M12"/>
    <mergeCell ref="N12:N27"/>
    <mergeCell ref="O12:P21"/>
    <mergeCell ref="Q12:T12"/>
    <mergeCell ref="U12:X12"/>
    <mergeCell ref="A14:E14"/>
    <mergeCell ref="Q14:T14"/>
    <mergeCell ref="U14:X14"/>
    <mergeCell ref="AN14:AS15"/>
    <mergeCell ref="AT14:CM15"/>
    <mergeCell ref="A15:E15"/>
    <mergeCell ref="F15:M15"/>
    <mergeCell ref="Q15:T15"/>
    <mergeCell ref="U15:X15"/>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s>
  <phoneticPr fontId="3"/>
  <hyperlinks>
    <hyperlink ref="E11:AL11" r:id="rId1" display="http://www.town.hakone.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29―</oddFooter>
  </headerFooter>
  <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0"/>
  <sheetViews>
    <sheetView showZeros="0" tabSelected="1" view="pageBreakPreview" topLeftCell="A13" zoomScale="70" zoomScaleNormal="100" zoomScaleSheetLayoutView="70" workbookViewId="0">
      <selection activeCell="F16" sqref="F16:M16"/>
    </sheetView>
  </sheetViews>
  <sheetFormatPr defaultColWidth="9" defaultRowHeight="12" x14ac:dyDescent="0.15"/>
  <cols>
    <col min="1" max="19" width="2.5" style="3" customWidth="1"/>
    <col min="20" max="20" width="0.625" style="3" customWidth="1"/>
    <col min="21" max="23" width="2.5" style="3" customWidth="1"/>
    <col min="24" max="24" width="3" style="3" customWidth="1"/>
    <col min="25" max="37" width="2.5" style="3" customWidth="1"/>
    <col min="38" max="38" width="3.7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323</v>
      </c>
      <c r="B1" s="644" ph="1"/>
      <c r="C1" s="644" ph="1"/>
      <c r="D1" s="644" ph="1"/>
      <c r="E1" s="644" ph="1"/>
      <c r="F1" s="644" ph="1"/>
      <c r="G1" s="644" ph="1"/>
      <c r="H1" s="644" ph="1"/>
      <c r="I1" s="645"/>
      <c r="J1" s="645"/>
      <c r="K1" s="645"/>
      <c r="L1" s="645"/>
      <c r="M1" s="645"/>
      <c r="N1" s="648" t="s">
        <v>306</v>
      </c>
      <c r="O1" s="649"/>
      <c r="P1" s="649"/>
      <c r="Q1" s="649"/>
      <c r="R1" s="649"/>
      <c r="S1" s="649"/>
      <c r="T1" s="649"/>
      <c r="U1" s="649"/>
      <c r="V1" s="649"/>
      <c r="W1" s="649"/>
      <c r="X1" s="649"/>
      <c r="Y1" s="649"/>
      <c r="Z1" s="649"/>
      <c r="AA1" s="649"/>
      <c r="AB1" s="649"/>
      <c r="AC1" s="649"/>
      <c r="AD1" s="649"/>
      <c r="AE1" s="649"/>
      <c r="AF1" s="649"/>
      <c r="AG1" s="649"/>
      <c r="AH1" s="649"/>
      <c r="AI1" s="649"/>
      <c r="AJ1" s="649"/>
      <c r="AK1" s="649"/>
      <c r="AL1" s="649"/>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650"/>
      <c r="O2" s="650"/>
      <c r="P2" s="650"/>
      <c r="Q2" s="650"/>
      <c r="R2" s="650"/>
      <c r="S2" s="650"/>
      <c r="T2" s="650"/>
      <c r="U2" s="650"/>
      <c r="V2" s="650"/>
      <c r="W2" s="650"/>
      <c r="X2" s="650"/>
      <c r="Y2" s="650"/>
      <c r="Z2" s="650"/>
      <c r="AA2" s="650"/>
      <c r="AB2" s="650"/>
      <c r="AC2" s="650"/>
      <c r="AD2" s="650"/>
      <c r="AE2" s="650"/>
      <c r="AF2" s="650"/>
      <c r="AG2" s="650"/>
      <c r="AH2" s="650"/>
      <c r="AI2" s="650"/>
      <c r="AJ2" s="650"/>
      <c r="AK2" s="650"/>
      <c r="AL2" s="650"/>
      <c r="AM2" s="5"/>
      <c r="AN2" s="466" t="s">
        <v>725</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644" ph="1"/>
      <c r="B3" s="644" ph="1"/>
      <c r="C3" s="644" ph="1"/>
      <c r="D3" s="644" ph="1"/>
      <c r="E3" s="644" ph="1"/>
      <c r="F3" s="644" ph="1"/>
      <c r="G3" s="644" ph="1"/>
      <c r="H3" s="644" ph="1"/>
      <c r="I3" s="646"/>
      <c r="J3" s="646"/>
      <c r="K3" s="646"/>
      <c r="L3" s="646"/>
      <c r="M3" s="646"/>
      <c r="N3" s="650"/>
      <c r="O3" s="650"/>
      <c r="P3" s="650"/>
      <c r="Q3" s="650"/>
      <c r="R3" s="650"/>
      <c r="S3" s="650"/>
      <c r="T3" s="650"/>
      <c r="U3" s="650"/>
      <c r="V3" s="650"/>
      <c r="W3" s="650"/>
      <c r="X3" s="650"/>
      <c r="Y3" s="650"/>
      <c r="Z3" s="650"/>
      <c r="AA3" s="650"/>
      <c r="AB3" s="650"/>
      <c r="AC3" s="650"/>
      <c r="AD3" s="650"/>
      <c r="AE3" s="650"/>
      <c r="AF3" s="650"/>
      <c r="AG3" s="650"/>
      <c r="AH3" s="650"/>
      <c r="AI3" s="650"/>
      <c r="AJ3" s="650"/>
      <c r="AK3" s="650"/>
      <c r="AL3" s="650"/>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1" t="s">
        <v>236</v>
      </c>
      <c r="B4" s="641"/>
      <c r="C4" s="641"/>
      <c r="D4" s="641"/>
      <c r="E4" s="458">
        <v>141500</v>
      </c>
      <c r="F4" s="458"/>
      <c r="G4" s="458"/>
      <c r="H4" s="458"/>
      <c r="I4" s="647"/>
      <c r="J4" s="647"/>
      <c r="K4" s="647"/>
      <c r="L4" s="647"/>
      <c r="M4" s="647"/>
      <c r="N4" s="459" t="s">
        <v>307</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428" t="s">
        <v>237</v>
      </c>
      <c r="B5" s="428"/>
      <c r="C5" s="428"/>
      <c r="D5" s="428"/>
      <c r="E5" s="428"/>
      <c r="F5" s="428"/>
      <c r="G5" s="428"/>
      <c r="H5" s="428"/>
      <c r="I5" s="486" t="s">
        <v>308</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428"/>
      <c r="B6" s="428"/>
      <c r="C6" s="428"/>
      <c r="D6" s="428"/>
      <c r="E6" s="428"/>
      <c r="F6" s="428"/>
      <c r="G6" s="428"/>
      <c r="H6" s="428"/>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05" t="s">
        <v>238</v>
      </c>
      <c r="B7" s="406"/>
      <c r="C7" s="406"/>
      <c r="D7" s="407"/>
      <c r="E7" s="65" t="s">
        <v>0</v>
      </c>
      <c r="F7" s="492" t="s">
        <v>309</v>
      </c>
      <c r="G7" s="492"/>
      <c r="H7" s="492"/>
      <c r="I7" s="492"/>
      <c r="J7" s="492"/>
      <c r="K7" s="492"/>
      <c r="L7" s="493"/>
      <c r="M7" s="642"/>
      <c r="N7" s="642"/>
      <c r="O7" s="642"/>
      <c r="P7" s="642"/>
      <c r="Q7" s="642"/>
      <c r="R7" s="642"/>
      <c r="S7" s="642"/>
      <c r="T7" s="642"/>
      <c r="U7" s="642"/>
      <c r="V7" s="642"/>
      <c r="W7" s="642"/>
      <c r="X7" s="642"/>
      <c r="Y7" s="643"/>
      <c r="Z7" s="332" t="s">
        <v>239</v>
      </c>
      <c r="AA7" s="332"/>
      <c r="AB7" s="332"/>
      <c r="AC7" s="431" t="s">
        <v>310</v>
      </c>
      <c r="AD7" s="431"/>
      <c r="AE7" s="431"/>
      <c r="AF7" s="431"/>
      <c r="AG7" s="431"/>
      <c r="AH7" s="431"/>
      <c r="AI7" s="431"/>
      <c r="AJ7" s="431"/>
      <c r="AK7" s="431"/>
      <c r="AL7" s="43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c r="B8" s="406"/>
      <c r="C8" s="406"/>
      <c r="D8" s="407"/>
      <c r="E8" s="433" t="s">
        <v>325</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472"/>
      <c r="AO8" s="473"/>
      <c r="AP8" s="473"/>
      <c r="AQ8" s="473"/>
      <c r="AR8" s="473"/>
      <c r="AS8" s="473"/>
      <c r="AT8" s="473"/>
      <c r="AU8" s="473"/>
      <c r="AV8" s="473"/>
      <c r="AW8" s="473"/>
      <c r="AX8" s="473"/>
      <c r="AY8" s="473"/>
      <c r="AZ8" s="473"/>
      <c r="BA8" s="473"/>
      <c r="BB8" s="473"/>
      <c r="BC8" s="473"/>
      <c r="BD8" s="473"/>
      <c r="BE8" s="473"/>
      <c r="BF8" s="473"/>
      <c r="BG8" s="473"/>
      <c r="BH8" s="473"/>
      <c r="BI8" s="473"/>
      <c r="BJ8" s="473"/>
      <c r="BK8" s="473"/>
      <c r="BL8" s="473"/>
      <c r="BM8" s="473"/>
      <c r="BN8" s="473"/>
      <c r="BO8" s="473"/>
      <c r="BP8" s="473"/>
      <c r="BQ8" s="473"/>
      <c r="BR8" s="473"/>
      <c r="BS8" s="473"/>
      <c r="BT8" s="473"/>
      <c r="BU8" s="473"/>
      <c r="BV8" s="473"/>
      <c r="BW8" s="473"/>
      <c r="BX8" s="473"/>
      <c r="BY8" s="473"/>
      <c r="BZ8" s="473"/>
      <c r="CA8" s="473"/>
      <c r="CB8" s="473"/>
      <c r="CC8" s="473"/>
      <c r="CD8" s="473"/>
      <c r="CE8" s="473"/>
      <c r="CF8" s="473"/>
      <c r="CG8" s="473"/>
      <c r="CH8" s="473"/>
      <c r="CI8" s="473"/>
      <c r="CJ8" s="473"/>
      <c r="CK8" s="473"/>
      <c r="CL8" s="473"/>
      <c r="CM8" s="474"/>
    </row>
    <row r="9" spans="1:100" ht="17.25" customHeight="1" x14ac:dyDescent="0.15">
      <c r="A9" s="405" t="s">
        <v>240</v>
      </c>
      <c r="B9" s="406"/>
      <c r="C9" s="406"/>
      <c r="D9" s="407"/>
      <c r="E9" s="445" t="s">
        <v>816</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388" t="s">
        <v>245</v>
      </c>
      <c r="AO9" s="388"/>
      <c r="AP9" s="389"/>
      <c r="AQ9" s="389"/>
      <c r="AR9" s="389"/>
      <c r="AS9" s="389"/>
      <c r="AT9" s="389"/>
      <c r="AU9" s="389"/>
      <c r="AV9" s="389"/>
      <c r="AW9" s="389"/>
      <c r="AX9" s="389"/>
      <c r="AY9" s="389"/>
      <c r="AZ9" s="389"/>
      <c r="BA9" s="389"/>
      <c r="BB9" s="389"/>
      <c r="BC9" s="389"/>
      <c r="BD9" s="389"/>
      <c r="BE9" s="389"/>
      <c r="BF9" s="389"/>
      <c r="BG9" s="389"/>
      <c r="BH9" s="389"/>
      <c r="BI9" s="389"/>
      <c r="BJ9" s="389"/>
      <c r="BK9" s="389"/>
      <c r="BL9" s="389"/>
      <c r="BM9" s="389"/>
      <c r="BN9" s="389"/>
      <c r="BO9" s="389"/>
      <c r="BP9" s="389"/>
      <c r="BQ9" s="389"/>
      <c r="BR9" s="389"/>
      <c r="BS9" s="389"/>
      <c r="BT9" s="389"/>
      <c r="BU9" s="389"/>
      <c r="BV9" s="389"/>
      <c r="BW9" s="389"/>
      <c r="BX9" s="389"/>
      <c r="BY9" s="389"/>
      <c r="BZ9" s="389"/>
      <c r="CA9" s="389"/>
      <c r="CB9" s="389"/>
      <c r="CC9" s="389"/>
      <c r="CD9" s="389"/>
      <c r="CE9" s="389"/>
      <c r="CF9" s="389"/>
      <c r="CG9" s="389"/>
      <c r="CH9" s="389"/>
      <c r="CI9" s="389"/>
      <c r="CJ9" s="389"/>
      <c r="CK9" s="389"/>
      <c r="CL9" s="389"/>
      <c r="CM9" s="389"/>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292" t="s">
        <v>219</v>
      </c>
      <c r="AO10" s="293"/>
      <c r="AP10" s="293"/>
      <c r="AQ10" s="293"/>
      <c r="AR10" s="293"/>
      <c r="AS10" s="294"/>
      <c r="AT10" s="392" t="s">
        <v>1522</v>
      </c>
      <c r="AU10" s="393"/>
      <c r="AV10" s="393"/>
      <c r="AW10" s="393"/>
      <c r="AX10" s="393"/>
      <c r="AY10" s="393"/>
      <c r="AZ10" s="393"/>
      <c r="BA10" s="393"/>
      <c r="BB10" s="393"/>
      <c r="BC10" s="393"/>
      <c r="BD10" s="393"/>
      <c r="BE10" s="393"/>
      <c r="BF10" s="393"/>
      <c r="BG10" s="393"/>
      <c r="BH10" s="393"/>
      <c r="BI10" s="393"/>
      <c r="BJ10" s="393"/>
      <c r="BK10" s="393"/>
      <c r="BL10" s="393"/>
      <c r="BM10" s="393"/>
      <c r="BN10" s="393"/>
      <c r="BO10" s="393"/>
      <c r="BP10" s="393"/>
      <c r="BQ10" s="393"/>
      <c r="BR10" s="393"/>
      <c r="BS10" s="393"/>
      <c r="BT10" s="393"/>
      <c r="BU10" s="393"/>
      <c r="BV10" s="393"/>
      <c r="BW10" s="393"/>
      <c r="BX10" s="393"/>
      <c r="BY10" s="393"/>
      <c r="BZ10" s="393"/>
      <c r="CA10" s="393"/>
      <c r="CB10" s="393"/>
      <c r="CC10" s="393"/>
      <c r="CD10" s="393"/>
      <c r="CE10" s="393"/>
      <c r="CF10" s="393"/>
      <c r="CG10" s="393"/>
      <c r="CH10" s="393"/>
      <c r="CI10" s="393"/>
      <c r="CJ10" s="393"/>
      <c r="CK10" s="393"/>
      <c r="CL10" s="393"/>
      <c r="CM10" s="394"/>
    </row>
    <row r="11" spans="1:100" ht="17.25" customHeight="1" x14ac:dyDescent="0.15">
      <c r="A11" s="405" t="s">
        <v>798</v>
      </c>
      <c r="B11" s="406"/>
      <c r="C11" s="406"/>
      <c r="D11" s="407"/>
      <c r="E11" s="615" t="s">
        <v>817</v>
      </c>
      <c r="F11" s="616"/>
      <c r="G11" s="616"/>
      <c r="H11" s="616"/>
      <c r="I11" s="616"/>
      <c r="J11" s="616"/>
      <c r="K11" s="616"/>
      <c r="L11" s="616"/>
      <c r="M11" s="616"/>
      <c r="N11" s="617"/>
      <c r="O11" s="617"/>
      <c r="P11" s="617"/>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436"/>
      <c r="AO11" s="437"/>
      <c r="AP11" s="437"/>
      <c r="AQ11" s="437"/>
      <c r="AR11" s="437"/>
      <c r="AS11" s="438"/>
      <c r="AT11" s="402"/>
      <c r="AU11" s="614"/>
      <c r="AV11" s="614"/>
      <c r="AW11" s="614"/>
      <c r="AX11" s="614"/>
      <c r="AY11" s="614"/>
      <c r="AZ11" s="614"/>
      <c r="BA11" s="614"/>
      <c r="BB11" s="614"/>
      <c r="BC11" s="614"/>
      <c r="BD11" s="614"/>
      <c r="BE11" s="614"/>
      <c r="BF11" s="614"/>
      <c r="BG11" s="614"/>
      <c r="BH11" s="614"/>
      <c r="BI11" s="614"/>
      <c r="BJ11" s="614"/>
      <c r="BK11" s="614"/>
      <c r="BL11" s="614"/>
      <c r="BM11" s="614"/>
      <c r="BN11" s="614"/>
      <c r="BO11" s="614"/>
      <c r="BP11" s="614"/>
      <c r="BQ11" s="614"/>
      <c r="BR11" s="614"/>
      <c r="BS11" s="614"/>
      <c r="BT11" s="614"/>
      <c r="BU11" s="614"/>
      <c r="BV11" s="614"/>
      <c r="BW11" s="614"/>
      <c r="BX11" s="614"/>
      <c r="BY11" s="614"/>
      <c r="BZ11" s="614"/>
      <c r="CA11" s="614"/>
      <c r="CB11" s="614"/>
      <c r="CC11" s="614"/>
      <c r="CD11" s="614"/>
      <c r="CE11" s="614"/>
      <c r="CF11" s="614"/>
      <c r="CG11" s="614"/>
      <c r="CH11" s="614"/>
      <c r="CI11" s="614"/>
      <c r="CJ11" s="614"/>
      <c r="CK11" s="614"/>
      <c r="CL11" s="614"/>
      <c r="CM11" s="404"/>
    </row>
    <row r="12" spans="1:100" ht="17.25" customHeight="1" x14ac:dyDescent="0.15">
      <c r="A12" s="332" t="s">
        <v>241</v>
      </c>
      <c r="B12" s="332"/>
      <c r="C12" s="332"/>
      <c r="D12" s="332"/>
      <c r="E12" s="328"/>
      <c r="F12" s="330" t="s">
        <v>818</v>
      </c>
      <c r="G12" s="331"/>
      <c r="H12" s="331"/>
      <c r="I12" s="331"/>
      <c r="J12" s="331"/>
      <c r="K12" s="331"/>
      <c r="L12" s="331"/>
      <c r="M12" s="331"/>
      <c r="N12" s="522"/>
      <c r="O12" s="416" t="s">
        <v>242</v>
      </c>
      <c r="P12" s="417"/>
      <c r="Q12" s="622">
        <v>20048</v>
      </c>
      <c r="R12" s="623"/>
      <c r="S12" s="623"/>
      <c r="T12" s="623"/>
      <c r="U12" s="624" t="s">
        <v>243</v>
      </c>
      <c r="V12" s="624"/>
      <c r="W12" s="624"/>
      <c r="X12" s="624"/>
      <c r="Y12" s="619"/>
      <c r="Z12" s="619"/>
      <c r="AA12" s="619"/>
      <c r="AB12" s="619"/>
      <c r="AC12" s="619"/>
      <c r="AD12" s="619"/>
      <c r="AE12" s="619"/>
      <c r="AF12" s="619"/>
      <c r="AG12" s="619"/>
      <c r="AH12" s="619"/>
      <c r="AI12" s="619"/>
      <c r="AJ12" s="619"/>
      <c r="AK12" s="619"/>
      <c r="AL12" s="625"/>
      <c r="AM12" s="5"/>
      <c r="AN12" s="436"/>
      <c r="AO12" s="437"/>
      <c r="AP12" s="437"/>
      <c r="AQ12" s="437"/>
      <c r="AR12" s="437"/>
      <c r="AS12" s="438"/>
      <c r="AT12" s="402"/>
      <c r="AU12" s="614"/>
      <c r="AV12" s="614"/>
      <c r="AW12" s="614"/>
      <c r="AX12" s="614"/>
      <c r="AY12" s="614"/>
      <c r="AZ12" s="614"/>
      <c r="BA12" s="614"/>
      <c r="BB12" s="614"/>
      <c r="BC12" s="614"/>
      <c r="BD12" s="614"/>
      <c r="BE12" s="614"/>
      <c r="BF12" s="614"/>
      <c r="BG12" s="614"/>
      <c r="BH12" s="614"/>
      <c r="BI12" s="614"/>
      <c r="BJ12" s="614"/>
      <c r="BK12" s="614"/>
      <c r="BL12" s="614"/>
      <c r="BM12" s="614"/>
      <c r="BN12" s="614"/>
      <c r="BO12" s="614"/>
      <c r="BP12" s="614"/>
      <c r="BQ12" s="614"/>
      <c r="BR12" s="614"/>
      <c r="BS12" s="614"/>
      <c r="BT12" s="614"/>
      <c r="BU12" s="614"/>
      <c r="BV12" s="614"/>
      <c r="BW12" s="614"/>
      <c r="BX12" s="614"/>
      <c r="BY12" s="614"/>
      <c r="BZ12" s="614"/>
      <c r="CA12" s="614"/>
      <c r="CB12" s="614"/>
      <c r="CC12" s="614"/>
      <c r="CD12" s="614"/>
      <c r="CE12" s="614"/>
      <c r="CF12" s="614"/>
      <c r="CG12" s="614"/>
      <c r="CH12" s="614"/>
      <c r="CI12" s="614"/>
      <c r="CJ12" s="614"/>
      <c r="CK12" s="614"/>
      <c r="CL12" s="614"/>
      <c r="CM12" s="404"/>
      <c r="CQ12" s="3" ph="1"/>
      <c r="CR12" s="3" ph="1"/>
      <c r="CS12" s="3" ph="1"/>
      <c r="CT12" s="3" ph="1"/>
      <c r="CU12" s="3" ph="1"/>
      <c r="CV12" s="3" ph="1"/>
    </row>
    <row r="13" spans="1:100" ht="17.25" customHeight="1" x14ac:dyDescent="0.15">
      <c r="A13" s="328"/>
      <c r="B13" s="328"/>
      <c r="C13" s="328"/>
      <c r="D13" s="328"/>
      <c r="E13" s="328"/>
      <c r="F13" s="373" t="s">
        <v>440</v>
      </c>
      <c r="G13" s="374"/>
      <c r="H13" s="374"/>
      <c r="I13" s="374"/>
      <c r="J13" s="374"/>
      <c r="K13" s="374"/>
      <c r="L13" s="374"/>
      <c r="M13" s="374"/>
      <c r="N13" s="523"/>
      <c r="O13" s="418"/>
      <c r="P13" s="419"/>
      <c r="Q13" s="376">
        <v>20545</v>
      </c>
      <c r="R13" s="377"/>
      <c r="S13" s="377"/>
      <c r="T13" s="377"/>
      <c r="U13" s="619" t="s">
        <v>801</v>
      </c>
      <c r="V13" s="619"/>
      <c r="W13" s="619"/>
      <c r="X13" s="619"/>
      <c r="Y13" s="620" t="s">
        <v>396</v>
      </c>
      <c r="Z13" s="620"/>
      <c r="AA13" s="620"/>
      <c r="AB13" s="620"/>
      <c r="AC13" s="620"/>
      <c r="AD13" s="620"/>
      <c r="AE13" s="620"/>
      <c r="AF13" s="620"/>
      <c r="AG13" s="620"/>
      <c r="AH13" s="620"/>
      <c r="AI13" s="620"/>
      <c r="AJ13" s="620"/>
      <c r="AK13" s="620"/>
      <c r="AL13" s="621"/>
      <c r="AM13" s="5"/>
      <c r="AN13" s="295"/>
      <c r="AO13" s="296"/>
      <c r="AP13" s="296"/>
      <c r="AQ13" s="296"/>
      <c r="AR13" s="296"/>
      <c r="AS13" s="297"/>
      <c r="AT13" s="395"/>
      <c r="AU13" s="396"/>
      <c r="AV13" s="396"/>
      <c r="AW13" s="396"/>
      <c r="AX13" s="396"/>
      <c r="AY13" s="396"/>
      <c r="AZ13" s="396"/>
      <c r="BA13" s="396"/>
      <c r="BB13" s="396"/>
      <c r="BC13" s="396"/>
      <c r="BD13" s="396"/>
      <c r="BE13" s="396"/>
      <c r="BF13" s="396"/>
      <c r="BG13" s="396"/>
      <c r="BH13" s="396"/>
      <c r="BI13" s="396"/>
      <c r="BJ13" s="396"/>
      <c r="BK13" s="396"/>
      <c r="BL13" s="396"/>
      <c r="BM13" s="396"/>
      <c r="BN13" s="396"/>
      <c r="BO13" s="396"/>
      <c r="BP13" s="396"/>
      <c r="BQ13" s="396"/>
      <c r="BR13" s="396"/>
      <c r="BS13" s="396"/>
      <c r="BT13" s="396"/>
      <c r="BU13" s="396"/>
      <c r="BV13" s="396"/>
      <c r="BW13" s="396"/>
      <c r="BX13" s="396"/>
      <c r="BY13" s="396"/>
      <c r="BZ13" s="396"/>
      <c r="CA13" s="396"/>
      <c r="CB13" s="396"/>
      <c r="CC13" s="396"/>
      <c r="CD13" s="396"/>
      <c r="CE13" s="396"/>
      <c r="CF13" s="396"/>
      <c r="CG13" s="396"/>
      <c r="CH13" s="396"/>
      <c r="CI13" s="396"/>
      <c r="CJ13" s="396"/>
      <c r="CK13" s="396"/>
      <c r="CL13" s="396"/>
      <c r="CM13" s="397"/>
      <c r="CQ13" s="3" ph="1"/>
      <c r="CR13" s="3" ph="1"/>
      <c r="CS13" s="3" ph="1"/>
      <c r="CT13" s="3" ph="1"/>
      <c r="CU13" s="3" ph="1"/>
      <c r="CV13" s="3" ph="1"/>
    </row>
    <row r="14" spans="1:100" ht="17.25" customHeight="1" x14ac:dyDescent="0.15">
      <c r="A14" s="426">
        <v>2</v>
      </c>
      <c r="B14" s="651"/>
      <c r="C14" s="651"/>
      <c r="D14" s="651"/>
      <c r="E14" s="651"/>
      <c r="F14" s="375"/>
      <c r="G14" s="375"/>
      <c r="H14" s="375"/>
      <c r="I14" s="375"/>
      <c r="J14" s="375"/>
      <c r="K14" s="375"/>
      <c r="L14" s="375"/>
      <c r="M14" s="375"/>
      <c r="N14" s="523"/>
      <c r="O14" s="418"/>
      <c r="P14" s="419"/>
      <c r="Q14" s="376">
        <v>36495</v>
      </c>
      <c r="R14" s="377"/>
      <c r="S14" s="377"/>
      <c r="T14" s="377"/>
      <c r="U14" s="619" t="s">
        <v>819</v>
      </c>
      <c r="V14" s="619"/>
      <c r="W14" s="619"/>
      <c r="X14" s="619"/>
      <c r="Y14" s="620" t="s">
        <v>397</v>
      </c>
      <c r="Z14" s="620"/>
      <c r="AA14" s="620"/>
      <c r="AB14" s="620"/>
      <c r="AC14" s="620"/>
      <c r="AD14" s="620"/>
      <c r="AE14" s="620"/>
      <c r="AF14" s="620"/>
      <c r="AG14" s="620"/>
      <c r="AH14" s="620"/>
      <c r="AI14" s="620"/>
      <c r="AJ14" s="620"/>
      <c r="AK14" s="620"/>
      <c r="AL14" s="621"/>
      <c r="AM14" s="5"/>
      <c r="AN14" s="292" t="s">
        <v>220</v>
      </c>
      <c r="AO14" s="293"/>
      <c r="AP14" s="293"/>
      <c r="AQ14" s="293"/>
      <c r="AR14" s="293"/>
      <c r="AS14" s="294"/>
      <c r="AT14" s="392" t="s">
        <v>311</v>
      </c>
      <c r="AU14" s="393"/>
      <c r="AV14" s="393"/>
      <c r="AW14" s="393"/>
      <c r="AX14" s="393"/>
      <c r="AY14" s="393"/>
      <c r="AZ14" s="393"/>
      <c r="BA14" s="393"/>
      <c r="BB14" s="393"/>
      <c r="BC14" s="393"/>
      <c r="BD14" s="393"/>
      <c r="BE14" s="393"/>
      <c r="BF14" s="393"/>
      <c r="BG14" s="393"/>
      <c r="BH14" s="393"/>
      <c r="BI14" s="393"/>
      <c r="BJ14" s="393"/>
      <c r="BK14" s="393"/>
      <c r="BL14" s="393"/>
      <c r="BM14" s="393"/>
      <c r="BN14" s="393"/>
      <c r="BO14" s="393"/>
      <c r="BP14" s="393"/>
      <c r="BQ14" s="393"/>
      <c r="BR14" s="393"/>
      <c r="BS14" s="393"/>
      <c r="BT14" s="393"/>
      <c r="BU14" s="393"/>
      <c r="BV14" s="393"/>
      <c r="BW14" s="393"/>
      <c r="BX14" s="393"/>
      <c r="BY14" s="393"/>
      <c r="BZ14" s="393"/>
      <c r="CA14" s="393"/>
      <c r="CB14" s="393"/>
      <c r="CC14" s="393"/>
      <c r="CD14" s="393"/>
      <c r="CE14" s="393"/>
      <c r="CF14" s="393"/>
      <c r="CG14" s="393"/>
      <c r="CH14" s="393"/>
      <c r="CI14" s="393"/>
      <c r="CJ14" s="393"/>
      <c r="CK14" s="393"/>
      <c r="CL14" s="393"/>
      <c r="CM14" s="394"/>
      <c r="CQ14" s="3" ph="1"/>
      <c r="CR14" s="3" ph="1"/>
      <c r="CS14" s="3" ph="1"/>
      <c r="CT14" s="3" ph="1"/>
      <c r="CU14" s="3" ph="1"/>
      <c r="CV14" s="3" ph="1"/>
    </row>
    <row r="15" spans="1:100" ht="17.25" customHeight="1" x14ac:dyDescent="0.15">
      <c r="A15" s="428" t="s">
        <v>246</v>
      </c>
      <c r="B15" s="428"/>
      <c r="C15" s="428"/>
      <c r="D15" s="428"/>
      <c r="E15" s="428"/>
      <c r="F15" s="429">
        <v>46498</v>
      </c>
      <c r="G15" s="430"/>
      <c r="H15" s="430"/>
      <c r="I15" s="430"/>
      <c r="J15" s="430"/>
      <c r="K15" s="430"/>
      <c r="L15" s="430"/>
      <c r="M15" s="430"/>
      <c r="N15" s="523"/>
      <c r="O15" s="418"/>
      <c r="P15" s="419"/>
      <c r="Q15" s="376">
        <v>37712</v>
      </c>
      <c r="R15" s="377"/>
      <c r="S15" s="377"/>
      <c r="T15" s="377"/>
      <c r="U15" s="619" t="s">
        <v>820</v>
      </c>
      <c r="V15" s="619"/>
      <c r="W15" s="619"/>
      <c r="X15" s="619"/>
      <c r="Y15" s="11"/>
      <c r="Z15" s="12"/>
      <c r="AA15" s="12"/>
      <c r="AB15" s="12"/>
      <c r="AC15" s="12"/>
      <c r="AD15" s="12"/>
      <c r="AE15" s="12"/>
      <c r="AF15" s="12"/>
      <c r="AG15" s="12"/>
      <c r="AH15" s="12"/>
      <c r="AI15" s="12"/>
      <c r="AJ15" s="12"/>
      <c r="AK15" s="12"/>
      <c r="AL15" s="13"/>
      <c r="AM15" s="5"/>
      <c r="AN15" s="295"/>
      <c r="AO15" s="296"/>
      <c r="AP15" s="296"/>
      <c r="AQ15" s="296"/>
      <c r="AR15" s="296"/>
      <c r="AS15" s="297"/>
      <c r="AT15" s="395"/>
      <c r="AU15" s="396"/>
      <c r="AV15" s="396"/>
      <c r="AW15" s="396"/>
      <c r="AX15" s="396"/>
      <c r="AY15" s="396"/>
      <c r="AZ15" s="396"/>
      <c r="BA15" s="396"/>
      <c r="BB15" s="396"/>
      <c r="BC15" s="396"/>
      <c r="BD15" s="396"/>
      <c r="BE15" s="396"/>
      <c r="BF15" s="396"/>
      <c r="BG15" s="396"/>
      <c r="BH15" s="396"/>
      <c r="BI15" s="396"/>
      <c r="BJ15" s="396"/>
      <c r="BK15" s="396"/>
      <c r="BL15" s="396"/>
      <c r="BM15" s="396"/>
      <c r="BN15" s="396"/>
      <c r="BO15" s="396"/>
      <c r="BP15" s="396"/>
      <c r="BQ15" s="396"/>
      <c r="BR15" s="396"/>
      <c r="BS15" s="396"/>
      <c r="BT15" s="396"/>
      <c r="BU15" s="396"/>
      <c r="BV15" s="396"/>
      <c r="BW15" s="396"/>
      <c r="BX15" s="396"/>
      <c r="BY15" s="396"/>
      <c r="BZ15" s="396"/>
      <c r="CA15" s="396"/>
      <c r="CB15" s="396"/>
      <c r="CC15" s="396"/>
      <c r="CD15" s="396"/>
      <c r="CE15" s="396"/>
      <c r="CF15" s="396"/>
      <c r="CG15" s="396"/>
      <c r="CH15" s="396"/>
      <c r="CI15" s="396"/>
      <c r="CJ15" s="396"/>
      <c r="CK15" s="396"/>
      <c r="CL15" s="396"/>
      <c r="CM15" s="397"/>
    </row>
    <row r="16" spans="1:100" ht="17.25" customHeight="1" x14ac:dyDescent="0.15">
      <c r="A16" s="382" t="s">
        <v>249</v>
      </c>
      <c r="B16" s="383"/>
      <c r="C16" s="383"/>
      <c r="D16" s="383"/>
      <c r="E16" s="384"/>
      <c r="F16" s="555" t="s">
        <v>1272</v>
      </c>
      <c r="G16" s="381"/>
      <c r="H16" s="381"/>
      <c r="I16" s="381"/>
      <c r="J16" s="381"/>
      <c r="K16" s="381"/>
      <c r="L16" s="381"/>
      <c r="M16" s="381"/>
      <c r="N16" s="523"/>
      <c r="O16" s="418"/>
      <c r="P16" s="419"/>
      <c r="Q16" s="376">
        <v>38322</v>
      </c>
      <c r="R16" s="377"/>
      <c r="S16" s="377"/>
      <c r="T16" s="377"/>
      <c r="U16" s="619" t="s">
        <v>819</v>
      </c>
      <c r="V16" s="619"/>
      <c r="W16" s="619"/>
      <c r="X16" s="619"/>
      <c r="Y16" s="664" t="s">
        <v>398</v>
      </c>
      <c r="Z16" s="664"/>
      <c r="AA16" s="664"/>
      <c r="AB16" s="664"/>
      <c r="AC16" s="664"/>
      <c r="AD16" s="664"/>
      <c r="AE16" s="664"/>
      <c r="AF16" s="664"/>
      <c r="AG16" s="664"/>
      <c r="AH16" s="664"/>
      <c r="AI16" s="664"/>
      <c r="AJ16" s="664"/>
      <c r="AK16" s="664"/>
      <c r="AL16" s="665"/>
      <c r="AM16" s="5"/>
      <c r="AN16" s="292" t="s">
        <v>221</v>
      </c>
      <c r="AO16" s="293"/>
      <c r="AP16" s="293"/>
      <c r="AQ16" s="293"/>
      <c r="AR16" s="293"/>
      <c r="AS16" s="294"/>
      <c r="AT16" s="392" t="s">
        <v>1163</v>
      </c>
      <c r="AU16" s="393"/>
      <c r="AV16" s="393"/>
      <c r="AW16" s="393"/>
      <c r="AX16" s="393"/>
      <c r="AY16" s="393"/>
      <c r="AZ16" s="393"/>
      <c r="BA16" s="393"/>
      <c r="BB16" s="393"/>
      <c r="BC16" s="393"/>
      <c r="BD16" s="393"/>
      <c r="BE16" s="393"/>
      <c r="BF16" s="393"/>
      <c r="BG16" s="393"/>
      <c r="BH16" s="393"/>
      <c r="BI16" s="393"/>
      <c r="BJ16" s="393"/>
      <c r="BK16" s="393"/>
      <c r="BL16" s="393"/>
      <c r="BM16" s="393"/>
      <c r="BN16" s="393"/>
      <c r="BO16" s="393"/>
      <c r="BP16" s="393"/>
      <c r="BQ16" s="393"/>
      <c r="BR16" s="393"/>
      <c r="BS16" s="393"/>
      <c r="BT16" s="393"/>
      <c r="BU16" s="393"/>
      <c r="BV16" s="393"/>
      <c r="BW16" s="393"/>
      <c r="BX16" s="393"/>
      <c r="BY16" s="393"/>
      <c r="BZ16" s="393"/>
      <c r="CA16" s="393"/>
      <c r="CB16" s="393"/>
      <c r="CC16" s="393"/>
      <c r="CD16" s="393"/>
      <c r="CE16" s="393"/>
      <c r="CF16" s="393"/>
      <c r="CG16" s="393"/>
      <c r="CH16" s="393"/>
      <c r="CI16" s="393"/>
      <c r="CJ16" s="393"/>
      <c r="CK16" s="393"/>
      <c r="CL16" s="393"/>
      <c r="CM16" s="394"/>
      <c r="CQ16" s="3" ph="1"/>
      <c r="CR16" s="3" ph="1"/>
      <c r="CS16" s="3" ph="1"/>
      <c r="CT16" s="3" ph="1"/>
      <c r="CU16" s="3" ph="1"/>
      <c r="CV16" s="3" ph="1"/>
    </row>
    <row r="17" spans="1:100" ht="17.25" customHeight="1" x14ac:dyDescent="0.15">
      <c r="A17" s="385"/>
      <c r="B17" s="386"/>
      <c r="C17" s="386"/>
      <c r="D17" s="386"/>
      <c r="E17" s="387"/>
      <c r="F17" s="336" t="s">
        <v>1271</v>
      </c>
      <c r="G17" s="337"/>
      <c r="H17" s="337"/>
      <c r="I17" s="337"/>
      <c r="J17" s="337"/>
      <c r="K17" s="337"/>
      <c r="L17" s="337"/>
      <c r="M17" s="338"/>
      <c r="N17" s="523"/>
      <c r="O17" s="418"/>
      <c r="P17" s="419"/>
      <c r="Q17" s="376">
        <v>38796</v>
      </c>
      <c r="R17" s="377"/>
      <c r="S17" s="377"/>
      <c r="T17" s="377"/>
      <c r="U17" s="619" t="s">
        <v>326</v>
      </c>
      <c r="V17" s="619"/>
      <c r="W17" s="619"/>
      <c r="X17" s="619"/>
      <c r="Y17" s="619" t="s">
        <v>821</v>
      </c>
      <c r="Z17" s="619"/>
      <c r="AA17" s="619"/>
      <c r="AB17" s="619"/>
      <c r="AC17" s="619"/>
      <c r="AD17" s="619"/>
      <c r="AE17" s="619"/>
      <c r="AF17" s="619"/>
      <c r="AG17" s="619"/>
      <c r="AH17" s="619"/>
      <c r="AI17" s="619"/>
      <c r="AJ17" s="619"/>
      <c r="AK17" s="619"/>
      <c r="AL17" s="625"/>
      <c r="AM17" s="5"/>
      <c r="AN17" s="295"/>
      <c r="AO17" s="296"/>
      <c r="AP17" s="296"/>
      <c r="AQ17" s="296"/>
      <c r="AR17" s="296"/>
      <c r="AS17" s="297"/>
      <c r="AT17" s="395"/>
      <c r="AU17" s="396"/>
      <c r="AV17" s="396"/>
      <c r="AW17" s="396"/>
      <c r="AX17" s="396"/>
      <c r="AY17" s="396"/>
      <c r="AZ17" s="396"/>
      <c r="BA17" s="396"/>
      <c r="BB17" s="396"/>
      <c r="BC17" s="396"/>
      <c r="BD17" s="396"/>
      <c r="BE17" s="396"/>
      <c r="BF17" s="396"/>
      <c r="BG17" s="396"/>
      <c r="BH17" s="396"/>
      <c r="BI17" s="396"/>
      <c r="BJ17" s="396"/>
      <c r="BK17" s="396"/>
      <c r="BL17" s="396"/>
      <c r="BM17" s="396"/>
      <c r="BN17" s="396"/>
      <c r="BO17" s="396"/>
      <c r="BP17" s="396"/>
      <c r="BQ17" s="396"/>
      <c r="BR17" s="396"/>
      <c r="BS17" s="396"/>
      <c r="BT17" s="396"/>
      <c r="BU17" s="396"/>
      <c r="BV17" s="396"/>
      <c r="BW17" s="396"/>
      <c r="BX17" s="396"/>
      <c r="BY17" s="396"/>
      <c r="BZ17" s="396"/>
      <c r="CA17" s="396"/>
      <c r="CB17" s="396"/>
      <c r="CC17" s="396"/>
      <c r="CD17" s="396"/>
      <c r="CE17" s="396"/>
      <c r="CF17" s="396"/>
      <c r="CG17" s="396"/>
      <c r="CH17" s="396"/>
      <c r="CI17" s="396"/>
      <c r="CJ17" s="396"/>
      <c r="CK17" s="396"/>
      <c r="CL17" s="396"/>
      <c r="CM17" s="397"/>
      <c r="CQ17" s="3" ph="1"/>
      <c r="CR17" s="3" ph="1"/>
      <c r="CS17" s="3" ph="1"/>
      <c r="CT17" s="3" ph="1"/>
      <c r="CU17" s="3" ph="1"/>
      <c r="CV17" s="3" ph="1"/>
    </row>
    <row r="18" spans="1:100" ht="17.25" customHeight="1" x14ac:dyDescent="0.15">
      <c r="A18" s="385"/>
      <c r="B18" s="386"/>
      <c r="C18" s="386"/>
      <c r="D18" s="386"/>
      <c r="E18" s="387"/>
      <c r="F18" s="339"/>
      <c r="G18" s="340"/>
      <c r="H18" s="340"/>
      <c r="I18" s="340"/>
      <c r="J18" s="340"/>
      <c r="K18" s="340"/>
      <c r="L18" s="340"/>
      <c r="M18" s="341"/>
      <c r="N18" s="523"/>
      <c r="O18" s="418"/>
      <c r="P18" s="419"/>
      <c r="Q18" s="376">
        <v>39152</v>
      </c>
      <c r="R18" s="377"/>
      <c r="S18" s="377"/>
      <c r="T18" s="377"/>
      <c r="U18" s="619" t="s">
        <v>326</v>
      </c>
      <c r="V18" s="619"/>
      <c r="W18" s="619"/>
      <c r="X18" s="619"/>
      <c r="Y18" s="619" t="s">
        <v>327</v>
      </c>
      <c r="Z18" s="619"/>
      <c r="AA18" s="619"/>
      <c r="AB18" s="619"/>
      <c r="AC18" s="619"/>
      <c r="AD18" s="619"/>
      <c r="AE18" s="619"/>
      <c r="AF18" s="619"/>
      <c r="AG18" s="619"/>
      <c r="AH18" s="619"/>
      <c r="AI18" s="619"/>
      <c r="AJ18" s="619"/>
      <c r="AK18" s="619"/>
      <c r="AL18" s="625"/>
      <c r="AM18" s="5"/>
      <c r="AN18" s="292" t="s">
        <v>222</v>
      </c>
      <c r="AO18" s="293"/>
      <c r="AP18" s="293"/>
      <c r="AQ18" s="293"/>
      <c r="AR18" s="293"/>
      <c r="AS18" s="294"/>
      <c r="AT18" s="626" t="s">
        <v>780</v>
      </c>
      <c r="AU18" s="627"/>
      <c r="AV18" s="627"/>
      <c r="AW18" s="627"/>
      <c r="AX18" s="627"/>
      <c r="AY18" s="627"/>
      <c r="AZ18" s="627"/>
      <c r="BA18" s="627"/>
      <c r="BB18" s="627"/>
      <c r="BC18" s="627"/>
      <c r="BD18" s="627"/>
      <c r="BE18" s="627"/>
      <c r="BF18" s="627"/>
      <c r="BG18" s="627"/>
      <c r="BH18" s="627"/>
      <c r="BI18" s="627"/>
      <c r="BJ18" s="627"/>
      <c r="BK18" s="627"/>
      <c r="BL18" s="627"/>
      <c r="BM18" s="627"/>
      <c r="BN18" s="627"/>
      <c r="BO18" s="627"/>
      <c r="BP18" s="627"/>
      <c r="BQ18" s="627"/>
      <c r="BR18" s="627"/>
      <c r="BS18" s="627"/>
      <c r="BT18" s="627"/>
      <c r="BU18" s="627"/>
      <c r="BV18" s="627"/>
      <c r="BW18" s="627"/>
      <c r="BX18" s="627"/>
      <c r="BY18" s="627"/>
      <c r="BZ18" s="627"/>
      <c r="CA18" s="627"/>
      <c r="CB18" s="627"/>
      <c r="CC18" s="627"/>
      <c r="CD18" s="627"/>
      <c r="CE18" s="627"/>
      <c r="CF18" s="627"/>
      <c r="CG18" s="627"/>
      <c r="CH18" s="627"/>
      <c r="CI18" s="627"/>
      <c r="CJ18" s="627"/>
      <c r="CK18" s="627"/>
      <c r="CL18" s="627"/>
      <c r="CM18" s="628"/>
      <c r="CQ18" s="3" ph="1"/>
      <c r="CR18" s="3" ph="1"/>
      <c r="CS18" s="3" ph="1"/>
      <c r="CT18" s="3" ph="1"/>
      <c r="CU18" s="3" ph="1"/>
      <c r="CV18" s="3" ph="1"/>
    </row>
    <row r="19" spans="1:100" ht="17.25" customHeight="1" x14ac:dyDescent="0.15">
      <c r="A19" s="385"/>
      <c r="B19" s="386"/>
      <c r="C19" s="386"/>
      <c r="D19" s="386"/>
      <c r="E19" s="387"/>
      <c r="F19" s="521" t="s">
        <v>1273</v>
      </c>
      <c r="G19" s="346"/>
      <c r="H19" s="346"/>
      <c r="I19" s="346"/>
      <c r="J19" s="346"/>
      <c r="K19" s="346"/>
      <c r="L19" s="346"/>
      <c r="M19" s="346"/>
      <c r="N19" s="523"/>
      <c r="O19" s="418"/>
      <c r="P19" s="419"/>
      <c r="Q19" s="376">
        <v>39417</v>
      </c>
      <c r="R19" s="377"/>
      <c r="S19" s="377"/>
      <c r="T19" s="377"/>
      <c r="U19" s="619" t="s">
        <v>328</v>
      </c>
      <c r="V19" s="619"/>
      <c r="W19" s="619"/>
      <c r="X19" s="619"/>
      <c r="Y19" s="619" t="s">
        <v>398</v>
      </c>
      <c r="Z19" s="619"/>
      <c r="AA19" s="619"/>
      <c r="AB19" s="619"/>
      <c r="AC19" s="619"/>
      <c r="AD19" s="619"/>
      <c r="AE19" s="619"/>
      <c r="AF19" s="619"/>
      <c r="AG19" s="619"/>
      <c r="AH19" s="619"/>
      <c r="AI19" s="619"/>
      <c r="AJ19" s="619"/>
      <c r="AK19" s="619"/>
      <c r="AL19" s="625"/>
      <c r="AM19" s="5"/>
      <c r="AN19" s="295"/>
      <c r="AO19" s="296"/>
      <c r="AP19" s="296"/>
      <c r="AQ19" s="296"/>
      <c r="AR19" s="296"/>
      <c r="AS19" s="297"/>
      <c r="AT19" s="629"/>
      <c r="AU19" s="630"/>
      <c r="AV19" s="630"/>
      <c r="AW19" s="630"/>
      <c r="AX19" s="630"/>
      <c r="AY19" s="630"/>
      <c r="AZ19" s="630"/>
      <c r="BA19" s="630"/>
      <c r="BB19" s="630"/>
      <c r="BC19" s="630"/>
      <c r="BD19" s="630"/>
      <c r="BE19" s="630"/>
      <c r="BF19" s="630"/>
      <c r="BG19" s="630"/>
      <c r="BH19" s="630"/>
      <c r="BI19" s="630"/>
      <c r="BJ19" s="630"/>
      <c r="BK19" s="630"/>
      <c r="BL19" s="630"/>
      <c r="BM19" s="630"/>
      <c r="BN19" s="630"/>
      <c r="BO19" s="630"/>
      <c r="BP19" s="630"/>
      <c r="BQ19" s="630"/>
      <c r="BR19" s="630"/>
      <c r="BS19" s="630"/>
      <c r="BT19" s="630"/>
      <c r="BU19" s="630"/>
      <c r="BV19" s="630"/>
      <c r="BW19" s="630"/>
      <c r="BX19" s="630"/>
      <c r="BY19" s="630"/>
      <c r="BZ19" s="630"/>
      <c r="CA19" s="630"/>
      <c r="CB19" s="630"/>
      <c r="CC19" s="630"/>
      <c r="CD19" s="630"/>
      <c r="CE19" s="630"/>
      <c r="CF19" s="630"/>
      <c r="CG19" s="630"/>
      <c r="CH19" s="630"/>
      <c r="CI19" s="630"/>
      <c r="CJ19" s="630"/>
      <c r="CK19" s="630"/>
      <c r="CL19" s="630"/>
      <c r="CM19" s="631"/>
      <c r="CQ19" s="3" ph="1"/>
      <c r="CR19" s="3" ph="1"/>
      <c r="CS19" s="3" ph="1"/>
      <c r="CT19" s="3" ph="1"/>
      <c r="CU19" s="3" ph="1"/>
      <c r="CV19" s="3" ph="1"/>
    </row>
    <row r="20" spans="1:100" ht="17.25" customHeight="1" x14ac:dyDescent="0.15">
      <c r="A20" s="385"/>
      <c r="B20" s="386"/>
      <c r="C20" s="386"/>
      <c r="D20" s="386"/>
      <c r="E20" s="387"/>
      <c r="F20" s="336" t="s">
        <v>1203</v>
      </c>
      <c r="G20" s="337"/>
      <c r="H20" s="337"/>
      <c r="I20" s="337"/>
      <c r="J20" s="337"/>
      <c r="K20" s="337"/>
      <c r="L20" s="337"/>
      <c r="M20" s="338"/>
      <c r="N20" s="523"/>
      <c r="O20" s="418"/>
      <c r="P20" s="419"/>
      <c r="Q20" s="376">
        <v>40269</v>
      </c>
      <c r="R20" s="377"/>
      <c r="S20" s="377"/>
      <c r="T20" s="377"/>
      <c r="U20" s="14" t="s">
        <v>253</v>
      </c>
      <c r="V20" s="14"/>
      <c r="W20" s="14"/>
      <c r="X20" s="14"/>
      <c r="Y20" s="74"/>
      <c r="Z20" s="74"/>
      <c r="AA20" s="74"/>
      <c r="AB20" s="74"/>
      <c r="AC20" s="74"/>
      <c r="AD20" s="74"/>
      <c r="AE20" s="74"/>
      <c r="AF20" s="74"/>
      <c r="AG20" s="74"/>
      <c r="AH20" s="74"/>
      <c r="AI20" s="74"/>
      <c r="AJ20" s="74"/>
      <c r="AK20" s="74"/>
      <c r="AL20" s="75"/>
      <c r="AM20" s="5"/>
      <c r="AN20" s="388" t="s">
        <v>257</v>
      </c>
      <c r="AO20" s="388"/>
      <c r="AP20" s="389"/>
      <c r="AQ20" s="389"/>
      <c r="AR20" s="389"/>
      <c r="AS20" s="389"/>
      <c r="AT20" s="389"/>
      <c r="AU20" s="389"/>
      <c r="AV20" s="389"/>
      <c r="AW20" s="389"/>
      <c r="AX20" s="389"/>
      <c r="AY20" s="389"/>
      <c r="AZ20" s="389"/>
      <c r="BA20" s="389"/>
      <c r="BB20" s="389"/>
      <c r="BC20" s="389"/>
      <c r="BD20" s="389"/>
      <c r="BE20" s="389"/>
      <c r="BF20" s="389"/>
      <c r="BG20" s="389"/>
      <c r="BH20" s="389"/>
      <c r="BI20" s="389"/>
      <c r="BJ20" s="389"/>
      <c r="BK20" s="389"/>
      <c r="BL20" s="389"/>
      <c r="BM20" s="389"/>
      <c r="BN20" s="389"/>
      <c r="BO20" s="389"/>
      <c r="BP20" s="389"/>
      <c r="BQ20" s="389"/>
      <c r="BR20" s="389"/>
      <c r="BS20" s="389"/>
      <c r="BT20" s="389"/>
      <c r="BU20" s="389"/>
      <c r="BV20" s="389"/>
      <c r="BW20" s="389"/>
      <c r="BX20" s="389"/>
      <c r="BY20" s="389"/>
      <c r="BZ20" s="389"/>
      <c r="CA20" s="389"/>
      <c r="CB20" s="389"/>
      <c r="CC20" s="389"/>
      <c r="CD20" s="389"/>
      <c r="CE20" s="389"/>
      <c r="CF20" s="389"/>
      <c r="CG20" s="389"/>
      <c r="CH20" s="389"/>
      <c r="CI20" s="389"/>
      <c r="CJ20" s="389"/>
      <c r="CK20" s="389"/>
      <c r="CL20" s="389"/>
      <c r="CM20" s="389"/>
      <c r="CQ20" s="3" ph="1"/>
      <c r="CR20" s="3" ph="1"/>
      <c r="CS20" s="3" ph="1"/>
      <c r="CT20" s="3" ph="1"/>
      <c r="CU20" s="3" ph="1"/>
      <c r="CV20" s="3" ph="1"/>
    </row>
    <row r="21" spans="1:100" ht="17.25" customHeight="1" x14ac:dyDescent="0.15">
      <c r="A21" s="385"/>
      <c r="B21" s="386"/>
      <c r="C21" s="386"/>
      <c r="D21" s="386"/>
      <c r="E21" s="387"/>
      <c r="F21" s="339"/>
      <c r="G21" s="340"/>
      <c r="H21" s="340"/>
      <c r="I21" s="340"/>
      <c r="J21" s="340"/>
      <c r="K21" s="340"/>
      <c r="L21" s="340"/>
      <c r="M21" s="341"/>
      <c r="N21" s="523"/>
      <c r="O21" s="418"/>
      <c r="P21" s="419"/>
      <c r="Q21" s="376">
        <v>40269</v>
      </c>
      <c r="R21" s="377"/>
      <c r="S21" s="377"/>
      <c r="T21" s="377"/>
      <c r="U21" s="620" t="s">
        <v>329</v>
      </c>
      <c r="V21" s="620"/>
      <c r="W21" s="620"/>
      <c r="X21" s="620"/>
      <c r="Y21" s="619" t="s">
        <v>330</v>
      </c>
      <c r="Z21" s="619"/>
      <c r="AA21" s="619"/>
      <c r="AB21" s="619"/>
      <c r="AC21" s="619"/>
      <c r="AD21" s="619"/>
      <c r="AE21" s="619"/>
      <c r="AF21" s="619"/>
      <c r="AG21" s="619"/>
      <c r="AH21" s="619"/>
      <c r="AI21" s="619"/>
      <c r="AJ21" s="619"/>
      <c r="AK21" s="619"/>
      <c r="AL21" s="625"/>
      <c r="AM21" s="5"/>
      <c r="AN21" s="2" t="s">
        <v>16</v>
      </c>
      <c r="AO21" s="487" t="s">
        <v>1071</v>
      </c>
      <c r="AP21" s="487"/>
      <c r="AQ21" s="487"/>
      <c r="AR21" s="487"/>
      <c r="AS21" s="487"/>
      <c r="AT21" s="487"/>
      <c r="AU21" s="487"/>
      <c r="AV21" s="487"/>
      <c r="AW21" s="487"/>
      <c r="AX21" s="487"/>
      <c r="AY21" s="487"/>
      <c r="AZ21" s="487"/>
      <c r="BA21" s="487"/>
      <c r="BB21" s="487"/>
      <c r="BC21" s="487"/>
      <c r="BD21" s="487"/>
      <c r="BE21" s="487"/>
      <c r="BF21" s="487"/>
      <c r="BG21" s="487"/>
      <c r="BH21" s="487"/>
      <c r="BI21" s="487"/>
      <c r="BJ21" s="487"/>
      <c r="BK21" s="487"/>
      <c r="BL21" s="487"/>
      <c r="BM21" s="487"/>
      <c r="BN21" s="487"/>
      <c r="BO21" s="487"/>
      <c r="BP21" s="487"/>
      <c r="BQ21" s="487"/>
      <c r="BR21" s="487"/>
      <c r="BS21" s="487"/>
      <c r="BT21" s="487"/>
      <c r="BU21" s="487"/>
      <c r="BV21" s="487"/>
      <c r="BW21" s="487"/>
      <c r="BX21" s="487"/>
      <c r="BY21" s="487"/>
      <c r="BZ21" s="487"/>
      <c r="CA21" s="487"/>
      <c r="CB21" s="487"/>
      <c r="CC21" s="487"/>
      <c r="CD21" s="487"/>
      <c r="CE21" s="487"/>
      <c r="CF21" s="487"/>
      <c r="CG21" s="487"/>
      <c r="CH21" s="487"/>
      <c r="CI21" s="487"/>
      <c r="CJ21" s="487"/>
      <c r="CK21" s="487"/>
      <c r="CL21" s="487"/>
      <c r="CM21" s="488"/>
      <c r="CQ21" s="3" ph="1"/>
      <c r="CR21" s="3" ph="1"/>
      <c r="CS21" s="3" ph="1"/>
      <c r="CT21" s="3" ph="1"/>
      <c r="CU21" s="3" ph="1"/>
      <c r="CV21" s="3" ph="1"/>
    </row>
    <row r="22" spans="1:100" ht="17.25" customHeight="1" x14ac:dyDescent="0.15">
      <c r="A22" s="385"/>
      <c r="B22" s="386"/>
      <c r="C22" s="386"/>
      <c r="D22" s="386"/>
      <c r="E22" s="387"/>
      <c r="F22" s="555" t="s">
        <v>1065</v>
      </c>
      <c r="G22" s="381"/>
      <c r="H22" s="381"/>
      <c r="I22" s="381"/>
      <c r="J22" s="381"/>
      <c r="K22" s="381"/>
      <c r="L22" s="381"/>
      <c r="M22" s="381"/>
      <c r="N22" s="523"/>
      <c r="O22" s="418"/>
      <c r="P22" s="419"/>
      <c r="Q22" s="376">
        <v>40513</v>
      </c>
      <c r="R22" s="377"/>
      <c r="S22" s="377"/>
      <c r="T22" s="377"/>
      <c r="U22" s="653" t="s">
        <v>328</v>
      </c>
      <c r="V22" s="653"/>
      <c r="W22" s="653"/>
      <c r="X22" s="653"/>
      <c r="Y22" s="653" t="s">
        <v>398</v>
      </c>
      <c r="Z22" s="653"/>
      <c r="AA22" s="653"/>
      <c r="AB22" s="653"/>
      <c r="AC22" s="653"/>
      <c r="AD22" s="653"/>
      <c r="AE22" s="653"/>
      <c r="AF22" s="653"/>
      <c r="AG22" s="653"/>
      <c r="AH22" s="653"/>
      <c r="AI22" s="653"/>
      <c r="AJ22" s="653"/>
      <c r="AK22" s="653"/>
      <c r="AL22" s="654"/>
      <c r="AM22" s="5"/>
      <c r="AN22" s="37"/>
      <c r="AO22" s="556" t="s">
        <v>1072</v>
      </c>
      <c r="AP22" s="556"/>
      <c r="AQ22" s="556"/>
      <c r="AR22" s="556"/>
      <c r="AS22" s="556"/>
      <c r="AT22" s="556"/>
      <c r="AU22" s="556"/>
      <c r="AV22" s="556"/>
      <c r="AW22" s="556"/>
      <c r="AX22" s="556"/>
      <c r="AY22" s="556"/>
      <c r="AZ22" s="556"/>
      <c r="BA22" s="556"/>
      <c r="BB22" s="556"/>
      <c r="BC22" s="556"/>
      <c r="BD22" s="556"/>
      <c r="BE22" s="556"/>
      <c r="BF22" s="556"/>
      <c r="BG22" s="556"/>
      <c r="BH22" s="556"/>
      <c r="BI22" s="556"/>
      <c r="BJ22" s="556"/>
      <c r="BK22" s="556"/>
      <c r="BL22" s="556"/>
      <c r="BM22" s="556"/>
      <c r="BN22" s="556"/>
      <c r="BO22" s="556"/>
      <c r="BP22" s="556"/>
      <c r="BQ22" s="556"/>
      <c r="BR22" s="556"/>
      <c r="BS22" s="556"/>
      <c r="BT22" s="556"/>
      <c r="BU22" s="556"/>
      <c r="BV22" s="556"/>
      <c r="BW22" s="556"/>
      <c r="BX22" s="556"/>
      <c r="BY22" s="556"/>
      <c r="BZ22" s="556"/>
      <c r="CA22" s="556"/>
      <c r="CB22" s="556"/>
      <c r="CC22" s="556"/>
      <c r="CD22" s="556"/>
      <c r="CE22" s="556"/>
      <c r="CF22" s="556"/>
      <c r="CG22" s="556"/>
      <c r="CH22" s="556"/>
      <c r="CI22" s="556"/>
      <c r="CJ22" s="556"/>
      <c r="CK22" s="556"/>
      <c r="CL22" s="556"/>
      <c r="CM22" s="557"/>
      <c r="CQ22" s="3" ph="1"/>
      <c r="CR22" s="3" ph="1"/>
      <c r="CS22" s="3" ph="1"/>
      <c r="CT22" s="3" ph="1"/>
      <c r="CU22" s="3" ph="1"/>
      <c r="CV22" s="3" ph="1"/>
    </row>
    <row r="23" spans="1:100" ht="17.25" customHeight="1" x14ac:dyDescent="0.15">
      <c r="A23" s="385"/>
      <c r="B23" s="386"/>
      <c r="C23" s="386"/>
      <c r="D23" s="386"/>
      <c r="E23" s="387"/>
      <c r="F23" s="373" t="s">
        <v>1064</v>
      </c>
      <c r="G23" s="374"/>
      <c r="H23" s="374"/>
      <c r="I23" s="374"/>
      <c r="J23" s="374"/>
      <c r="K23" s="374"/>
      <c r="L23" s="374"/>
      <c r="M23" s="374"/>
      <c r="N23" s="523"/>
      <c r="O23" s="418"/>
      <c r="P23" s="419"/>
      <c r="Q23" s="376">
        <v>41609</v>
      </c>
      <c r="R23" s="377"/>
      <c r="S23" s="377"/>
      <c r="T23" s="377"/>
      <c r="U23" s="620" t="s">
        <v>328</v>
      </c>
      <c r="V23" s="620"/>
      <c r="W23" s="620"/>
      <c r="X23" s="620"/>
      <c r="Y23" s="653" t="s">
        <v>398</v>
      </c>
      <c r="Z23" s="653"/>
      <c r="AA23" s="653"/>
      <c r="AB23" s="653"/>
      <c r="AC23" s="653"/>
      <c r="AD23" s="653"/>
      <c r="AE23" s="653"/>
      <c r="AF23" s="653"/>
      <c r="AG23" s="653"/>
      <c r="AH23" s="653"/>
      <c r="AI23" s="653"/>
      <c r="AJ23" s="653"/>
      <c r="AK23" s="653"/>
      <c r="AL23" s="654"/>
      <c r="AM23" s="5"/>
      <c r="AN23" s="37"/>
      <c r="AO23" s="655" t="s">
        <v>1073</v>
      </c>
      <c r="AP23" s="655"/>
      <c r="AQ23" s="655"/>
      <c r="AR23" s="655"/>
      <c r="AS23" s="655"/>
      <c r="AT23" s="655"/>
      <c r="AU23" s="655"/>
      <c r="AV23" s="655"/>
      <c r="AW23" s="655"/>
      <c r="AX23" s="655"/>
      <c r="AY23" s="655"/>
      <c r="AZ23" s="655"/>
      <c r="BA23" s="655"/>
      <c r="BB23" s="655"/>
      <c r="BC23" s="655"/>
      <c r="BD23" s="655"/>
      <c r="BE23" s="655"/>
      <c r="BF23" s="655"/>
      <c r="BG23" s="655"/>
      <c r="BH23" s="655"/>
      <c r="BI23" s="655"/>
      <c r="BJ23" s="655"/>
      <c r="BK23" s="655"/>
      <c r="BL23" s="655"/>
      <c r="BM23" s="655"/>
      <c r="BN23" s="655"/>
      <c r="BO23" s="655"/>
      <c r="BP23" s="655"/>
      <c r="BQ23" s="655"/>
      <c r="BR23" s="655"/>
      <c r="BS23" s="655"/>
      <c r="BT23" s="655"/>
      <c r="BU23" s="655"/>
      <c r="BV23" s="655"/>
      <c r="BW23" s="655"/>
      <c r="BX23" s="655"/>
      <c r="BY23" s="655"/>
      <c r="BZ23" s="655"/>
      <c r="CA23" s="655"/>
      <c r="CB23" s="655"/>
      <c r="CC23" s="655"/>
      <c r="CD23" s="655"/>
      <c r="CE23" s="655"/>
      <c r="CF23" s="655"/>
      <c r="CG23" s="655"/>
      <c r="CH23" s="655"/>
      <c r="CI23" s="655"/>
      <c r="CJ23" s="655"/>
      <c r="CK23" s="655"/>
      <c r="CL23" s="655"/>
      <c r="CM23" s="656"/>
      <c r="CQ23" s="3" ph="1"/>
      <c r="CR23" s="3" ph="1"/>
      <c r="CS23" s="3" ph="1"/>
      <c r="CT23" s="3" ph="1"/>
      <c r="CU23" s="3" ph="1"/>
      <c r="CV23" s="3" ph="1"/>
    </row>
    <row r="24" spans="1:100" ht="17.25" customHeight="1" x14ac:dyDescent="0.15">
      <c r="A24" s="385"/>
      <c r="B24" s="386"/>
      <c r="C24" s="386"/>
      <c r="D24" s="386"/>
      <c r="E24" s="387"/>
      <c r="F24" s="375"/>
      <c r="G24" s="375"/>
      <c r="H24" s="375"/>
      <c r="I24" s="375"/>
      <c r="J24" s="375"/>
      <c r="K24" s="375"/>
      <c r="L24" s="375"/>
      <c r="M24" s="375"/>
      <c r="N24" s="523"/>
      <c r="O24" s="418"/>
      <c r="P24" s="419"/>
      <c r="Q24" s="376">
        <v>42705</v>
      </c>
      <c r="R24" s="377"/>
      <c r="S24" s="377"/>
      <c r="T24" s="377"/>
      <c r="U24" s="652" t="s">
        <v>819</v>
      </c>
      <c r="V24" s="652"/>
      <c r="W24" s="652"/>
      <c r="X24" s="652"/>
      <c r="Y24" s="662" t="s">
        <v>822</v>
      </c>
      <c r="Z24" s="662"/>
      <c r="AA24" s="662"/>
      <c r="AB24" s="662"/>
      <c r="AC24" s="662"/>
      <c r="AD24" s="662"/>
      <c r="AE24" s="662"/>
      <c r="AF24" s="662"/>
      <c r="AG24" s="662"/>
      <c r="AH24" s="662"/>
      <c r="AI24" s="662"/>
      <c r="AJ24" s="662"/>
      <c r="AK24" s="662"/>
      <c r="AL24" s="663"/>
      <c r="AM24" s="5"/>
      <c r="AN24" s="37"/>
      <c r="AO24" s="556" t="s">
        <v>1074</v>
      </c>
      <c r="AP24" s="556"/>
      <c r="AQ24" s="556"/>
      <c r="AR24" s="556"/>
      <c r="AS24" s="556"/>
      <c r="AT24" s="556"/>
      <c r="AU24" s="556"/>
      <c r="AV24" s="556"/>
      <c r="AW24" s="556"/>
      <c r="AX24" s="556"/>
      <c r="AY24" s="556"/>
      <c r="AZ24" s="556"/>
      <c r="BA24" s="556"/>
      <c r="BB24" s="556"/>
      <c r="BC24" s="556"/>
      <c r="BD24" s="556"/>
      <c r="BE24" s="556"/>
      <c r="BF24" s="556"/>
      <c r="BG24" s="556"/>
      <c r="BH24" s="556"/>
      <c r="BI24" s="556"/>
      <c r="BJ24" s="556"/>
      <c r="BK24" s="556"/>
      <c r="BL24" s="556"/>
      <c r="BM24" s="556"/>
      <c r="BN24" s="556"/>
      <c r="BO24" s="556"/>
      <c r="BP24" s="556"/>
      <c r="BQ24" s="556"/>
      <c r="BR24" s="556"/>
      <c r="BS24" s="556"/>
      <c r="BT24" s="556"/>
      <c r="BU24" s="556"/>
      <c r="BV24" s="556"/>
      <c r="BW24" s="556"/>
      <c r="BX24" s="556"/>
      <c r="BY24" s="556"/>
      <c r="BZ24" s="556"/>
      <c r="CA24" s="556"/>
      <c r="CB24" s="556"/>
      <c r="CC24" s="556"/>
      <c r="CD24" s="556"/>
      <c r="CE24" s="556"/>
      <c r="CF24" s="556"/>
      <c r="CG24" s="556"/>
      <c r="CH24" s="556"/>
      <c r="CI24" s="556"/>
      <c r="CJ24" s="556"/>
      <c r="CK24" s="556"/>
      <c r="CL24" s="556"/>
      <c r="CM24" s="557"/>
      <c r="CQ24" s="3" ph="1"/>
      <c r="CR24" s="3" ph="1"/>
      <c r="CS24" s="3" ph="1"/>
      <c r="CT24" s="3" ph="1"/>
      <c r="CU24" s="3" ph="1"/>
      <c r="CV24" s="3" ph="1"/>
    </row>
    <row r="25" spans="1:100" ht="17.25" customHeight="1" x14ac:dyDescent="0.15">
      <c r="A25" s="332" t="s">
        <v>259</v>
      </c>
      <c r="B25" s="332"/>
      <c r="C25" s="332"/>
      <c r="D25" s="332"/>
      <c r="E25" s="332"/>
      <c r="F25" s="666" t="s">
        <v>1643</v>
      </c>
      <c r="G25" s="667"/>
      <c r="H25" s="667"/>
      <c r="I25" s="667"/>
      <c r="J25" s="667"/>
      <c r="K25" s="667"/>
      <c r="L25" s="667"/>
      <c r="M25" s="667"/>
      <c r="N25" s="523"/>
      <c r="O25" s="420"/>
      <c r="P25" s="421"/>
      <c r="Q25" s="657">
        <v>44166</v>
      </c>
      <c r="R25" s="658"/>
      <c r="S25" s="658"/>
      <c r="T25" s="658"/>
      <c r="U25" s="659" t="s">
        <v>823</v>
      </c>
      <c r="V25" s="659"/>
      <c r="W25" s="659"/>
      <c r="X25" s="659"/>
      <c r="Y25" s="659" t="s">
        <v>735</v>
      </c>
      <c r="Z25" s="659"/>
      <c r="AA25" s="659"/>
      <c r="AB25" s="659"/>
      <c r="AC25" s="659"/>
      <c r="AD25" s="659"/>
      <c r="AE25" s="660" t="s">
        <v>734</v>
      </c>
      <c r="AF25" s="660"/>
      <c r="AG25" s="660"/>
      <c r="AH25" s="660"/>
      <c r="AI25" s="660"/>
      <c r="AJ25" s="660"/>
      <c r="AK25" s="660"/>
      <c r="AL25" s="661"/>
      <c r="AM25" s="5"/>
      <c r="AN25" s="37"/>
      <c r="AO25" s="668"/>
      <c r="AP25" s="668"/>
      <c r="AQ25" s="668"/>
      <c r="AR25" s="668"/>
      <c r="AS25" s="668"/>
      <c r="AT25" s="668"/>
      <c r="AU25" s="668"/>
      <c r="AV25" s="668"/>
      <c r="AW25" s="668"/>
      <c r="AX25" s="668"/>
      <c r="AY25" s="668"/>
      <c r="AZ25" s="668"/>
      <c r="BA25" s="668"/>
      <c r="BB25" s="668"/>
      <c r="BC25" s="668"/>
      <c r="BD25" s="668"/>
      <c r="BE25" s="668"/>
      <c r="BF25" s="668"/>
      <c r="BG25" s="668"/>
      <c r="BH25" s="668"/>
      <c r="BI25" s="668"/>
      <c r="BJ25" s="668"/>
      <c r="BK25" s="668"/>
      <c r="BL25" s="668"/>
      <c r="BM25" s="668"/>
      <c r="BN25" s="668"/>
      <c r="BO25" s="668"/>
      <c r="BP25" s="668"/>
      <c r="BQ25" s="668"/>
      <c r="BR25" s="668"/>
      <c r="BS25" s="668"/>
      <c r="BT25" s="668"/>
      <c r="BU25" s="668"/>
      <c r="BV25" s="668"/>
      <c r="BW25" s="668"/>
      <c r="BX25" s="668"/>
      <c r="BY25" s="668"/>
      <c r="BZ25" s="668"/>
      <c r="CA25" s="668"/>
      <c r="CB25" s="668"/>
      <c r="CC25" s="668"/>
      <c r="CD25" s="668"/>
      <c r="CE25" s="668"/>
      <c r="CF25" s="668"/>
      <c r="CG25" s="668"/>
      <c r="CH25" s="668"/>
      <c r="CI25" s="668"/>
      <c r="CJ25" s="668"/>
      <c r="CK25" s="668"/>
      <c r="CL25" s="668"/>
      <c r="CM25" s="669"/>
      <c r="CQ25" s="3" ph="1"/>
      <c r="CR25" s="3" ph="1"/>
      <c r="CS25" s="3" ph="1"/>
      <c r="CT25" s="3" ph="1"/>
      <c r="CU25" s="3" ph="1"/>
      <c r="CV25" s="3" ph="1"/>
    </row>
    <row r="26" spans="1:100" ht="17.25" customHeight="1" x14ac:dyDescent="0.15">
      <c r="A26" s="328"/>
      <c r="B26" s="328"/>
      <c r="C26" s="328"/>
      <c r="D26" s="328"/>
      <c r="E26" s="328"/>
      <c r="F26" s="336" t="s">
        <v>1642</v>
      </c>
      <c r="G26" s="337"/>
      <c r="H26" s="337"/>
      <c r="I26" s="337"/>
      <c r="J26" s="337"/>
      <c r="K26" s="337"/>
      <c r="L26" s="337"/>
      <c r="M26" s="338"/>
      <c r="N26" s="523"/>
      <c r="O26" s="191" t="s">
        <v>258</v>
      </c>
      <c r="P26" s="192"/>
      <c r="Q26" s="486" t="s">
        <v>312</v>
      </c>
      <c r="R26" s="487"/>
      <c r="S26" s="487"/>
      <c r="T26" s="487"/>
      <c r="U26" s="487"/>
      <c r="V26" s="487"/>
      <c r="W26" s="487"/>
      <c r="X26" s="487"/>
      <c r="Y26" s="487"/>
      <c r="Z26" s="487"/>
      <c r="AA26" s="487"/>
      <c r="AB26" s="487"/>
      <c r="AC26" s="487"/>
      <c r="AD26" s="487"/>
      <c r="AE26" s="487"/>
      <c r="AF26" s="487"/>
      <c r="AG26" s="487"/>
      <c r="AH26" s="487"/>
      <c r="AI26" s="487"/>
      <c r="AJ26" s="487"/>
      <c r="AK26" s="487"/>
      <c r="AL26" s="488"/>
      <c r="AM26" s="5"/>
      <c r="AN26" s="37"/>
      <c r="AO26" s="670"/>
      <c r="AP26" s="670"/>
      <c r="AQ26" s="670"/>
      <c r="AR26" s="670"/>
      <c r="AS26" s="670"/>
      <c r="AT26" s="670"/>
      <c r="AU26" s="670"/>
      <c r="AV26" s="670"/>
      <c r="AW26" s="670"/>
      <c r="AX26" s="670"/>
      <c r="AY26" s="670"/>
      <c r="AZ26" s="670"/>
      <c r="BA26" s="670"/>
      <c r="BB26" s="670"/>
      <c r="BC26" s="670"/>
      <c r="BD26" s="670"/>
      <c r="BE26" s="670"/>
      <c r="BF26" s="670"/>
      <c r="BG26" s="670"/>
      <c r="BH26" s="670"/>
      <c r="BI26" s="670"/>
      <c r="BJ26" s="670"/>
      <c r="BK26" s="670"/>
      <c r="BL26" s="670"/>
      <c r="BM26" s="670"/>
      <c r="BN26" s="670"/>
      <c r="BO26" s="670"/>
      <c r="BP26" s="670"/>
      <c r="BQ26" s="670"/>
      <c r="BR26" s="670"/>
      <c r="BS26" s="670"/>
      <c r="BT26" s="670"/>
      <c r="BU26" s="670"/>
      <c r="BV26" s="670"/>
      <c r="BW26" s="670"/>
      <c r="BX26" s="670"/>
      <c r="BY26" s="670"/>
      <c r="BZ26" s="670"/>
      <c r="CA26" s="670"/>
      <c r="CB26" s="670"/>
      <c r="CC26" s="670"/>
      <c r="CD26" s="670"/>
      <c r="CE26" s="670"/>
      <c r="CF26" s="670"/>
      <c r="CG26" s="670"/>
      <c r="CH26" s="670"/>
      <c r="CI26" s="670"/>
      <c r="CJ26" s="670"/>
      <c r="CK26" s="670"/>
      <c r="CL26" s="670"/>
      <c r="CM26" s="671"/>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193"/>
      <c r="P27" s="194"/>
      <c r="Q27" s="342">
        <v>27353</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37"/>
      <c r="AO27" s="670"/>
      <c r="AP27" s="670"/>
      <c r="AQ27" s="670"/>
      <c r="AR27" s="670"/>
      <c r="AS27" s="670"/>
      <c r="AT27" s="670"/>
      <c r="AU27" s="670"/>
      <c r="AV27" s="670"/>
      <c r="AW27" s="670"/>
      <c r="AX27" s="670"/>
      <c r="AY27" s="670"/>
      <c r="AZ27" s="670"/>
      <c r="BA27" s="670"/>
      <c r="BB27" s="670"/>
      <c r="BC27" s="670"/>
      <c r="BD27" s="670"/>
      <c r="BE27" s="670"/>
      <c r="BF27" s="670"/>
      <c r="BG27" s="670"/>
      <c r="BH27" s="670"/>
      <c r="BI27" s="670"/>
      <c r="BJ27" s="670"/>
      <c r="BK27" s="670"/>
      <c r="BL27" s="670"/>
      <c r="BM27" s="670"/>
      <c r="BN27" s="670"/>
      <c r="BO27" s="670"/>
      <c r="BP27" s="670"/>
      <c r="BQ27" s="670"/>
      <c r="BR27" s="670"/>
      <c r="BS27" s="670"/>
      <c r="BT27" s="670"/>
      <c r="BU27" s="670"/>
      <c r="BV27" s="670"/>
      <c r="BW27" s="670"/>
      <c r="BX27" s="670"/>
      <c r="BY27" s="670"/>
      <c r="BZ27" s="670"/>
      <c r="CA27" s="670"/>
      <c r="CB27" s="670"/>
      <c r="CC27" s="670"/>
      <c r="CD27" s="670"/>
      <c r="CE27" s="670"/>
      <c r="CF27" s="670"/>
      <c r="CG27" s="670"/>
      <c r="CH27" s="670"/>
      <c r="CI27" s="670"/>
      <c r="CJ27" s="670"/>
      <c r="CK27" s="670"/>
      <c r="CL27" s="670"/>
      <c r="CM27" s="671"/>
      <c r="CN27" s="33"/>
      <c r="CQ27" s="3" ph="1"/>
      <c r="CR27" s="3" ph="1"/>
      <c r="CS27" s="3" ph="1"/>
      <c r="CT27" s="3" ph="1"/>
      <c r="CU27" s="3" ph="1"/>
      <c r="CV27" s="3" ph="1"/>
    </row>
    <row r="28" spans="1:100" ht="17.25" customHeight="1" x14ac:dyDescent="0.15">
      <c r="A28" s="328" t="s">
        <v>263</v>
      </c>
      <c r="B28" s="328"/>
      <c r="C28" s="328"/>
      <c r="D28" s="328"/>
      <c r="E28" s="328"/>
      <c r="F28" s="330" t="s">
        <v>1645</v>
      </c>
      <c r="G28" s="331"/>
      <c r="H28" s="331"/>
      <c r="I28" s="331"/>
      <c r="J28" s="331"/>
      <c r="K28" s="331"/>
      <c r="L28" s="331"/>
      <c r="M28" s="331"/>
      <c r="N28" s="523"/>
      <c r="O28" s="191" t="s">
        <v>260</v>
      </c>
      <c r="P28" s="192"/>
      <c r="Q28" s="486" t="s">
        <v>313</v>
      </c>
      <c r="R28" s="487"/>
      <c r="S28" s="487"/>
      <c r="T28" s="487"/>
      <c r="U28" s="487"/>
      <c r="V28" s="487"/>
      <c r="W28" s="487"/>
      <c r="X28" s="487"/>
      <c r="Y28" s="487"/>
      <c r="Z28" s="487"/>
      <c r="AA28" s="487"/>
      <c r="AB28" s="487"/>
      <c r="AC28" s="487"/>
      <c r="AD28" s="487"/>
      <c r="AE28" s="487"/>
      <c r="AF28" s="487"/>
      <c r="AG28" s="487"/>
      <c r="AH28" s="487"/>
      <c r="AI28" s="487"/>
      <c r="AJ28" s="487"/>
      <c r="AK28" s="487"/>
      <c r="AL28" s="488"/>
      <c r="AM28" s="5"/>
      <c r="AN28" s="17"/>
      <c r="AO28" s="674"/>
      <c r="AP28" s="674"/>
      <c r="AQ28" s="674"/>
      <c r="AR28" s="674"/>
      <c r="AS28" s="674"/>
      <c r="AT28" s="674"/>
      <c r="AU28" s="674"/>
      <c r="AV28" s="674"/>
      <c r="AW28" s="674"/>
      <c r="AX28" s="674"/>
      <c r="AY28" s="674"/>
      <c r="AZ28" s="674"/>
      <c r="BA28" s="674"/>
      <c r="BB28" s="674"/>
      <c r="BC28" s="674"/>
      <c r="BD28" s="674"/>
      <c r="BE28" s="674"/>
      <c r="BF28" s="674"/>
      <c r="BG28" s="674"/>
      <c r="BH28" s="674"/>
      <c r="BI28" s="674"/>
      <c r="BJ28" s="674"/>
      <c r="BK28" s="674"/>
      <c r="BL28" s="674"/>
      <c r="BM28" s="674"/>
      <c r="BN28" s="674"/>
      <c r="BO28" s="674"/>
      <c r="BP28" s="674"/>
      <c r="BQ28" s="674"/>
      <c r="BR28" s="674"/>
      <c r="BS28" s="674"/>
      <c r="BT28" s="674"/>
      <c r="BU28" s="674"/>
      <c r="BV28" s="674"/>
      <c r="BW28" s="674"/>
      <c r="BX28" s="674"/>
      <c r="BY28" s="674"/>
      <c r="BZ28" s="674"/>
      <c r="CA28" s="674"/>
      <c r="CB28" s="674"/>
      <c r="CC28" s="674"/>
      <c r="CD28" s="674"/>
      <c r="CE28" s="674"/>
      <c r="CF28" s="674"/>
      <c r="CG28" s="674"/>
      <c r="CH28" s="674"/>
      <c r="CI28" s="674"/>
      <c r="CJ28" s="674"/>
      <c r="CK28" s="674"/>
      <c r="CL28" s="674"/>
      <c r="CM28" s="675"/>
      <c r="CN28" s="33"/>
      <c r="CQ28" s="3" ph="1"/>
      <c r="CR28" s="3" ph="1"/>
      <c r="CS28" s="3" ph="1"/>
      <c r="CT28" s="3" ph="1"/>
      <c r="CU28" s="3" ph="1"/>
      <c r="CV28" s="3" ph="1"/>
    </row>
    <row r="29" spans="1:100" ht="17.25" customHeight="1" x14ac:dyDescent="0.15">
      <c r="A29" s="328"/>
      <c r="B29" s="328"/>
      <c r="C29" s="328"/>
      <c r="D29" s="328"/>
      <c r="E29" s="328"/>
      <c r="F29" s="336" t="s">
        <v>1644</v>
      </c>
      <c r="G29" s="337"/>
      <c r="H29" s="337"/>
      <c r="I29" s="337"/>
      <c r="J29" s="337"/>
      <c r="K29" s="337"/>
      <c r="L29" s="337"/>
      <c r="M29" s="338"/>
      <c r="N29" s="523"/>
      <c r="O29" s="193"/>
      <c r="P29" s="194"/>
      <c r="Q29" s="342">
        <v>24898</v>
      </c>
      <c r="R29" s="343"/>
      <c r="S29" s="343"/>
      <c r="T29" s="343"/>
      <c r="U29" s="343"/>
      <c r="V29" s="343"/>
      <c r="W29" s="343"/>
      <c r="X29" s="343"/>
      <c r="Y29" s="343"/>
      <c r="Z29" s="343"/>
      <c r="AA29" s="343"/>
      <c r="AB29" s="343"/>
      <c r="AC29" s="343"/>
      <c r="AD29" s="343"/>
      <c r="AE29" s="343"/>
      <c r="AF29" s="343"/>
      <c r="AG29" s="343"/>
      <c r="AH29" s="343"/>
      <c r="AI29" s="343"/>
      <c r="AJ29" s="343"/>
      <c r="AK29" s="343"/>
      <c r="AL29" s="344"/>
      <c r="AM29" s="5"/>
      <c r="AN29" s="255" t="s">
        <v>261</v>
      </c>
      <c r="AO29" s="255"/>
      <c r="AP29" s="255"/>
      <c r="AQ29" s="255"/>
      <c r="AR29" s="255"/>
      <c r="AS29" s="255"/>
      <c r="AT29" s="255"/>
      <c r="AU29" s="255"/>
      <c r="AV29" s="255"/>
      <c r="AW29" s="255"/>
      <c r="AX29" s="255"/>
      <c r="AY29" s="255"/>
      <c r="AZ29" s="255"/>
      <c r="BA29" s="255"/>
      <c r="BB29" s="255"/>
      <c r="BC29" s="255"/>
      <c r="BD29" s="255"/>
      <c r="BE29" s="255"/>
      <c r="BF29" s="255"/>
      <c r="BG29" s="255"/>
      <c r="BH29" s="255"/>
      <c r="BI29" s="255"/>
      <c r="BJ29" s="255"/>
      <c r="BK29" s="255"/>
      <c r="BL29" s="255"/>
      <c r="BM29" s="255"/>
      <c r="BN29" s="255"/>
      <c r="BO29" s="255"/>
      <c r="BP29" s="255"/>
      <c r="BQ29" s="53"/>
      <c r="BR29" s="101"/>
      <c r="BS29" s="15"/>
      <c r="BT29" s="1"/>
      <c r="BU29" s="1"/>
      <c r="BV29" s="1"/>
      <c r="BW29" s="1"/>
      <c r="BX29" s="1"/>
      <c r="BY29" s="1"/>
      <c r="BZ29" s="129"/>
      <c r="CA29" s="129"/>
      <c r="CB29" s="129"/>
      <c r="CC29" s="129"/>
      <c r="CD29" s="129"/>
      <c r="CE29" s="129"/>
      <c r="CF29" s="129"/>
      <c r="CG29" s="129"/>
      <c r="CH29" s="129"/>
      <c r="CI29" s="129"/>
      <c r="CJ29" s="129"/>
      <c r="CK29" s="129"/>
      <c r="CL29" s="1"/>
      <c r="CM29" s="1"/>
      <c r="CN29" s="33"/>
      <c r="CQ29" s="3" ph="1"/>
      <c r="CR29" s="3" ph="1"/>
      <c r="CS29" s="3" ph="1"/>
      <c r="CT29" s="3" ph="1"/>
      <c r="CU29" s="3" ph="1"/>
      <c r="CV29" s="3" ph="1"/>
    </row>
    <row r="30" spans="1:100" ht="17.25" customHeight="1" x14ac:dyDescent="0.15">
      <c r="A30" s="329"/>
      <c r="B30" s="329"/>
      <c r="C30" s="329"/>
      <c r="D30" s="329"/>
      <c r="E30" s="329"/>
      <c r="F30" s="339"/>
      <c r="G30" s="340"/>
      <c r="H30" s="340"/>
      <c r="I30" s="340"/>
      <c r="J30" s="340"/>
      <c r="K30" s="340"/>
      <c r="L30" s="340"/>
      <c r="M30" s="341"/>
      <c r="N30" s="523"/>
      <c r="O30" s="195" t="s">
        <v>264</v>
      </c>
      <c r="P30" s="196"/>
      <c r="Q30" s="676" t="s">
        <v>315</v>
      </c>
      <c r="R30" s="677"/>
      <c r="S30" s="677"/>
      <c r="T30" s="677"/>
      <c r="U30" s="677"/>
      <c r="V30" s="677"/>
      <c r="W30" s="677"/>
      <c r="X30" s="677"/>
      <c r="Y30" s="677"/>
      <c r="Z30" s="677"/>
      <c r="AA30" s="677"/>
      <c r="AB30" s="677"/>
      <c r="AC30" s="677"/>
      <c r="AD30" s="677"/>
      <c r="AE30" s="677"/>
      <c r="AF30" s="677"/>
      <c r="AG30" s="677"/>
      <c r="AH30" s="677"/>
      <c r="AI30" s="677"/>
      <c r="AJ30" s="677"/>
      <c r="AK30" s="677"/>
      <c r="AL30" s="678"/>
      <c r="AM30" s="5"/>
      <c r="AN30" s="38" t="s">
        <v>16</v>
      </c>
      <c r="AO30" s="349" t="s">
        <v>314</v>
      </c>
      <c r="AP30" s="349"/>
      <c r="AQ30" s="349"/>
      <c r="AR30" s="349"/>
      <c r="AS30" s="349"/>
      <c r="AT30" s="349"/>
      <c r="AU30" s="349"/>
      <c r="AV30" s="349"/>
      <c r="AW30" s="349"/>
      <c r="AX30" s="349"/>
      <c r="AY30" s="349"/>
      <c r="AZ30" s="349"/>
      <c r="BA30" s="349"/>
      <c r="BB30" s="349"/>
      <c r="BC30" s="349"/>
      <c r="BD30" s="349"/>
      <c r="BE30" s="349"/>
      <c r="BF30" s="349"/>
      <c r="BG30" s="349"/>
      <c r="BH30" s="349"/>
      <c r="BI30" s="349"/>
      <c r="BJ30" s="349"/>
      <c r="BK30" s="349"/>
      <c r="BL30" s="349"/>
      <c r="BM30" s="349"/>
      <c r="BN30" s="349"/>
      <c r="BO30" s="349"/>
      <c r="BP30" s="350"/>
      <c r="BQ30" s="72"/>
      <c r="BR30" s="136" t="s">
        <v>262</v>
      </c>
      <c r="BS30" s="145"/>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120"/>
      <c r="B31" s="120"/>
      <c r="C31" s="120"/>
      <c r="D31" s="120"/>
      <c r="E31" s="120"/>
      <c r="F31" s="121"/>
      <c r="G31" s="121"/>
      <c r="H31" s="121"/>
      <c r="I31" s="121"/>
      <c r="J31" s="121"/>
      <c r="K31" s="121"/>
      <c r="L31" s="121"/>
      <c r="M31" s="121"/>
      <c r="N31" s="197"/>
      <c r="O31" s="193"/>
      <c r="P31" s="194"/>
      <c r="Q31" s="342">
        <v>27353</v>
      </c>
      <c r="R31" s="343"/>
      <c r="S31" s="343"/>
      <c r="T31" s="343"/>
      <c r="U31" s="343"/>
      <c r="V31" s="343"/>
      <c r="W31" s="343"/>
      <c r="X31" s="343"/>
      <c r="Y31" s="343"/>
      <c r="Z31" s="343"/>
      <c r="AA31" s="343"/>
      <c r="AB31" s="343"/>
      <c r="AC31" s="343"/>
      <c r="AD31" s="343"/>
      <c r="AE31" s="343"/>
      <c r="AF31" s="343"/>
      <c r="AG31" s="343"/>
      <c r="AH31" s="343"/>
      <c r="AI31" s="343"/>
      <c r="AJ31" s="343"/>
      <c r="AK31" s="343"/>
      <c r="AL31" s="344"/>
      <c r="AM31" s="5"/>
      <c r="AN31" s="39" t="s">
        <v>16</v>
      </c>
      <c r="AO31" s="672" t="s">
        <v>1075</v>
      </c>
      <c r="AP31" s="672"/>
      <c r="AQ31" s="672"/>
      <c r="AR31" s="672"/>
      <c r="AS31" s="672"/>
      <c r="AT31" s="672"/>
      <c r="AU31" s="672"/>
      <c r="AV31" s="672"/>
      <c r="AW31" s="672"/>
      <c r="AX31" s="672"/>
      <c r="AY31" s="672"/>
      <c r="AZ31" s="672"/>
      <c r="BA31" s="672"/>
      <c r="BB31" s="672"/>
      <c r="BC31" s="672"/>
      <c r="BD31" s="672"/>
      <c r="BE31" s="672"/>
      <c r="BF31" s="672"/>
      <c r="BG31" s="672"/>
      <c r="BH31" s="672"/>
      <c r="BI31" s="672"/>
      <c r="BJ31" s="672"/>
      <c r="BK31" s="672"/>
      <c r="BL31" s="672"/>
      <c r="BM31" s="672"/>
      <c r="BN31" s="672"/>
      <c r="BO31" s="672"/>
      <c r="BP31" s="673"/>
      <c r="BQ31" s="54"/>
      <c r="BR31" s="292" t="s">
        <v>265</v>
      </c>
      <c r="BS31" s="293"/>
      <c r="BT31" s="293"/>
      <c r="BU31" s="293"/>
      <c r="BV31" s="293"/>
      <c r="BW31" s="293"/>
      <c r="BX31" s="294"/>
      <c r="BY31" s="292" t="s">
        <v>266</v>
      </c>
      <c r="BZ31" s="293"/>
      <c r="CA31" s="293"/>
      <c r="CB31" s="293"/>
      <c r="CC31" s="293"/>
      <c r="CD31" s="293"/>
      <c r="CE31" s="293"/>
      <c r="CF31" s="293"/>
      <c r="CG31" s="294"/>
      <c r="CH31" s="287" t="s">
        <v>411</v>
      </c>
      <c r="CI31" s="287"/>
      <c r="CJ31" s="287"/>
      <c r="CK31" s="287"/>
      <c r="CL31" s="287"/>
      <c r="CM31" s="287"/>
      <c r="CN31" s="33"/>
      <c r="CQ31" s="3" ph="1"/>
      <c r="CR31" s="3" ph="1"/>
      <c r="CS31" s="3" ph="1"/>
      <c r="CT31" s="3" ph="1"/>
      <c r="CU31" s="3" ph="1"/>
      <c r="CV31" s="3" ph="1"/>
    </row>
    <row r="32" spans="1:100" ht="17.25" customHeight="1" x14ac:dyDescent="0.15">
      <c r="A32" s="134" t="s">
        <v>268</v>
      </c>
      <c r="B32" s="162"/>
      <c r="C32" s="162"/>
      <c r="D32" s="162"/>
      <c r="E32" s="162"/>
      <c r="F32" s="162"/>
      <c r="G32" s="162"/>
      <c r="H32" s="162"/>
      <c r="I32" s="162"/>
      <c r="J32" s="162"/>
      <c r="K32" s="162"/>
      <c r="L32" s="162"/>
      <c r="M32" s="162"/>
      <c r="N32" s="162"/>
      <c r="O32" s="162"/>
      <c r="P32" s="162"/>
      <c r="Q32" s="162"/>
      <c r="R32" s="162"/>
      <c r="S32" s="162"/>
      <c r="T32" s="162"/>
      <c r="U32" s="162"/>
      <c r="V32" s="162"/>
      <c r="W32" s="162"/>
      <c r="X32" s="162"/>
      <c r="Y32" s="162"/>
      <c r="Z32" s="162"/>
      <c r="AA32" s="162"/>
      <c r="AB32" s="162"/>
      <c r="AC32" s="162"/>
      <c r="AD32" s="162"/>
      <c r="AE32" s="162"/>
      <c r="AF32" s="162"/>
      <c r="AG32" s="162"/>
      <c r="AH32" s="162"/>
      <c r="AI32" s="162"/>
      <c r="AJ32" s="162"/>
      <c r="AK32" s="162"/>
      <c r="AL32" s="162"/>
      <c r="AM32" s="5"/>
      <c r="AN32" s="39" t="s">
        <v>825</v>
      </c>
      <c r="AO32" s="351" t="s">
        <v>368</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68"/>
      <c r="BR32" s="295"/>
      <c r="BS32" s="296"/>
      <c r="BT32" s="296"/>
      <c r="BU32" s="296"/>
      <c r="BV32" s="296"/>
      <c r="BW32" s="296"/>
      <c r="BX32" s="297"/>
      <c r="BY32" s="295"/>
      <c r="BZ32" s="296"/>
      <c r="CA32" s="296"/>
      <c r="CB32" s="296"/>
      <c r="CC32" s="296"/>
      <c r="CD32" s="296"/>
      <c r="CE32" s="296"/>
      <c r="CF32" s="296"/>
      <c r="CG32" s="297"/>
      <c r="CH32" s="287"/>
      <c r="CI32" s="287"/>
      <c r="CJ32" s="287"/>
      <c r="CK32" s="287"/>
      <c r="CL32" s="287"/>
      <c r="CM32" s="287"/>
      <c r="CQ32" s="3" ph="1"/>
      <c r="CR32" s="3" ph="1"/>
      <c r="CS32" s="3" ph="1"/>
      <c r="CT32" s="3" ph="1"/>
      <c r="CU32" s="3" ph="1"/>
      <c r="CV32" s="3" ph="1"/>
    </row>
    <row r="33" spans="1:100" ht="17.25" customHeight="1" x14ac:dyDescent="0.15">
      <c r="A33" s="632" t="s">
        <v>826</v>
      </c>
      <c r="B33" s="633"/>
      <c r="C33" s="633"/>
      <c r="D33" s="633"/>
      <c r="E33" s="633"/>
      <c r="F33" s="633"/>
      <c r="G33" s="633"/>
      <c r="H33" s="633"/>
      <c r="I33" s="633"/>
      <c r="J33" s="633"/>
      <c r="K33" s="633"/>
      <c r="L33" s="633"/>
      <c r="M33" s="633"/>
      <c r="N33" s="633"/>
      <c r="O33" s="633"/>
      <c r="P33" s="633"/>
      <c r="Q33" s="633"/>
      <c r="R33" s="633"/>
      <c r="S33" s="633"/>
      <c r="T33" s="633"/>
      <c r="U33" s="633"/>
      <c r="V33" s="633"/>
      <c r="W33" s="633"/>
      <c r="X33" s="633"/>
      <c r="Y33" s="633"/>
      <c r="Z33" s="633"/>
      <c r="AA33" s="633"/>
      <c r="AB33" s="633"/>
      <c r="AC33" s="633"/>
      <c r="AD33" s="633"/>
      <c r="AE33" s="633"/>
      <c r="AF33" s="633"/>
      <c r="AG33" s="633"/>
      <c r="AH33" s="633"/>
      <c r="AI33" s="633"/>
      <c r="AJ33" s="633"/>
      <c r="AK33" s="633"/>
      <c r="AL33" s="634"/>
      <c r="AM33" s="5"/>
      <c r="AN33" s="40" t="s">
        <v>16</v>
      </c>
      <c r="AO33" s="490" t="s">
        <v>408</v>
      </c>
      <c r="AP33" s="490"/>
      <c r="AQ33" s="490"/>
      <c r="AR33" s="490"/>
      <c r="AS33" s="490"/>
      <c r="AT33" s="490"/>
      <c r="AU33" s="490"/>
      <c r="AV33" s="490"/>
      <c r="AW33" s="490"/>
      <c r="AX33" s="490"/>
      <c r="AY33" s="490"/>
      <c r="AZ33" s="490"/>
      <c r="BA33" s="490"/>
      <c r="BB33" s="490"/>
      <c r="BC33" s="490"/>
      <c r="BD33" s="490"/>
      <c r="BE33" s="490"/>
      <c r="BF33" s="490"/>
      <c r="BG33" s="490"/>
      <c r="BH33" s="490"/>
      <c r="BI33" s="490"/>
      <c r="BJ33" s="490"/>
      <c r="BK33" s="490"/>
      <c r="BL33" s="490"/>
      <c r="BM33" s="490"/>
      <c r="BN33" s="490"/>
      <c r="BO33" s="490"/>
      <c r="BP33" s="491"/>
      <c r="BQ33" s="122"/>
      <c r="BR33" s="292" t="s">
        <v>267</v>
      </c>
      <c r="BS33" s="293"/>
      <c r="BT33" s="293"/>
      <c r="BU33" s="293"/>
      <c r="BV33" s="293"/>
      <c r="BW33" s="293"/>
      <c r="BX33" s="294"/>
      <c r="BY33" s="284">
        <v>1896</v>
      </c>
      <c r="BZ33" s="285"/>
      <c r="CA33" s="285"/>
      <c r="CB33" s="285"/>
      <c r="CC33" s="285"/>
      <c r="CD33" s="285"/>
      <c r="CE33" s="285"/>
      <c r="CF33" s="285"/>
      <c r="CG33" s="288"/>
      <c r="CH33" s="286">
        <v>0.61046999999999996</v>
      </c>
      <c r="CI33" s="286"/>
      <c r="CJ33" s="286"/>
      <c r="CK33" s="286"/>
      <c r="CL33" s="286"/>
      <c r="CM33" s="286"/>
      <c r="CQ33" s="3" ph="1"/>
      <c r="CR33" s="3" ph="1"/>
      <c r="CS33" s="3" ph="1"/>
      <c r="CT33" s="3" ph="1"/>
      <c r="CU33" s="3" ph="1"/>
      <c r="CV33" s="3" ph="1"/>
    </row>
    <row r="34" spans="1:100" ht="17.25" customHeight="1" x14ac:dyDescent="0.15">
      <c r="A34" s="635"/>
      <c r="B34" s="636"/>
      <c r="C34" s="636"/>
      <c r="D34" s="636"/>
      <c r="E34" s="636"/>
      <c r="F34" s="636"/>
      <c r="G34" s="636"/>
      <c r="H34" s="636"/>
      <c r="I34" s="636"/>
      <c r="J34" s="636"/>
      <c r="K34" s="636"/>
      <c r="L34" s="636"/>
      <c r="M34" s="636"/>
      <c r="N34" s="636"/>
      <c r="O34" s="636"/>
      <c r="P34" s="636"/>
      <c r="Q34" s="636"/>
      <c r="R34" s="636"/>
      <c r="S34" s="636"/>
      <c r="T34" s="636"/>
      <c r="U34" s="636"/>
      <c r="V34" s="636"/>
      <c r="W34" s="636"/>
      <c r="X34" s="636"/>
      <c r="Y34" s="636"/>
      <c r="Z34" s="636"/>
      <c r="AA34" s="636"/>
      <c r="AB34" s="636"/>
      <c r="AC34" s="636"/>
      <c r="AD34" s="636"/>
      <c r="AE34" s="636"/>
      <c r="AF34" s="636"/>
      <c r="AG34" s="636"/>
      <c r="AH34" s="636"/>
      <c r="AI34" s="636"/>
      <c r="AJ34" s="636"/>
      <c r="AK34" s="636"/>
      <c r="AL34" s="637"/>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638"/>
      <c r="B35" s="639"/>
      <c r="C35" s="639"/>
      <c r="D35" s="639"/>
      <c r="E35" s="639"/>
      <c r="F35" s="639"/>
      <c r="G35" s="639"/>
      <c r="H35" s="639"/>
      <c r="I35" s="639"/>
      <c r="J35" s="639"/>
      <c r="K35" s="639"/>
      <c r="L35" s="639"/>
      <c r="M35" s="639"/>
      <c r="N35" s="639"/>
      <c r="O35" s="639"/>
      <c r="P35" s="639"/>
      <c r="Q35" s="639"/>
      <c r="R35" s="639"/>
      <c r="S35" s="639"/>
      <c r="T35" s="639"/>
      <c r="U35" s="639"/>
      <c r="V35" s="639"/>
      <c r="W35" s="639"/>
      <c r="X35" s="639"/>
      <c r="Y35" s="639"/>
      <c r="Z35" s="639"/>
      <c r="AA35" s="639"/>
      <c r="AB35" s="639"/>
      <c r="AC35" s="639"/>
      <c r="AD35" s="639"/>
      <c r="AE35" s="639"/>
      <c r="AF35" s="639"/>
      <c r="AG35" s="639"/>
      <c r="AH35" s="639"/>
      <c r="AI35" s="639"/>
      <c r="AJ35" s="639"/>
      <c r="AK35" s="639"/>
      <c r="AL35" s="640"/>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70092</v>
      </c>
      <c r="BZ35" s="681"/>
      <c r="CA35" s="682"/>
      <c r="CB35" s="682"/>
      <c r="CC35" s="682"/>
      <c r="CD35" s="682"/>
      <c r="CE35" s="682"/>
      <c r="CF35" s="682"/>
      <c r="CG35" s="682"/>
      <c r="CH35" s="683">
        <v>22.56795</v>
      </c>
      <c r="CI35" s="683"/>
      <c r="CJ35" s="683"/>
      <c r="CK35" s="683"/>
      <c r="CL35" s="683"/>
      <c r="CM35" s="683"/>
      <c r="CQ35" s="3" ph="1"/>
    </row>
    <row r="36" spans="1:100" ht="17.25" customHeight="1" x14ac:dyDescent="0.15">
      <c r="A36" s="255" t="s">
        <v>274</v>
      </c>
      <c r="B36" s="255"/>
      <c r="C36" s="255"/>
      <c r="D36" s="255"/>
      <c r="E36" s="255"/>
      <c r="F36" s="255"/>
      <c r="G36" s="255"/>
      <c r="H36" s="255"/>
      <c r="I36" s="255"/>
      <c r="J36" s="255"/>
      <c r="K36" s="255"/>
      <c r="L36" s="255"/>
      <c r="M36" s="255"/>
      <c r="N36" s="147"/>
      <c r="O36" s="255" t="s">
        <v>275</v>
      </c>
      <c r="P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11" t="s">
        <v>316</v>
      </c>
      <c r="B37" s="312"/>
      <c r="C37" s="312"/>
      <c r="D37" s="312"/>
      <c r="E37" s="312"/>
      <c r="F37" s="312"/>
      <c r="G37" s="312"/>
      <c r="H37" s="312"/>
      <c r="I37" s="312"/>
      <c r="J37" s="312"/>
      <c r="K37" s="312"/>
      <c r="L37" s="312"/>
      <c r="M37" s="313"/>
      <c r="N37" s="62"/>
      <c r="O37" s="684" t="s">
        <v>230</v>
      </c>
      <c r="P37" s="685"/>
      <c r="Q37" s="685"/>
      <c r="R37" s="685"/>
      <c r="S37" s="685"/>
      <c r="T37" s="685"/>
      <c r="U37" s="685"/>
      <c r="V37" s="685"/>
      <c r="W37" s="685"/>
      <c r="X37" s="685"/>
      <c r="Y37" s="685"/>
      <c r="Z37" s="685"/>
      <c r="AA37" s="685"/>
      <c r="AB37" s="685"/>
      <c r="AC37" s="685"/>
      <c r="AD37" s="685"/>
      <c r="AE37" s="685"/>
      <c r="AF37" s="685"/>
      <c r="AG37" s="685"/>
      <c r="AH37" s="685"/>
      <c r="AI37" s="685"/>
      <c r="AJ37" s="685"/>
      <c r="AK37" s="685"/>
      <c r="AL37" s="686"/>
      <c r="AM37" s="5"/>
      <c r="AN37" s="287" t="s">
        <v>811</v>
      </c>
      <c r="AO37" s="287"/>
      <c r="AP37" s="287"/>
      <c r="AQ37" s="287"/>
      <c r="AR37" s="287"/>
      <c r="AS37" s="287"/>
      <c r="AT37" s="287"/>
      <c r="AU37" s="287"/>
      <c r="AV37" s="287"/>
      <c r="AW37" s="681">
        <v>720779</v>
      </c>
      <c r="AX37" s="681"/>
      <c r="AY37" s="681"/>
      <c r="AZ37" s="681"/>
      <c r="BA37" s="681"/>
      <c r="BB37" s="681"/>
      <c r="BC37" s="681"/>
      <c r="BD37" s="681"/>
      <c r="BE37" s="681"/>
      <c r="BF37" s="681"/>
      <c r="BG37" s="681">
        <v>311187</v>
      </c>
      <c r="BH37" s="681"/>
      <c r="BI37" s="681"/>
      <c r="BJ37" s="681"/>
      <c r="BK37" s="681"/>
      <c r="BL37" s="681"/>
      <c r="BM37" s="681"/>
      <c r="BN37" s="681"/>
      <c r="BO37" s="681"/>
      <c r="BP37" s="681"/>
      <c r="BQ37" s="149"/>
      <c r="BR37" s="680" t="s">
        <v>273</v>
      </c>
      <c r="BS37" s="680"/>
      <c r="BT37" s="680"/>
      <c r="BU37" s="680"/>
      <c r="BV37" s="680"/>
      <c r="BW37" s="680"/>
      <c r="BX37" s="680"/>
      <c r="BY37" s="681">
        <v>238594</v>
      </c>
      <c r="BZ37" s="681"/>
      <c r="CA37" s="682"/>
      <c r="CB37" s="682"/>
      <c r="CC37" s="682"/>
      <c r="CD37" s="682"/>
      <c r="CE37" s="682"/>
      <c r="CF37" s="682"/>
      <c r="CG37" s="682"/>
      <c r="CH37" s="683">
        <v>76.821579999999997</v>
      </c>
      <c r="CI37" s="683"/>
      <c r="CJ37" s="683"/>
      <c r="CK37" s="683"/>
      <c r="CL37" s="683"/>
      <c r="CM37" s="683"/>
      <c r="CQ37" s="3" ph="1"/>
    </row>
    <row r="38" spans="1:100" ht="17.25" customHeight="1" x14ac:dyDescent="0.15">
      <c r="A38" s="251">
        <v>22697</v>
      </c>
      <c r="B38" s="252"/>
      <c r="C38" s="252"/>
      <c r="D38" s="252"/>
      <c r="E38" s="252"/>
      <c r="F38" s="252"/>
      <c r="G38" s="252"/>
      <c r="H38" s="252"/>
      <c r="I38" s="252"/>
      <c r="J38" s="252"/>
      <c r="K38" s="252"/>
      <c r="L38" s="252"/>
      <c r="M38" s="253"/>
      <c r="N38" s="145"/>
      <c r="O38" s="687" t="s">
        <v>318</v>
      </c>
      <c r="P38" s="688"/>
      <c r="Q38" s="688"/>
      <c r="R38" s="688"/>
      <c r="S38" s="688"/>
      <c r="T38" s="688"/>
      <c r="U38" s="688"/>
      <c r="V38" s="688"/>
      <c r="W38" s="688"/>
      <c r="X38" s="688"/>
      <c r="Y38" s="688"/>
      <c r="Z38" s="688"/>
      <c r="AA38" s="688"/>
      <c r="AB38" s="688"/>
      <c r="AC38" s="688"/>
      <c r="AD38" s="688"/>
      <c r="AE38" s="688"/>
      <c r="AF38" s="688"/>
      <c r="AG38" s="688"/>
      <c r="AH38" s="688"/>
      <c r="AI38" s="688"/>
      <c r="AJ38" s="688"/>
      <c r="AK38" s="688"/>
      <c r="AL38" s="689"/>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324" t="s">
        <v>317</v>
      </c>
      <c r="B39" s="692"/>
      <c r="C39" s="692"/>
      <c r="D39" s="692"/>
      <c r="E39" s="692"/>
      <c r="F39" s="692"/>
      <c r="G39" s="692"/>
      <c r="H39" s="692"/>
      <c r="I39" s="692"/>
      <c r="J39" s="692"/>
      <c r="K39" s="692"/>
      <c r="L39" s="692"/>
      <c r="M39" s="693"/>
      <c r="N39" s="152"/>
      <c r="O39" s="575" t="s">
        <v>231</v>
      </c>
      <c r="P39" s="576"/>
      <c r="Q39" s="576"/>
      <c r="R39" s="576"/>
      <c r="S39" s="576"/>
      <c r="T39" s="576"/>
      <c r="U39" s="576"/>
      <c r="V39" s="576"/>
      <c r="W39" s="576"/>
      <c r="X39" s="576"/>
      <c r="Y39" s="576"/>
      <c r="Z39" s="576"/>
      <c r="AA39" s="576"/>
      <c r="AB39" s="576"/>
      <c r="AC39" s="576"/>
      <c r="AD39" s="576"/>
      <c r="AE39" s="576"/>
      <c r="AF39" s="576"/>
      <c r="AG39" s="576"/>
      <c r="AH39" s="576"/>
      <c r="AI39" s="576"/>
      <c r="AJ39" s="576"/>
      <c r="AK39" s="576"/>
      <c r="AL39" s="577"/>
      <c r="AM39" s="5"/>
      <c r="AN39" s="300" t="s">
        <v>1059</v>
      </c>
      <c r="AO39" s="300"/>
      <c r="AP39" s="300"/>
      <c r="AQ39" s="300"/>
      <c r="AR39" s="300"/>
      <c r="AS39" s="300"/>
      <c r="AT39" s="300"/>
      <c r="AU39" s="300"/>
      <c r="AV39" s="300"/>
      <c r="AW39" s="681">
        <v>725493</v>
      </c>
      <c r="AX39" s="681"/>
      <c r="AY39" s="681"/>
      <c r="AZ39" s="682"/>
      <c r="BA39" s="682"/>
      <c r="BB39" s="682"/>
      <c r="BC39" s="682"/>
      <c r="BD39" s="682"/>
      <c r="BE39" s="682"/>
      <c r="BF39" s="682"/>
      <c r="BG39" s="681">
        <v>332770</v>
      </c>
      <c r="BH39" s="681"/>
      <c r="BI39" s="681"/>
      <c r="BJ39" s="681"/>
      <c r="BK39" s="681"/>
      <c r="BL39" s="681"/>
      <c r="BM39" s="681"/>
      <c r="BN39" s="681"/>
      <c r="BO39" s="681"/>
      <c r="BP39" s="681"/>
      <c r="BQ39" s="149"/>
      <c r="BR39" s="301" t="s">
        <v>1119</v>
      </c>
      <c r="BS39" s="293"/>
      <c r="BT39" s="293"/>
      <c r="BU39" s="293"/>
      <c r="BV39" s="293"/>
      <c r="BW39" s="293"/>
      <c r="BX39" s="294"/>
      <c r="BY39" s="681">
        <v>322184</v>
      </c>
      <c r="BZ39" s="681"/>
      <c r="CA39" s="682"/>
      <c r="CB39" s="682"/>
      <c r="CC39" s="682"/>
      <c r="CD39" s="682"/>
      <c r="CE39" s="682"/>
      <c r="CF39" s="682"/>
      <c r="CG39" s="682"/>
      <c r="CH39" s="683">
        <v>100</v>
      </c>
      <c r="CI39" s="683"/>
      <c r="CJ39" s="683"/>
      <c r="CK39" s="683"/>
      <c r="CL39" s="683"/>
      <c r="CM39" s="683"/>
    </row>
    <row r="40" spans="1:100" ht="17.25" customHeight="1" x14ac:dyDescent="0.15">
      <c r="A40" s="251">
        <v>31019</v>
      </c>
      <c r="B40" s="690"/>
      <c r="C40" s="690"/>
      <c r="D40" s="690"/>
      <c r="E40" s="690"/>
      <c r="F40" s="690"/>
      <c r="G40" s="690"/>
      <c r="H40" s="690"/>
      <c r="I40" s="690"/>
      <c r="J40" s="690"/>
      <c r="K40" s="690"/>
      <c r="L40" s="690"/>
      <c r="M40" s="691"/>
      <c r="N40" s="161"/>
      <c r="O40" s="687" t="s">
        <v>232</v>
      </c>
      <c r="P40" s="694"/>
      <c r="Q40" s="694"/>
      <c r="R40" s="694"/>
      <c r="S40" s="694"/>
      <c r="T40" s="694"/>
      <c r="U40" s="694"/>
      <c r="V40" s="694"/>
      <c r="W40" s="694"/>
      <c r="X40" s="694"/>
      <c r="Y40" s="694"/>
      <c r="Z40" s="694"/>
      <c r="AA40" s="694"/>
      <c r="AB40" s="694"/>
      <c r="AC40" s="694"/>
      <c r="AD40" s="694"/>
      <c r="AE40" s="694"/>
      <c r="AF40" s="694"/>
      <c r="AG40" s="694"/>
      <c r="AH40" s="694"/>
      <c r="AI40" s="694"/>
      <c r="AJ40" s="694"/>
      <c r="AK40" s="694"/>
      <c r="AL40" s="695"/>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16" t="s">
        <v>319</v>
      </c>
      <c r="B41" s="692"/>
      <c r="C41" s="692"/>
      <c r="D41" s="692"/>
      <c r="E41" s="692"/>
      <c r="F41" s="692"/>
      <c r="G41" s="692"/>
      <c r="H41" s="692"/>
      <c r="I41" s="692"/>
      <c r="J41" s="692"/>
      <c r="K41" s="692"/>
      <c r="L41" s="692"/>
      <c r="M41" s="693"/>
      <c r="N41" s="161"/>
      <c r="O41" s="687"/>
      <c r="P41" s="694"/>
      <c r="Q41" s="694"/>
      <c r="R41" s="694"/>
      <c r="S41" s="694"/>
      <c r="T41" s="694"/>
      <c r="U41" s="694"/>
      <c r="V41" s="694"/>
      <c r="W41" s="694"/>
      <c r="X41" s="694"/>
      <c r="Y41" s="694"/>
      <c r="Z41" s="694"/>
      <c r="AA41" s="694"/>
      <c r="AB41" s="694"/>
      <c r="AC41" s="694"/>
      <c r="AD41" s="694"/>
      <c r="AE41" s="694"/>
      <c r="AF41" s="694"/>
      <c r="AG41" s="694"/>
      <c r="AH41" s="694"/>
      <c r="AI41" s="694"/>
      <c r="AJ41" s="694"/>
      <c r="AK41" s="694"/>
      <c r="AL41" s="695"/>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v>33928</v>
      </c>
      <c r="B42" s="252"/>
      <c r="C42" s="252"/>
      <c r="D42" s="252"/>
      <c r="E42" s="252"/>
      <c r="F42" s="252"/>
      <c r="G42" s="252"/>
      <c r="H42" s="252"/>
      <c r="I42" s="252"/>
      <c r="J42" s="252"/>
      <c r="K42" s="252"/>
      <c r="L42" s="252"/>
      <c r="M42" s="253"/>
      <c r="N42" s="161"/>
      <c r="O42" s="687"/>
      <c r="P42" s="694"/>
      <c r="Q42" s="694"/>
      <c r="R42" s="694"/>
      <c r="S42" s="694"/>
      <c r="T42" s="694"/>
      <c r="U42" s="694"/>
      <c r="V42" s="694"/>
      <c r="W42" s="694"/>
      <c r="X42" s="694"/>
      <c r="Y42" s="694"/>
      <c r="Z42" s="694"/>
      <c r="AA42" s="694"/>
      <c r="AB42" s="694"/>
      <c r="AC42" s="694"/>
      <c r="AD42" s="694"/>
      <c r="AE42" s="694"/>
      <c r="AF42" s="694"/>
      <c r="AG42" s="694"/>
      <c r="AH42" s="694"/>
      <c r="AI42" s="694"/>
      <c r="AJ42" s="694"/>
      <c r="AK42" s="694"/>
      <c r="AL42" s="695"/>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t="s">
        <v>320</v>
      </c>
      <c r="B43" s="692"/>
      <c r="C43" s="692"/>
      <c r="D43" s="692"/>
      <c r="E43" s="692"/>
      <c r="F43" s="692"/>
      <c r="G43" s="692"/>
      <c r="H43" s="692"/>
      <c r="I43" s="692"/>
      <c r="J43" s="692"/>
      <c r="K43" s="692"/>
      <c r="L43" s="692"/>
      <c r="M43" s="693"/>
      <c r="N43" s="152"/>
      <c r="O43" s="687"/>
      <c r="P43" s="694"/>
      <c r="Q43" s="694"/>
      <c r="R43" s="694"/>
      <c r="S43" s="694"/>
      <c r="T43" s="694"/>
      <c r="U43" s="694"/>
      <c r="V43" s="694"/>
      <c r="W43" s="694"/>
      <c r="X43" s="694"/>
      <c r="Y43" s="694"/>
      <c r="Z43" s="694"/>
      <c r="AA43" s="694"/>
      <c r="AB43" s="694"/>
      <c r="AC43" s="694"/>
      <c r="AD43" s="694"/>
      <c r="AE43" s="694"/>
      <c r="AF43" s="694"/>
      <c r="AG43" s="694"/>
      <c r="AH43" s="694"/>
      <c r="AI43" s="694"/>
      <c r="AJ43" s="694"/>
      <c r="AK43" s="694"/>
      <c r="AL43" s="695"/>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v>36715</v>
      </c>
      <c r="B44" s="690"/>
      <c r="C44" s="690"/>
      <c r="D44" s="690"/>
      <c r="E44" s="690"/>
      <c r="F44" s="690"/>
      <c r="G44" s="690"/>
      <c r="H44" s="690"/>
      <c r="I44" s="690"/>
      <c r="J44" s="690"/>
      <c r="K44" s="690"/>
      <c r="L44" s="690"/>
      <c r="M44" s="691"/>
      <c r="N44" s="161"/>
      <c r="O44" s="687"/>
      <c r="P44" s="694"/>
      <c r="Q44" s="694"/>
      <c r="R44" s="694"/>
      <c r="S44" s="694"/>
      <c r="T44" s="694"/>
      <c r="U44" s="694"/>
      <c r="V44" s="694"/>
      <c r="W44" s="694"/>
      <c r="X44" s="694"/>
      <c r="Y44" s="694"/>
      <c r="Z44" s="694"/>
      <c r="AA44" s="694"/>
      <c r="AB44" s="694"/>
      <c r="AC44" s="694"/>
      <c r="AD44" s="694"/>
      <c r="AE44" s="694"/>
      <c r="AF44" s="694"/>
      <c r="AG44" s="694"/>
      <c r="AH44" s="694"/>
      <c r="AI44" s="694"/>
      <c r="AJ44" s="694"/>
      <c r="AK44" s="694"/>
      <c r="AL44" s="695"/>
      <c r="AM44" s="5"/>
      <c r="AN44" s="722">
        <v>2205.6999999999998</v>
      </c>
      <c r="AO44" s="723"/>
      <c r="AP44" s="724"/>
      <c r="AQ44" s="724"/>
      <c r="AR44" s="724"/>
      <c r="AS44" s="727" t="s">
        <v>827</v>
      </c>
      <c r="AT44" s="727"/>
      <c r="AU44" s="727"/>
      <c r="AV44" s="728"/>
      <c r="AW44" s="729">
        <v>26.3</v>
      </c>
      <c r="AX44" s="730"/>
      <c r="AY44" s="730"/>
      <c r="AZ44" s="730"/>
      <c r="BA44" s="730"/>
      <c r="BB44" s="730"/>
      <c r="BC44" s="706" t="s">
        <v>828</v>
      </c>
      <c r="BD44" s="706"/>
      <c r="BE44" s="706"/>
      <c r="BF44" s="707"/>
      <c r="BG44" s="710">
        <v>88.9</v>
      </c>
      <c r="BH44" s="711"/>
      <c r="BI44" s="711"/>
      <c r="BJ44" s="711"/>
      <c r="BK44" s="711"/>
      <c r="BL44" s="711"/>
      <c r="BM44" s="706" t="s">
        <v>792</v>
      </c>
      <c r="BN44" s="706"/>
      <c r="BO44" s="706"/>
      <c r="BP44" s="707"/>
      <c r="BQ44" s="130"/>
      <c r="BR44" s="714">
        <v>328.91</v>
      </c>
      <c r="BS44" s="715"/>
      <c r="BT44" s="715"/>
      <c r="BU44" s="715"/>
      <c r="BV44" s="715"/>
      <c r="BW44" s="715"/>
      <c r="BX44" s="715"/>
      <c r="BY44" s="696" t="s">
        <v>829</v>
      </c>
      <c r="BZ44" s="696"/>
      <c r="CA44" s="696"/>
      <c r="CB44" s="697"/>
      <c r="CC44" s="718">
        <v>6855</v>
      </c>
      <c r="CD44" s="719"/>
      <c r="CE44" s="719"/>
      <c r="CF44" s="719"/>
      <c r="CG44" s="719"/>
      <c r="CH44" s="719"/>
      <c r="CI44" s="719"/>
      <c r="CJ44" s="696" t="s">
        <v>830</v>
      </c>
      <c r="CK44" s="696"/>
      <c r="CL44" s="696"/>
      <c r="CM44" s="697"/>
    </row>
    <row r="45" spans="1:100" ht="17.25" customHeight="1" x14ac:dyDescent="0.15">
      <c r="A45" s="216" t="s">
        <v>321</v>
      </c>
      <c r="B45" s="692"/>
      <c r="C45" s="692"/>
      <c r="D45" s="692"/>
      <c r="E45" s="692"/>
      <c r="F45" s="692"/>
      <c r="G45" s="692"/>
      <c r="H45" s="692"/>
      <c r="I45" s="692"/>
      <c r="J45" s="692"/>
      <c r="K45" s="692"/>
      <c r="L45" s="692"/>
      <c r="M45" s="693"/>
      <c r="N45" s="152"/>
      <c r="O45" s="700"/>
      <c r="P45" s="701"/>
      <c r="Q45" s="701"/>
      <c r="R45" s="701"/>
      <c r="S45" s="701"/>
      <c r="T45" s="701"/>
      <c r="U45" s="701"/>
      <c r="V45" s="701"/>
      <c r="W45" s="701"/>
      <c r="X45" s="701"/>
      <c r="Y45" s="701"/>
      <c r="Z45" s="701"/>
      <c r="AA45" s="701"/>
      <c r="AB45" s="701"/>
      <c r="AC45" s="701"/>
      <c r="AD45" s="701"/>
      <c r="AE45" s="701"/>
      <c r="AF45" s="701"/>
      <c r="AG45" s="701"/>
      <c r="AH45" s="701"/>
      <c r="AI45" s="701"/>
      <c r="AJ45" s="701"/>
      <c r="AK45" s="701"/>
      <c r="AL45" s="702"/>
      <c r="AM45" s="5"/>
      <c r="AN45" s="725"/>
      <c r="AO45" s="726"/>
      <c r="AP45" s="726"/>
      <c r="AQ45" s="726"/>
      <c r="AR45" s="726"/>
      <c r="AS45" s="282"/>
      <c r="AT45" s="282"/>
      <c r="AU45" s="282"/>
      <c r="AV45" s="283"/>
      <c r="AW45" s="731"/>
      <c r="AX45" s="732"/>
      <c r="AY45" s="732"/>
      <c r="AZ45" s="732"/>
      <c r="BA45" s="732"/>
      <c r="BB45" s="732"/>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v>36827</v>
      </c>
      <c r="B46" s="690"/>
      <c r="C46" s="690"/>
      <c r="D46" s="690"/>
      <c r="E46" s="690"/>
      <c r="F46" s="690"/>
      <c r="G46" s="690"/>
      <c r="H46" s="690"/>
      <c r="I46" s="690"/>
      <c r="J46" s="690"/>
      <c r="K46" s="690"/>
      <c r="L46" s="690"/>
      <c r="M46" s="691"/>
      <c r="N46" s="161"/>
      <c r="O46" s="700"/>
      <c r="P46" s="701"/>
      <c r="Q46" s="701"/>
      <c r="R46" s="701"/>
      <c r="S46" s="701"/>
      <c r="T46" s="701"/>
      <c r="U46" s="701"/>
      <c r="V46" s="701"/>
      <c r="W46" s="701"/>
      <c r="X46" s="701"/>
      <c r="Y46" s="701"/>
      <c r="Z46" s="701"/>
      <c r="AA46" s="701"/>
      <c r="AB46" s="701"/>
      <c r="AC46" s="701"/>
      <c r="AD46" s="701"/>
      <c r="AE46" s="701"/>
      <c r="AF46" s="701"/>
      <c r="AG46" s="701"/>
      <c r="AH46" s="701"/>
      <c r="AI46" s="701"/>
      <c r="AJ46" s="701"/>
      <c r="AK46" s="701"/>
      <c r="AL46" s="702"/>
      <c r="AM46" s="5"/>
      <c r="AN46" s="703" t="s">
        <v>814</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795</v>
      </c>
      <c r="CE46" s="704"/>
      <c r="CF46" s="704"/>
      <c r="CG46" s="704"/>
      <c r="CH46" s="704"/>
      <c r="CI46" s="704"/>
      <c r="CJ46" s="704"/>
      <c r="CK46" s="704"/>
      <c r="CL46" s="704"/>
      <c r="CM46" s="705"/>
    </row>
    <row r="47" spans="1:100" ht="17.25" customHeight="1" x14ac:dyDescent="0.15">
      <c r="A47" s="216" t="s">
        <v>322</v>
      </c>
      <c r="B47" s="692"/>
      <c r="C47" s="692"/>
      <c r="D47" s="692"/>
      <c r="E47" s="692"/>
      <c r="F47" s="692"/>
      <c r="G47" s="692"/>
      <c r="H47" s="692"/>
      <c r="I47" s="692"/>
      <c r="J47" s="692"/>
      <c r="K47" s="692"/>
      <c r="L47" s="692"/>
      <c r="M47" s="693"/>
      <c r="N47" s="152"/>
      <c r="O47" s="700"/>
      <c r="P47" s="701"/>
      <c r="Q47" s="701"/>
      <c r="R47" s="701"/>
      <c r="S47" s="701"/>
      <c r="T47" s="701"/>
      <c r="U47" s="701"/>
      <c r="V47" s="701"/>
      <c r="W47" s="701"/>
      <c r="X47" s="701"/>
      <c r="Y47" s="701"/>
      <c r="Z47" s="701"/>
      <c r="AA47" s="701"/>
      <c r="AB47" s="701"/>
      <c r="AC47" s="701"/>
      <c r="AD47" s="701"/>
      <c r="AE47" s="701"/>
      <c r="AF47" s="701"/>
      <c r="AG47" s="701"/>
      <c r="AH47" s="701"/>
      <c r="AI47" s="701"/>
      <c r="AJ47" s="701"/>
      <c r="AK47" s="701"/>
      <c r="AL47" s="702"/>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796</v>
      </c>
      <c r="BP47" s="734"/>
      <c r="BQ47" s="734"/>
      <c r="BR47" s="734"/>
      <c r="BS47" s="734"/>
      <c r="BT47" s="733" t="s">
        <v>815</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v>38676</v>
      </c>
      <c r="B48" s="690"/>
      <c r="C48" s="690"/>
      <c r="D48" s="690"/>
      <c r="E48" s="690"/>
      <c r="F48" s="690"/>
      <c r="G48" s="690"/>
      <c r="H48" s="690"/>
      <c r="I48" s="690"/>
      <c r="J48" s="690"/>
      <c r="K48" s="690"/>
      <c r="L48" s="690"/>
      <c r="M48" s="691"/>
      <c r="N48" s="161"/>
      <c r="O48" s="700"/>
      <c r="P48" s="701"/>
      <c r="Q48" s="701"/>
      <c r="R48" s="701"/>
      <c r="S48" s="701"/>
      <c r="T48" s="701"/>
      <c r="U48" s="701"/>
      <c r="V48" s="701"/>
      <c r="W48" s="701"/>
      <c r="X48" s="701"/>
      <c r="Y48" s="701"/>
      <c r="Z48" s="701"/>
      <c r="AA48" s="701"/>
      <c r="AB48" s="701"/>
      <c r="AC48" s="701"/>
      <c r="AD48" s="701"/>
      <c r="AE48" s="701"/>
      <c r="AF48" s="701"/>
      <c r="AG48" s="701"/>
      <c r="AH48" s="701"/>
      <c r="AI48" s="701"/>
      <c r="AJ48" s="701"/>
      <c r="AK48" s="701"/>
      <c r="AL48" s="702"/>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t="s">
        <v>737</v>
      </c>
      <c r="B49" s="217"/>
      <c r="C49" s="217"/>
      <c r="D49" s="217"/>
      <c r="E49" s="217"/>
      <c r="F49" s="217"/>
      <c r="G49" s="217"/>
      <c r="H49" s="217"/>
      <c r="I49" s="217"/>
      <c r="J49" s="217"/>
      <c r="K49" s="217"/>
      <c r="L49" s="217"/>
      <c r="M49" s="218"/>
      <c r="N49" s="152"/>
      <c r="O49" s="700"/>
      <c r="P49" s="701"/>
      <c r="Q49" s="701"/>
      <c r="R49" s="701"/>
      <c r="S49" s="701"/>
      <c r="T49" s="701"/>
      <c r="U49" s="701"/>
      <c r="V49" s="701"/>
      <c r="W49" s="701"/>
      <c r="X49" s="701"/>
      <c r="Y49" s="701"/>
      <c r="Z49" s="701"/>
      <c r="AA49" s="701"/>
      <c r="AB49" s="701"/>
      <c r="AC49" s="701"/>
      <c r="AD49" s="701"/>
      <c r="AE49" s="701"/>
      <c r="AF49" s="701"/>
      <c r="AG49" s="701"/>
      <c r="AH49" s="701"/>
      <c r="AI49" s="701"/>
      <c r="AJ49" s="701"/>
      <c r="AK49" s="701"/>
      <c r="AL49" s="702"/>
      <c r="AM49" s="5"/>
      <c r="AN49" s="223">
        <v>184939.70499999999</v>
      </c>
      <c r="AO49" s="224"/>
      <c r="AP49" s="224"/>
      <c r="AQ49" s="224"/>
      <c r="AR49" s="224"/>
      <c r="AS49" s="224"/>
      <c r="AT49" s="225"/>
      <c r="AU49" s="229">
        <v>0.83299999999999996</v>
      </c>
      <c r="AV49" s="230"/>
      <c r="AW49" s="230"/>
      <c r="AX49" s="230"/>
      <c r="AY49" s="231"/>
      <c r="AZ49" s="210">
        <v>12.1</v>
      </c>
      <c r="BA49" s="211"/>
      <c r="BB49" s="211"/>
      <c r="BC49" s="211"/>
      <c r="BD49" s="212"/>
      <c r="BE49" s="210">
        <v>2.8</v>
      </c>
      <c r="BF49" s="211"/>
      <c r="BG49" s="211"/>
      <c r="BH49" s="211"/>
      <c r="BI49" s="212"/>
      <c r="BJ49" s="210" t="s">
        <v>1681</v>
      </c>
      <c r="BK49" s="211"/>
      <c r="BL49" s="211"/>
      <c r="BM49" s="211"/>
      <c r="BN49" s="212"/>
      <c r="BO49" s="210">
        <v>3.8</v>
      </c>
      <c r="BP49" s="211"/>
      <c r="BQ49" s="211"/>
      <c r="BR49" s="211"/>
      <c r="BS49" s="212"/>
      <c r="BT49" s="210">
        <v>96</v>
      </c>
      <c r="BU49" s="211"/>
      <c r="BV49" s="211"/>
      <c r="BW49" s="211"/>
      <c r="BX49" s="212"/>
      <c r="BY49" s="210">
        <v>15.6</v>
      </c>
      <c r="BZ49" s="211"/>
      <c r="CA49" s="211"/>
      <c r="CB49" s="211"/>
      <c r="CC49" s="212"/>
      <c r="CD49" s="210">
        <v>61.9</v>
      </c>
      <c r="CE49" s="211"/>
      <c r="CF49" s="211"/>
      <c r="CG49" s="211"/>
      <c r="CH49" s="212"/>
      <c r="CI49" s="210">
        <v>50</v>
      </c>
      <c r="CJ49" s="211"/>
      <c r="CK49" s="211"/>
      <c r="CL49" s="211"/>
      <c r="CM49" s="212"/>
    </row>
    <row r="50" spans="1:91" ht="17.25" customHeight="1" x14ac:dyDescent="0.15">
      <c r="A50" s="746" t="s">
        <v>736</v>
      </c>
      <c r="B50" s="747"/>
      <c r="C50" s="747"/>
      <c r="D50" s="747"/>
      <c r="E50" s="747"/>
      <c r="F50" s="747"/>
      <c r="G50" s="747"/>
      <c r="H50" s="747"/>
      <c r="I50" s="747"/>
      <c r="J50" s="747"/>
      <c r="K50" s="747"/>
      <c r="L50" s="747"/>
      <c r="M50" s="748"/>
      <c r="N50" s="161"/>
      <c r="O50" s="749"/>
      <c r="P50" s="750"/>
      <c r="Q50" s="750"/>
      <c r="R50" s="750"/>
      <c r="S50" s="750"/>
      <c r="T50" s="750"/>
      <c r="U50" s="750"/>
      <c r="V50" s="750"/>
      <c r="W50" s="750"/>
      <c r="X50" s="750"/>
      <c r="Y50" s="750"/>
      <c r="Z50" s="750"/>
      <c r="AA50" s="750"/>
      <c r="AB50" s="750"/>
      <c r="AC50" s="750"/>
      <c r="AD50" s="750"/>
      <c r="AE50" s="750"/>
      <c r="AF50" s="750"/>
      <c r="AG50" s="750"/>
      <c r="AH50" s="750"/>
      <c r="AI50" s="750"/>
      <c r="AJ50" s="750"/>
      <c r="AK50" s="750"/>
      <c r="AL50" s="75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c r="BJ57" s="5"/>
      <c r="BK57" s="5"/>
      <c r="BL57" s="5"/>
      <c r="BM57" s="5"/>
      <c r="BN57" s="5"/>
    </row>
    <row r="58" spans="1:91" ht="17.25" customHeight="1" x14ac:dyDescent="0.15"/>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sheetData>
  <sheetProtection formatCells="0" selectLockedCells="1"/>
  <mergeCells count="207">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A41:M41"/>
    <mergeCell ref="O41:AL41"/>
    <mergeCell ref="AU41:BE41"/>
    <mergeCell ref="BR41:CM41"/>
    <mergeCell ref="CC42:CM43"/>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2:M42"/>
    <mergeCell ref="O42:AL42"/>
    <mergeCell ref="AN39:AV40"/>
    <mergeCell ref="AW39:BF40"/>
    <mergeCell ref="BG39:BP40"/>
    <mergeCell ref="BR39:BX40"/>
    <mergeCell ref="O40:AL40"/>
    <mergeCell ref="BR42:CB43"/>
    <mergeCell ref="A43:M43"/>
    <mergeCell ref="O43:AL43"/>
    <mergeCell ref="AN42:AV43"/>
    <mergeCell ref="AW42:BF43"/>
    <mergeCell ref="BG42:BP43"/>
    <mergeCell ref="BG37:BP38"/>
    <mergeCell ref="BR37:BX38"/>
    <mergeCell ref="BY37:CG38"/>
    <mergeCell ref="BY39:CG40"/>
    <mergeCell ref="CH37:CM38"/>
    <mergeCell ref="A38:M38"/>
    <mergeCell ref="A36:M36"/>
    <mergeCell ref="O36:AL36"/>
    <mergeCell ref="A37:M37"/>
    <mergeCell ref="O37:AL37"/>
    <mergeCell ref="AN37:AV38"/>
    <mergeCell ref="AW37:BF38"/>
    <mergeCell ref="O38:AL38"/>
    <mergeCell ref="CH39:CM40"/>
    <mergeCell ref="A40:M40"/>
    <mergeCell ref="O39:AL39"/>
    <mergeCell ref="A39:M39"/>
    <mergeCell ref="AO33:BP33"/>
    <mergeCell ref="BR33:BX34"/>
    <mergeCell ref="BY33:CG34"/>
    <mergeCell ref="CH33:CM34"/>
    <mergeCell ref="AN34:BO34"/>
    <mergeCell ref="AN35:AV36"/>
    <mergeCell ref="AW35:BF36"/>
    <mergeCell ref="BG35:BP36"/>
    <mergeCell ref="BR35:BX36"/>
    <mergeCell ref="BY35:CG36"/>
    <mergeCell ref="CH35:CM36"/>
    <mergeCell ref="Q31:AL31"/>
    <mergeCell ref="A25:E27"/>
    <mergeCell ref="F25:M25"/>
    <mergeCell ref="Q26:AL26"/>
    <mergeCell ref="AO25:CM25"/>
    <mergeCell ref="F26:M27"/>
    <mergeCell ref="Q27:AL27"/>
    <mergeCell ref="AO26:CM26"/>
    <mergeCell ref="Q28:AL28"/>
    <mergeCell ref="AO30:BP30"/>
    <mergeCell ref="BY30:CI30"/>
    <mergeCell ref="AO31:BP31"/>
    <mergeCell ref="BR31:BX32"/>
    <mergeCell ref="BY31:CG32"/>
    <mergeCell ref="CH31:CM32"/>
    <mergeCell ref="AO32:BP32"/>
    <mergeCell ref="AO27:CM27"/>
    <mergeCell ref="A28:E30"/>
    <mergeCell ref="F28:M28"/>
    <mergeCell ref="Q29:AL29"/>
    <mergeCell ref="AO28:CM28"/>
    <mergeCell ref="F29:M30"/>
    <mergeCell ref="Q30:AL30"/>
    <mergeCell ref="AN29:BP29"/>
    <mergeCell ref="U23:X23"/>
    <mergeCell ref="Y23:AL23"/>
    <mergeCell ref="O12:P25"/>
    <mergeCell ref="Q25:T25"/>
    <mergeCell ref="U25:X25"/>
    <mergeCell ref="AE25:AL25"/>
    <mergeCell ref="Y24:AL24"/>
    <mergeCell ref="Y25:AD25"/>
    <mergeCell ref="F13:M14"/>
    <mergeCell ref="F22:M22"/>
    <mergeCell ref="F20:M21"/>
    <mergeCell ref="Q20:T20"/>
    <mergeCell ref="U17:X17"/>
    <mergeCell ref="Y17:AL17"/>
    <mergeCell ref="Q18:T18"/>
    <mergeCell ref="U18:X18"/>
    <mergeCell ref="Y18:AL18"/>
    <mergeCell ref="Q16:T16"/>
    <mergeCell ref="U16:X16"/>
    <mergeCell ref="Y16:AL16"/>
    <mergeCell ref="A16:E24"/>
    <mergeCell ref="F16:M16"/>
    <mergeCell ref="F19:M19"/>
    <mergeCell ref="Q19:T19"/>
    <mergeCell ref="U19:X19"/>
    <mergeCell ref="AN20:CM20"/>
    <mergeCell ref="Q21:T21"/>
    <mergeCell ref="U21:X21"/>
    <mergeCell ref="Y21:AL21"/>
    <mergeCell ref="AO21:CM21"/>
    <mergeCell ref="Q24:T24"/>
    <mergeCell ref="U24:X24"/>
    <mergeCell ref="AO24:CM24"/>
    <mergeCell ref="AN16:AS17"/>
    <mergeCell ref="Y19:AL19"/>
    <mergeCell ref="Q22:T22"/>
    <mergeCell ref="U22:X22"/>
    <mergeCell ref="Y22:AL22"/>
    <mergeCell ref="AO22:CM22"/>
    <mergeCell ref="AO23:CM23"/>
    <mergeCell ref="F23:M24"/>
    <mergeCell ref="Q23:T23"/>
    <mergeCell ref="F17:M18"/>
    <mergeCell ref="Q17:T17"/>
    <mergeCell ref="AT16:CM17"/>
    <mergeCell ref="AN18:AS19"/>
    <mergeCell ref="AT18:CM19"/>
    <mergeCell ref="A33:AL35"/>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A12:E13"/>
    <mergeCell ref="F12:M12"/>
    <mergeCell ref="N12:N30"/>
    <mergeCell ref="A14:E14"/>
    <mergeCell ref="A9:D10"/>
    <mergeCell ref="E9:AL10"/>
    <mergeCell ref="AN9:CM9"/>
    <mergeCell ref="AN10:AS13"/>
    <mergeCell ref="AT10:CM13"/>
    <mergeCell ref="A11:D11"/>
    <mergeCell ref="E11:AL11"/>
    <mergeCell ref="A15:E15"/>
    <mergeCell ref="F15:M15"/>
    <mergeCell ref="Q15:T15"/>
    <mergeCell ref="U15:X15"/>
    <mergeCell ref="Q14:T14"/>
    <mergeCell ref="U14:X14"/>
    <mergeCell ref="Y14:AL14"/>
    <mergeCell ref="Q12:T12"/>
    <mergeCell ref="U12:X12"/>
    <mergeCell ref="Y12:AL12"/>
    <mergeCell ref="Q13:T13"/>
    <mergeCell ref="U13:X13"/>
    <mergeCell ref="Y13:AL13"/>
    <mergeCell ref="AN14:AS15"/>
    <mergeCell ref="AT14:CM15"/>
  </mergeCells>
  <phoneticPr fontId="3"/>
  <hyperlinks>
    <hyperlink ref="E11:AL11" r:id="rId1" display="http://www.city.sagamih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3―</oddFooter>
  </headerFooter>
  <drawing r:id="rId3"/>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8"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630</v>
      </c>
      <c r="B1" s="644" ph="1"/>
      <c r="C1" s="644" ph="1"/>
      <c r="D1" s="644" ph="1"/>
      <c r="E1" s="644" ph="1"/>
      <c r="F1" s="644" ph="1"/>
      <c r="G1" s="644" ph="1"/>
      <c r="H1" s="644" ph="1"/>
      <c r="I1" s="645"/>
      <c r="J1" s="645"/>
      <c r="K1" s="645"/>
      <c r="L1" s="645"/>
      <c r="M1" s="645"/>
      <c r="N1" s="454" t="s">
        <v>631</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488</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714</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1" t="s">
        <v>236</v>
      </c>
      <c r="B4" s="641"/>
      <c r="C4" s="641"/>
      <c r="D4" s="641"/>
      <c r="E4" s="458">
        <v>143839</v>
      </c>
      <c r="F4" s="458"/>
      <c r="G4" s="458"/>
      <c r="H4" s="458"/>
      <c r="I4" s="647"/>
      <c r="J4" s="647"/>
      <c r="K4" s="647"/>
      <c r="L4" s="647"/>
      <c r="M4" s="647"/>
      <c r="N4" s="459" t="s">
        <v>632</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382" t="s">
        <v>237</v>
      </c>
      <c r="B5" s="484"/>
      <c r="C5" s="484"/>
      <c r="D5" s="484"/>
      <c r="E5" s="484"/>
      <c r="F5" s="484"/>
      <c r="G5" s="484"/>
      <c r="H5" s="485"/>
      <c r="I5" s="1327" t="s">
        <v>1470</v>
      </c>
      <c r="J5" s="1328"/>
      <c r="K5" s="1328"/>
      <c r="L5" s="1328"/>
      <c r="M5" s="1328"/>
      <c r="N5" s="1328"/>
      <c r="O5" s="1328"/>
      <c r="P5" s="1328"/>
      <c r="Q5" s="1328"/>
      <c r="R5" s="1328"/>
      <c r="S5" s="1328"/>
      <c r="T5" s="1328"/>
      <c r="U5" s="1328"/>
      <c r="V5" s="1328"/>
      <c r="W5" s="1328"/>
      <c r="X5" s="1328"/>
      <c r="Y5" s="1328"/>
      <c r="Z5" s="1328"/>
      <c r="AA5" s="1328"/>
      <c r="AB5" s="1328"/>
      <c r="AC5" s="1328"/>
      <c r="AD5" s="1328"/>
      <c r="AE5" s="1328"/>
      <c r="AF5" s="1328"/>
      <c r="AG5" s="1328"/>
      <c r="AH5" s="1328"/>
      <c r="AI5" s="1328"/>
      <c r="AJ5" s="1328"/>
      <c r="AK5" s="1328"/>
      <c r="AL5" s="1329"/>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364"/>
      <c r="B6" s="365"/>
      <c r="C6" s="365"/>
      <c r="D6" s="365"/>
      <c r="E6" s="365"/>
      <c r="F6" s="365"/>
      <c r="G6" s="365"/>
      <c r="H6" s="366"/>
      <c r="I6" s="1330"/>
      <c r="J6" s="1331"/>
      <c r="K6" s="1331"/>
      <c r="L6" s="1331"/>
      <c r="M6" s="1331"/>
      <c r="N6" s="1331"/>
      <c r="O6" s="1331"/>
      <c r="P6" s="1331"/>
      <c r="Q6" s="1331"/>
      <c r="R6" s="1331"/>
      <c r="S6" s="1331"/>
      <c r="T6" s="1331"/>
      <c r="U6" s="1331"/>
      <c r="V6" s="1331"/>
      <c r="W6" s="1331"/>
      <c r="X6" s="1331"/>
      <c r="Y6" s="1331"/>
      <c r="Z6" s="1331"/>
      <c r="AA6" s="1331"/>
      <c r="AB6" s="1331"/>
      <c r="AC6" s="1331"/>
      <c r="AD6" s="1331"/>
      <c r="AE6" s="1331"/>
      <c r="AF6" s="1331"/>
      <c r="AG6" s="1331"/>
      <c r="AH6" s="1331"/>
      <c r="AI6" s="1331"/>
      <c r="AJ6" s="1331"/>
      <c r="AK6" s="1331"/>
      <c r="AL6" s="1332"/>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05" t="s">
        <v>238</v>
      </c>
      <c r="B7" s="406"/>
      <c r="C7" s="406"/>
      <c r="D7" s="407"/>
      <c r="E7" s="65" t="s">
        <v>0</v>
      </c>
      <c r="F7" s="492" t="s">
        <v>633</v>
      </c>
      <c r="G7" s="492"/>
      <c r="H7" s="492"/>
      <c r="I7" s="492"/>
      <c r="J7" s="492"/>
      <c r="K7" s="492"/>
      <c r="L7" s="493"/>
      <c r="M7" s="642"/>
      <c r="N7" s="642"/>
      <c r="O7" s="642"/>
      <c r="P7" s="642"/>
      <c r="Q7" s="642"/>
      <c r="R7" s="642"/>
      <c r="S7" s="642"/>
      <c r="T7" s="642"/>
      <c r="U7" s="642"/>
      <c r="V7" s="642"/>
      <c r="W7" s="642"/>
      <c r="X7" s="642"/>
      <c r="Y7" s="643"/>
      <c r="Z7" s="332" t="s">
        <v>239</v>
      </c>
      <c r="AA7" s="332"/>
      <c r="AB7" s="332"/>
      <c r="AC7" s="431" t="s">
        <v>634</v>
      </c>
      <c r="AD7" s="431"/>
      <c r="AE7" s="431"/>
      <c r="AF7" s="431"/>
      <c r="AG7" s="431"/>
      <c r="AH7" s="431"/>
      <c r="AI7" s="431"/>
      <c r="AJ7" s="431"/>
      <c r="AK7" s="431"/>
      <c r="AL7" s="43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c r="B8" s="406"/>
      <c r="C8" s="406"/>
      <c r="D8" s="407"/>
      <c r="E8" s="433" t="s">
        <v>635</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405" t="s">
        <v>240</v>
      </c>
      <c r="B9" s="406"/>
      <c r="C9" s="406"/>
      <c r="D9" s="407"/>
      <c r="E9" s="445" t="s">
        <v>636</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469"/>
      <c r="AO9" s="470"/>
      <c r="AP9" s="470"/>
      <c r="AQ9" s="470"/>
      <c r="AR9" s="470"/>
      <c r="AS9" s="470"/>
      <c r="AT9" s="470"/>
      <c r="AU9" s="470"/>
      <c r="AV9" s="470"/>
      <c r="AW9" s="470"/>
      <c r="AX9" s="470"/>
      <c r="AY9" s="470"/>
      <c r="AZ9" s="470"/>
      <c r="BA9" s="470"/>
      <c r="BB9" s="470"/>
      <c r="BC9" s="470"/>
      <c r="BD9" s="470"/>
      <c r="BE9" s="470"/>
      <c r="BF9" s="470"/>
      <c r="BG9" s="470"/>
      <c r="BH9" s="470"/>
      <c r="BI9" s="470"/>
      <c r="BJ9" s="470"/>
      <c r="BK9" s="470"/>
      <c r="BL9" s="470"/>
      <c r="BM9" s="470"/>
      <c r="BN9" s="470"/>
      <c r="BO9" s="470"/>
      <c r="BP9" s="470"/>
      <c r="BQ9" s="470"/>
      <c r="BR9" s="470"/>
      <c r="BS9" s="470"/>
      <c r="BT9" s="470"/>
      <c r="BU9" s="470"/>
      <c r="BV9" s="470"/>
      <c r="BW9" s="470"/>
      <c r="BX9" s="470"/>
      <c r="BY9" s="470"/>
      <c r="BZ9" s="470"/>
      <c r="CA9" s="470"/>
      <c r="CB9" s="470"/>
      <c r="CC9" s="470"/>
      <c r="CD9" s="470"/>
      <c r="CE9" s="470"/>
      <c r="CF9" s="470"/>
      <c r="CG9" s="470"/>
      <c r="CH9" s="470"/>
      <c r="CI9" s="470"/>
      <c r="CJ9" s="470"/>
      <c r="CK9" s="470"/>
      <c r="CL9" s="470"/>
      <c r="CM9" s="471"/>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469"/>
      <c r="AO10" s="470"/>
      <c r="AP10" s="470"/>
      <c r="AQ10" s="470"/>
      <c r="AR10" s="470"/>
      <c r="AS10" s="470"/>
      <c r="AT10" s="470"/>
      <c r="AU10" s="470"/>
      <c r="AV10" s="470"/>
      <c r="AW10" s="470"/>
      <c r="AX10" s="470"/>
      <c r="AY10" s="470"/>
      <c r="AZ10" s="470"/>
      <c r="BA10" s="470"/>
      <c r="BB10" s="470"/>
      <c r="BC10" s="470"/>
      <c r="BD10" s="470"/>
      <c r="BE10" s="470"/>
      <c r="BF10" s="470"/>
      <c r="BG10" s="470"/>
      <c r="BH10" s="470"/>
      <c r="BI10" s="470"/>
      <c r="BJ10" s="470"/>
      <c r="BK10" s="470"/>
      <c r="BL10" s="470"/>
      <c r="BM10" s="470"/>
      <c r="BN10" s="470"/>
      <c r="BO10" s="470"/>
      <c r="BP10" s="470"/>
      <c r="BQ10" s="470"/>
      <c r="BR10" s="470"/>
      <c r="BS10" s="470"/>
      <c r="BT10" s="470"/>
      <c r="BU10" s="470"/>
      <c r="BV10" s="470"/>
      <c r="BW10" s="470"/>
      <c r="BX10" s="470"/>
      <c r="BY10" s="470"/>
      <c r="BZ10" s="470"/>
      <c r="CA10" s="470"/>
      <c r="CB10" s="470"/>
      <c r="CC10" s="470"/>
      <c r="CD10" s="470"/>
      <c r="CE10" s="470"/>
      <c r="CF10" s="470"/>
      <c r="CG10" s="470"/>
      <c r="CH10" s="470"/>
      <c r="CI10" s="470"/>
      <c r="CJ10" s="470"/>
      <c r="CK10" s="470"/>
      <c r="CL10" s="470"/>
      <c r="CM10" s="471"/>
    </row>
    <row r="11" spans="1:100" ht="17.25" customHeight="1" x14ac:dyDescent="0.15">
      <c r="A11" s="405" t="s">
        <v>37</v>
      </c>
      <c r="B11" s="406"/>
      <c r="C11" s="406"/>
      <c r="D11" s="407"/>
      <c r="E11" s="615" t="s">
        <v>1117</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469"/>
      <c r="AO11" s="470"/>
      <c r="AP11" s="470"/>
      <c r="AQ11" s="470"/>
      <c r="AR11" s="470"/>
      <c r="AS11" s="470"/>
      <c r="AT11" s="470"/>
      <c r="AU11" s="470"/>
      <c r="AV11" s="470"/>
      <c r="AW11" s="470"/>
      <c r="AX11" s="470"/>
      <c r="AY11" s="470"/>
      <c r="AZ11" s="470"/>
      <c r="BA11" s="470"/>
      <c r="BB11" s="470"/>
      <c r="BC11" s="470"/>
      <c r="BD11" s="470"/>
      <c r="BE11" s="470"/>
      <c r="BF11" s="470"/>
      <c r="BG11" s="470"/>
      <c r="BH11" s="470"/>
      <c r="BI11" s="470"/>
      <c r="BJ11" s="470"/>
      <c r="BK11" s="470"/>
      <c r="BL11" s="470"/>
      <c r="BM11" s="470"/>
      <c r="BN11" s="470"/>
      <c r="BO11" s="470"/>
      <c r="BP11" s="470"/>
      <c r="BQ11" s="470"/>
      <c r="BR11" s="470"/>
      <c r="BS11" s="470"/>
      <c r="BT11" s="470"/>
      <c r="BU11" s="470"/>
      <c r="BV11" s="470"/>
      <c r="BW11" s="470"/>
      <c r="BX11" s="470"/>
      <c r="BY11" s="470"/>
      <c r="BZ11" s="470"/>
      <c r="CA11" s="470"/>
      <c r="CB11" s="470"/>
      <c r="CC11" s="470"/>
      <c r="CD11" s="470"/>
      <c r="CE11" s="470"/>
      <c r="CF11" s="470"/>
      <c r="CG11" s="470"/>
      <c r="CH11" s="470"/>
      <c r="CI11" s="470"/>
      <c r="CJ11" s="470"/>
      <c r="CK11" s="470"/>
      <c r="CL11" s="470"/>
      <c r="CM11" s="471"/>
    </row>
    <row r="12" spans="1:100" ht="17.25" customHeight="1" x14ac:dyDescent="0.15">
      <c r="A12" s="332" t="s">
        <v>474</v>
      </c>
      <c r="B12" s="332"/>
      <c r="C12" s="332"/>
      <c r="D12" s="332"/>
      <c r="E12" s="328"/>
      <c r="F12" s="330" t="s">
        <v>1299</v>
      </c>
      <c r="G12" s="331"/>
      <c r="H12" s="331"/>
      <c r="I12" s="331"/>
      <c r="J12" s="331"/>
      <c r="K12" s="331"/>
      <c r="L12" s="331"/>
      <c r="M12" s="331"/>
      <c r="N12" s="522"/>
      <c r="O12" s="416" t="s">
        <v>242</v>
      </c>
      <c r="P12" s="417"/>
      <c r="Q12" s="377">
        <v>20728</v>
      </c>
      <c r="R12" s="220"/>
      <c r="S12" s="220"/>
      <c r="T12" s="220"/>
      <c r="U12" s="371" t="s">
        <v>148</v>
      </c>
      <c r="V12" s="220"/>
      <c r="W12" s="220"/>
      <c r="X12" s="220"/>
      <c r="Y12" s="371" t="s">
        <v>637</v>
      </c>
      <c r="Z12" s="220"/>
      <c r="AA12" s="220"/>
      <c r="AB12" s="220"/>
      <c r="AC12" s="220"/>
      <c r="AD12" s="220"/>
      <c r="AE12" s="220"/>
      <c r="AF12" s="220"/>
      <c r="AG12" s="220"/>
      <c r="AH12" s="220"/>
      <c r="AI12" s="220"/>
      <c r="AJ12" s="220"/>
      <c r="AK12" s="220"/>
      <c r="AL12" s="372"/>
      <c r="AM12" s="5"/>
      <c r="AN12" s="518" t="s">
        <v>245</v>
      </c>
      <c r="AO12" s="518"/>
      <c r="AP12" s="518"/>
      <c r="AQ12" s="518"/>
      <c r="AR12" s="518"/>
      <c r="AS12" s="518"/>
      <c r="AT12" s="518"/>
      <c r="AU12" s="518"/>
      <c r="AV12" s="518"/>
      <c r="AW12" s="518"/>
      <c r="AX12" s="518"/>
      <c r="AY12" s="518"/>
      <c r="AZ12" s="518"/>
      <c r="BA12" s="518"/>
      <c r="BB12" s="518"/>
      <c r="BC12" s="518"/>
      <c r="BD12" s="518"/>
      <c r="BE12" s="518"/>
      <c r="BF12" s="518"/>
      <c r="BG12" s="518"/>
      <c r="BH12" s="518"/>
      <c r="BI12" s="518"/>
      <c r="BJ12" s="518"/>
      <c r="BK12" s="518"/>
      <c r="BL12" s="518"/>
      <c r="BM12" s="518"/>
      <c r="BN12" s="518"/>
      <c r="BO12" s="518"/>
      <c r="BP12" s="518"/>
      <c r="BQ12" s="518"/>
      <c r="BR12" s="518"/>
      <c r="BS12" s="518"/>
      <c r="BT12" s="518"/>
      <c r="BU12" s="518"/>
      <c r="BV12" s="518"/>
      <c r="BW12" s="518"/>
      <c r="BX12" s="518"/>
      <c r="BY12" s="518"/>
      <c r="BZ12" s="518"/>
      <c r="CA12" s="518"/>
      <c r="CB12" s="518"/>
      <c r="CC12" s="518"/>
      <c r="CD12" s="518"/>
      <c r="CE12" s="518"/>
      <c r="CF12" s="518"/>
      <c r="CG12" s="518"/>
      <c r="CH12" s="518"/>
      <c r="CI12" s="518"/>
      <c r="CJ12" s="518"/>
      <c r="CK12" s="518"/>
      <c r="CL12" s="518"/>
      <c r="CM12" s="518"/>
      <c r="CQ12" s="3" ph="1"/>
      <c r="CR12" s="3" ph="1"/>
      <c r="CS12" s="3" ph="1"/>
      <c r="CT12" s="3" ph="1"/>
      <c r="CU12" s="3" ph="1"/>
      <c r="CV12" s="3" ph="1"/>
    </row>
    <row r="13" spans="1:100" ht="17.25" customHeight="1" x14ac:dyDescent="0.15">
      <c r="A13" s="328"/>
      <c r="B13" s="328"/>
      <c r="C13" s="328"/>
      <c r="D13" s="328"/>
      <c r="E13" s="328"/>
      <c r="F13" s="398" t="s">
        <v>1298</v>
      </c>
      <c r="G13" s="369"/>
      <c r="H13" s="369"/>
      <c r="I13" s="369"/>
      <c r="J13" s="369"/>
      <c r="K13" s="369"/>
      <c r="L13" s="369"/>
      <c r="M13" s="369"/>
      <c r="N13" s="523"/>
      <c r="O13" s="418"/>
      <c r="P13" s="419"/>
      <c r="Q13" s="377"/>
      <c r="R13" s="220"/>
      <c r="S13" s="220"/>
      <c r="T13" s="220"/>
      <c r="U13" s="371"/>
      <c r="V13" s="220"/>
      <c r="W13" s="220"/>
      <c r="X13" s="220"/>
      <c r="Y13" s="371"/>
      <c r="Z13" s="852"/>
      <c r="AA13" s="852"/>
      <c r="AB13" s="852"/>
      <c r="AC13" s="852"/>
      <c r="AD13" s="852"/>
      <c r="AE13" s="852"/>
      <c r="AF13" s="852"/>
      <c r="AG13" s="852"/>
      <c r="AH13" s="852"/>
      <c r="AI13" s="852"/>
      <c r="AJ13" s="852"/>
      <c r="AK13" s="852"/>
      <c r="AL13" s="853"/>
      <c r="AM13" s="5"/>
      <c r="AN13" s="292" t="s">
        <v>219</v>
      </c>
      <c r="AO13" s="293"/>
      <c r="AP13" s="293"/>
      <c r="AQ13" s="293"/>
      <c r="AR13" s="293"/>
      <c r="AS13" s="293"/>
      <c r="AT13" s="856" t="s">
        <v>638</v>
      </c>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426">
        <v>1</v>
      </c>
      <c r="B14" s="651"/>
      <c r="C14" s="651"/>
      <c r="D14" s="651"/>
      <c r="E14" s="651"/>
      <c r="F14" s="370"/>
      <c r="G14" s="370"/>
      <c r="H14" s="370"/>
      <c r="I14" s="370"/>
      <c r="J14" s="370"/>
      <c r="K14" s="370"/>
      <c r="L14" s="370"/>
      <c r="M14" s="370"/>
      <c r="N14" s="523"/>
      <c r="O14" s="418"/>
      <c r="P14" s="419"/>
      <c r="Q14" s="377"/>
      <c r="R14" s="220"/>
      <c r="S14" s="220"/>
      <c r="T14" s="220"/>
      <c r="U14" s="371"/>
      <c r="V14" s="220"/>
      <c r="W14" s="220"/>
      <c r="X14" s="220"/>
      <c r="Y14" s="371"/>
      <c r="Z14" s="220"/>
      <c r="AA14" s="220"/>
      <c r="AB14" s="220"/>
      <c r="AC14" s="220"/>
      <c r="AD14" s="220"/>
      <c r="AE14" s="220"/>
      <c r="AF14" s="220"/>
      <c r="AG14" s="220"/>
      <c r="AH14" s="220"/>
      <c r="AI14" s="220"/>
      <c r="AJ14" s="220"/>
      <c r="AK14" s="220"/>
      <c r="AL14" s="372"/>
      <c r="AM14" s="5"/>
      <c r="AN14" s="295"/>
      <c r="AO14" s="296"/>
      <c r="AP14" s="296"/>
      <c r="AQ14" s="296"/>
      <c r="AR14" s="296"/>
      <c r="AS14" s="296"/>
      <c r="AT14" s="856"/>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6702</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92" t="s">
        <v>220</v>
      </c>
      <c r="AO15" s="293"/>
      <c r="AP15" s="293"/>
      <c r="AQ15" s="293"/>
      <c r="AR15" s="293"/>
      <c r="AS15" s="293"/>
      <c r="AT15" s="856" t="s">
        <v>639</v>
      </c>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13</v>
      </c>
      <c r="B16" s="484"/>
      <c r="C16" s="484"/>
      <c r="D16" s="484"/>
      <c r="E16" s="485"/>
      <c r="F16" s="345" t="s">
        <v>1301</v>
      </c>
      <c r="G16" s="346"/>
      <c r="H16" s="346"/>
      <c r="I16" s="346"/>
      <c r="J16" s="346"/>
      <c r="K16" s="346"/>
      <c r="L16" s="346"/>
      <c r="M16" s="346"/>
      <c r="N16" s="523"/>
      <c r="O16" s="418"/>
      <c r="P16" s="419"/>
      <c r="Q16" s="377"/>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95"/>
      <c r="AO16" s="296"/>
      <c r="AP16" s="296"/>
      <c r="AQ16" s="296"/>
      <c r="AR16" s="296"/>
      <c r="AS16" s="296"/>
      <c r="AT16" s="856"/>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t="s">
        <v>1300</v>
      </c>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92" t="s">
        <v>221</v>
      </c>
      <c r="AO17" s="293"/>
      <c r="AP17" s="293"/>
      <c r="AQ17" s="293"/>
      <c r="AR17" s="293"/>
      <c r="AS17" s="293"/>
      <c r="AT17" s="856" t="s">
        <v>1594</v>
      </c>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95"/>
      <c r="AO18" s="296"/>
      <c r="AP18" s="296"/>
      <c r="AQ18" s="296"/>
      <c r="AR18" s="296"/>
      <c r="AS18" s="296"/>
      <c r="AT18" s="856"/>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92" t="s">
        <v>222</v>
      </c>
      <c r="AO19" s="293"/>
      <c r="AP19" s="293"/>
      <c r="AQ19" s="293"/>
      <c r="AR19" s="293"/>
      <c r="AS19" s="293"/>
      <c r="AT19" s="855" t="s">
        <v>1376</v>
      </c>
      <c r="AU19" s="855"/>
      <c r="AV19" s="855"/>
      <c r="AW19" s="855"/>
      <c r="AX19" s="855"/>
      <c r="AY19" s="855"/>
      <c r="AZ19" s="855"/>
      <c r="BA19" s="855"/>
      <c r="BB19" s="855"/>
      <c r="BC19" s="855"/>
      <c r="BD19" s="855"/>
      <c r="BE19" s="855"/>
      <c r="BF19" s="855"/>
      <c r="BG19" s="855"/>
      <c r="BH19" s="855"/>
      <c r="BI19" s="855"/>
      <c r="BJ19" s="855"/>
      <c r="BK19" s="855"/>
      <c r="BL19" s="855"/>
      <c r="BM19" s="855"/>
      <c r="BN19" s="855"/>
      <c r="BO19" s="855"/>
      <c r="BP19" s="855"/>
      <c r="BQ19" s="855"/>
      <c r="BR19" s="855"/>
      <c r="BS19" s="855"/>
      <c r="BT19" s="855"/>
      <c r="BU19" s="855"/>
      <c r="BV19" s="855"/>
      <c r="BW19" s="855"/>
      <c r="BX19" s="855"/>
      <c r="BY19" s="855"/>
      <c r="BZ19" s="855"/>
      <c r="CA19" s="855"/>
      <c r="CB19" s="855"/>
      <c r="CC19" s="855"/>
      <c r="CD19" s="855"/>
      <c r="CE19" s="855"/>
      <c r="CF19" s="855"/>
      <c r="CG19" s="855"/>
      <c r="CH19" s="855"/>
      <c r="CI19" s="855"/>
      <c r="CJ19" s="855"/>
      <c r="CK19" s="855"/>
      <c r="CL19" s="855"/>
      <c r="CM19" s="855"/>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436"/>
      <c r="AO20" s="437"/>
      <c r="AP20" s="437"/>
      <c r="AQ20" s="437"/>
      <c r="AR20" s="437"/>
      <c r="AS20" s="437"/>
      <c r="AT20" s="855"/>
      <c r="AU20" s="855"/>
      <c r="AV20" s="855"/>
      <c r="AW20" s="855"/>
      <c r="AX20" s="855"/>
      <c r="AY20" s="855"/>
      <c r="AZ20" s="855"/>
      <c r="BA20" s="855"/>
      <c r="BB20" s="855"/>
      <c r="BC20" s="855"/>
      <c r="BD20" s="855"/>
      <c r="BE20" s="855"/>
      <c r="BF20" s="855"/>
      <c r="BG20" s="855"/>
      <c r="BH20" s="855"/>
      <c r="BI20" s="855"/>
      <c r="BJ20" s="855"/>
      <c r="BK20" s="855"/>
      <c r="BL20" s="855"/>
      <c r="BM20" s="855"/>
      <c r="BN20" s="855"/>
      <c r="BO20" s="855"/>
      <c r="BP20" s="855"/>
      <c r="BQ20" s="855"/>
      <c r="BR20" s="855"/>
      <c r="BS20" s="855"/>
      <c r="BT20" s="855"/>
      <c r="BU20" s="855"/>
      <c r="BV20" s="855"/>
      <c r="BW20" s="855"/>
      <c r="BX20" s="855"/>
      <c r="BY20" s="855"/>
      <c r="BZ20" s="855"/>
      <c r="CA20" s="855"/>
      <c r="CB20" s="855"/>
      <c r="CC20" s="855"/>
      <c r="CD20" s="855"/>
      <c r="CE20" s="855"/>
      <c r="CF20" s="855"/>
      <c r="CG20" s="855"/>
      <c r="CH20" s="855"/>
      <c r="CI20" s="855"/>
      <c r="CJ20" s="855"/>
      <c r="CK20" s="855"/>
      <c r="CL20" s="855"/>
      <c r="CM20" s="855"/>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7"/>
      <c r="R21" s="220"/>
      <c r="S21" s="220"/>
      <c r="T21" s="220"/>
      <c r="U21" s="371"/>
      <c r="V21" s="220"/>
      <c r="W21" s="220"/>
      <c r="X21" s="220"/>
      <c r="Y21" s="371"/>
      <c r="Z21" s="220"/>
      <c r="AA21" s="220"/>
      <c r="AB21" s="220"/>
      <c r="AC21" s="220"/>
      <c r="AD21" s="220"/>
      <c r="AE21" s="220"/>
      <c r="AF21" s="220"/>
      <c r="AG21" s="220"/>
      <c r="AH21" s="220"/>
      <c r="AI21" s="220"/>
      <c r="AJ21" s="220"/>
      <c r="AK21" s="220"/>
      <c r="AL21" s="372"/>
      <c r="AM21" s="5"/>
      <c r="AN21" s="295"/>
      <c r="AO21" s="296"/>
      <c r="AP21" s="296"/>
      <c r="AQ21" s="296"/>
      <c r="AR21" s="296"/>
      <c r="AS21" s="296"/>
      <c r="AT21" s="855"/>
      <c r="AU21" s="855"/>
      <c r="AV21" s="855"/>
      <c r="AW21" s="855"/>
      <c r="AX21" s="855"/>
      <c r="AY21" s="855"/>
      <c r="AZ21" s="855"/>
      <c r="BA21" s="855"/>
      <c r="BB21" s="855"/>
      <c r="BC21" s="855"/>
      <c r="BD21" s="855"/>
      <c r="BE21" s="855"/>
      <c r="BF21" s="855"/>
      <c r="BG21" s="855"/>
      <c r="BH21" s="855"/>
      <c r="BI21" s="855"/>
      <c r="BJ21" s="855"/>
      <c r="BK21" s="855"/>
      <c r="BL21" s="855"/>
      <c r="BM21" s="855"/>
      <c r="BN21" s="855"/>
      <c r="BO21" s="855"/>
      <c r="BP21" s="855"/>
      <c r="BQ21" s="855"/>
      <c r="BR21" s="855"/>
      <c r="BS21" s="855"/>
      <c r="BT21" s="855"/>
      <c r="BU21" s="855"/>
      <c r="BV21" s="855"/>
      <c r="BW21" s="855"/>
      <c r="BX21" s="855"/>
      <c r="BY21" s="855"/>
      <c r="BZ21" s="855"/>
      <c r="CA21" s="855"/>
      <c r="CB21" s="855"/>
      <c r="CC21" s="855"/>
      <c r="CD21" s="855"/>
      <c r="CE21" s="855"/>
      <c r="CF21" s="855"/>
      <c r="CG21" s="855"/>
      <c r="CH21" s="855"/>
      <c r="CI21" s="855"/>
      <c r="CJ21" s="855"/>
      <c r="CK21" s="855"/>
      <c r="CL21" s="855"/>
      <c r="CM21" s="855"/>
      <c r="CQ21" s="3" ph="1"/>
      <c r="CR21" s="3" ph="1"/>
      <c r="CS21" s="3" ph="1"/>
      <c r="CT21" s="3" ph="1"/>
      <c r="CU21" s="3" ph="1"/>
      <c r="CV21" s="3" ph="1"/>
    </row>
    <row r="22" spans="1:100" ht="17.25" customHeight="1" x14ac:dyDescent="0.15">
      <c r="A22" s="332" t="s">
        <v>259</v>
      </c>
      <c r="B22" s="332"/>
      <c r="C22" s="332"/>
      <c r="D22" s="332"/>
      <c r="E22" s="332"/>
      <c r="F22" s="330" t="s">
        <v>1036</v>
      </c>
      <c r="G22" s="331"/>
      <c r="H22" s="331"/>
      <c r="I22" s="331"/>
      <c r="J22" s="331"/>
      <c r="K22" s="331"/>
      <c r="L22" s="331"/>
      <c r="M22" s="331"/>
      <c r="N22" s="512"/>
      <c r="O22" s="1031" t="s">
        <v>258</v>
      </c>
      <c r="P22" s="1031"/>
      <c r="Q22" s="1230" t="s">
        <v>887</v>
      </c>
      <c r="R22" s="1230"/>
      <c r="S22" s="1230"/>
      <c r="T22" s="1230"/>
      <c r="U22" s="1230"/>
      <c r="V22" s="1230"/>
      <c r="W22" s="1230"/>
      <c r="X22" s="1230"/>
      <c r="Y22" s="1230"/>
      <c r="Z22" s="1230"/>
      <c r="AA22" s="1230"/>
      <c r="AB22" s="1230"/>
      <c r="AC22" s="1230"/>
      <c r="AD22" s="1230"/>
      <c r="AE22" s="1230"/>
      <c r="AF22" s="1230"/>
      <c r="AG22" s="1230"/>
      <c r="AH22" s="1230"/>
      <c r="AI22" s="1230"/>
      <c r="AJ22" s="1230"/>
      <c r="AK22" s="1230"/>
      <c r="AL22" s="1230"/>
      <c r="AM22" s="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3" ph="1"/>
      <c r="CR22" s="3" ph="1"/>
      <c r="CS22" s="3" ph="1"/>
      <c r="CT22" s="3" ph="1"/>
      <c r="CU22" s="3" ph="1"/>
      <c r="CV22" s="3" ph="1"/>
    </row>
    <row r="23" spans="1:100" ht="17.25" customHeight="1" x14ac:dyDescent="0.15">
      <c r="A23" s="328"/>
      <c r="B23" s="328"/>
      <c r="C23" s="328"/>
      <c r="D23" s="328"/>
      <c r="E23" s="328"/>
      <c r="F23" s="336" t="s">
        <v>705</v>
      </c>
      <c r="G23" s="337"/>
      <c r="H23" s="337"/>
      <c r="I23" s="337"/>
      <c r="J23" s="337"/>
      <c r="K23" s="337"/>
      <c r="L23" s="337"/>
      <c r="M23" s="338"/>
      <c r="N23" s="512"/>
      <c r="O23" s="1031"/>
      <c r="P23" s="1031"/>
      <c r="Q23" s="355">
        <v>29859</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 t="s">
        <v>16</v>
      </c>
      <c r="AO23" s="487" t="s">
        <v>1362</v>
      </c>
      <c r="AP23" s="487"/>
      <c r="AQ23" s="487"/>
      <c r="AR23" s="487"/>
      <c r="AS23" s="487"/>
      <c r="AT23" s="487"/>
      <c r="AU23" s="487"/>
      <c r="AV23" s="487"/>
      <c r="AW23" s="487"/>
      <c r="AX23" s="487"/>
      <c r="AY23" s="487"/>
      <c r="AZ23" s="487"/>
      <c r="BA23" s="487"/>
      <c r="BB23" s="487"/>
      <c r="BC23" s="487"/>
      <c r="BD23" s="487"/>
      <c r="BE23" s="487"/>
      <c r="BF23" s="487"/>
      <c r="BG23" s="487"/>
      <c r="BH23" s="487"/>
      <c r="BI23" s="487"/>
      <c r="BJ23" s="487"/>
      <c r="BK23" s="487"/>
      <c r="BL23" s="487"/>
      <c r="BM23" s="487"/>
      <c r="BN23" s="487"/>
      <c r="BO23" s="487"/>
      <c r="BP23" s="487"/>
      <c r="BQ23" s="487"/>
      <c r="BR23" s="487"/>
      <c r="BS23" s="487"/>
      <c r="BT23" s="487"/>
      <c r="BU23" s="487"/>
      <c r="BV23" s="487"/>
      <c r="BW23" s="487"/>
      <c r="BX23" s="487"/>
      <c r="BY23" s="487"/>
      <c r="BZ23" s="487"/>
      <c r="CA23" s="487"/>
      <c r="CB23" s="487"/>
      <c r="CC23" s="487"/>
      <c r="CD23" s="487"/>
      <c r="CE23" s="487"/>
      <c r="CF23" s="487"/>
      <c r="CG23" s="487"/>
      <c r="CH23" s="487"/>
      <c r="CI23" s="487"/>
      <c r="CJ23" s="487"/>
      <c r="CK23" s="487"/>
      <c r="CL23" s="487"/>
      <c r="CM23" s="488"/>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12"/>
      <c r="O24" s="428" t="s">
        <v>260</v>
      </c>
      <c r="P24" s="428"/>
      <c r="Q24" s="1231" t="s">
        <v>1035</v>
      </c>
      <c r="R24" s="1231"/>
      <c r="S24" s="1231"/>
      <c r="T24" s="1231"/>
      <c r="U24" s="1231"/>
      <c r="V24" s="1231"/>
      <c r="W24" s="1231"/>
      <c r="X24" s="1231"/>
      <c r="Y24" s="1231"/>
      <c r="Z24" s="1231"/>
      <c r="AA24" s="1231"/>
      <c r="AB24" s="1231"/>
      <c r="AC24" s="1231"/>
      <c r="AD24" s="1231"/>
      <c r="AE24" s="1231"/>
      <c r="AF24" s="1231"/>
      <c r="AG24" s="1231"/>
      <c r="AH24" s="1231"/>
      <c r="AI24" s="1231"/>
      <c r="AJ24" s="1231"/>
      <c r="AK24" s="1231"/>
      <c r="AL24" s="1231"/>
      <c r="AM24" s="5"/>
      <c r="AN24" s="37" t="s">
        <v>16</v>
      </c>
      <c r="AO24" s="1333" t="s">
        <v>1471</v>
      </c>
      <c r="AP24" s="1333"/>
      <c r="AQ24" s="1333"/>
      <c r="AR24" s="1333"/>
      <c r="AS24" s="1333"/>
      <c r="AT24" s="1333"/>
      <c r="AU24" s="1333"/>
      <c r="AV24" s="1333"/>
      <c r="AW24" s="1333"/>
      <c r="AX24" s="1333"/>
      <c r="AY24" s="1333"/>
      <c r="AZ24" s="1333"/>
      <c r="BA24" s="1333"/>
      <c r="BB24" s="1333"/>
      <c r="BC24" s="1333"/>
      <c r="BD24" s="1333"/>
      <c r="BE24" s="1333"/>
      <c r="BF24" s="1333"/>
      <c r="BG24" s="1333"/>
      <c r="BH24" s="1333"/>
      <c r="BI24" s="1333"/>
      <c r="BJ24" s="1333"/>
      <c r="BK24" s="1333"/>
      <c r="BL24" s="1333"/>
      <c r="BM24" s="1333"/>
      <c r="BN24" s="1333"/>
      <c r="BO24" s="1333"/>
      <c r="BP24" s="1333"/>
      <c r="BQ24" s="1333"/>
      <c r="BR24" s="1333"/>
      <c r="BS24" s="1333"/>
      <c r="BT24" s="1333"/>
      <c r="BU24" s="1333"/>
      <c r="BV24" s="1333"/>
      <c r="BW24" s="1333"/>
      <c r="BX24" s="1333"/>
      <c r="BY24" s="1333"/>
      <c r="BZ24" s="1333"/>
      <c r="CA24" s="1333"/>
      <c r="CB24" s="1333"/>
      <c r="CC24" s="1333"/>
      <c r="CD24" s="1333"/>
      <c r="CE24" s="1333"/>
      <c r="CF24" s="1333"/>
      <c r="CG24" s="1333"/>
      <c r="CH24" s="1333"/>
      <c r="CI24" s="1333"/>
      <c r="CJ24" s="1333"/>
      <c r="CK24" s="1333"/>
      <c r="CL24" s="1333"/>
      <c r="CM24" s="656"/>
      <c r="CQ24" s="3" ph="1"/>
      <c r="CR24" s="3" ph="1"/>
      <c r="CS24" s="3" ph="1"/>
      <c r="CT24" s="3" ph="1"/>
      <c r="CU24" s="3" ph="1"/>
      <c r="CV24" s="3" ph="1"/>
    </row>
    <row r="25" spans="1:100" ht="17.25" customHeight="1" x14ac:dyDescent="0.15">
      <c r="A25" s="328" t="s">
        <v>263</v>
      </c>
      <c r="B25" s="328"/>
      <c r="C25" s="328"/>
      <c r="D25" s="328"/>
      <c r="E25" s="328"/>
      <c r="F25" s="330" t="s">
        <v>1303</v>
      </c>
      <c r="G25" s="331"/>
      <c r="H25" s="331"/>
      <c r="I25" s="331"/>
      <c r="J25" s="331"/>
      <c r="K25" s="331"/>
      <c r="L25" s="331"/>
      <c r="M25" s="331"/>
      <c r="N25" s="512"/>
      <c r="O25" s="428"/>
      <c r="P25" s="428"/>
      <c r="Q25" s="355">
        <v>29859</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16</v>
      </c>
      <c r="AO25" s="1333" t="s">
        <v>1678</v>
      </c>
      <c r="AP25" s="1333"/>
      <c r="AQ25" s="1333"/>
      <c r="AR25" s="1333"/>
      <c r="AS25" s="1333"/>
      <c r="AT25" s="1333"/>
      <c r="AU25" s="1333"/>
      <c r="AV25" s="1333"/>
      <c r="AW25" s="1333"/>
      <c r="AX25" s="1333"/>
      <c r="AY25" s="1333"/>
      <c r="AZ25" s="1333"/>
      <c r="BA25" s="1333"/>
      <c r="BB25" s="1333"/>
      <c r="BC25" s="1333"/>
      <c r="BD25" s="1333"/>
      <c r="BE25" s="1333"/>
      <c r="BF25" s="1333"/>
      <c r="BG25" s="1333"/>
      <c r="BH25" s="1333"/>
      <c r="BI25" s="1333"/>
      <c r="BJ25" s="1333"/>
      <c r="BK25" s="1333"/>
      <c r="BL25" s="1333"/>
      <c r="BM25" s="1333"/>
      <c r="BN25" s="1333"/>
      <c r="BO25" s="1333"/>
      <c r="BP25" s="1333"/>
      <c r="BQ25" s="1333"/>
      <c r="BR25" s="1333"/>
      <c r="BS25" s="1333"/>
      <c r="BT25" s="1333"/>
      <c r="BU25" s="1333"/>
      <c r="BV25" s="1333"/>
      <c r="BW25" s="1333"/>
      <c r="BX25" s="1333"/>
      <c r="BY25" s="1333"/>
      <c r="BZ25" s="1333"/>
      <c r="CA25" s="1333"/>
      <c r="CB25" s="1333"/>
      <c r="CC25" s="1333"/>
      <c r="CD25" s="1333"/>
      <c r="CE25" s="1333"/>
      <c r="CF25" s="1333"/>
      <c r="CG25" s="1333"/>
      <c r="CH25" s="1333"/>
      <c r="CI25" s="1333"/>
      <c r="CJ25" s="1333"/>
      <c r="CK25" s="1333"/>
      <c r="CL25" s="1333"/>
      <c r="CM25" s="656"/>
      <c r="CQ25" s="3" ph="1"/>
      <c r="CR25" s="3" ph="1"/>
      <c r="CS25" s="3" ph="1"/>
      <c r="CT25" s="3" ph="1"/>
      <c r="CU25" s="3" ph="1"/>
      <c r="CV25" s="3" ph="1"/>
    </row>
    <row r="26" spans="1:100" ht="17.25" customHeight="1" x14ac:dyDescent="0.15">
      <c r="A26" s="328"/>
      <c r="B26" s="328"/>
      <c r="C26" s="328"/>
      <c r="D26" s="328"/>
      <c r="E26" s="328"/>
      <c r="F26" s="336" t="s">
        <v>1302</v>
      </c>
      <c r="G26" s="337"/>
      <c r="H26" s="337"/>
      <c r="I26" s="337"/>
      <c r="J26" s="337"/>
      <c r="K26" s="337"/>
      <c r="L26" s="337"/>
      <c r="M26" s="338"/>
      <c r="N26" s="512"/>
      <c r="O26" s="428" t="s">
        <v>264</v>
      </c>
      <c r="P26" s="428"/>
      <c r="Q26" s="965" t="s">
        <v>1037</v>
      </c>
      <c r="R26" s="965"/>
      <c r="S26" s="965"/>
      <c r="T26" s="965"/>
      <c r="U26" s="965"/>
      <c r="V26" s="965"/>
      <c r="W26" s="965"/>
      <c r="X26" s="965"/>
      <c r="Y26" s="965"/>
      <c r="Z26" s="965"/>
      <c r="AA26" s="965"/>
      <c r="AB26" s="965"/>
      <c r="AC26" s="965"/>
      <c r="AD26" s="965"/>
      <c r="AE26" s="965"/>
      <c r="AF26" s="965"/>
      <c r="AG26" s="965"/>
      <c r="AH26" s="965"/>
      <c r="AI26" s="965"/>
      <c r="AJ26" s="965"/>
      <c r="AK26" s="965"/>
      <c r="AL26" s="965"/>
      <c r="AM26" s="5"/>
      <c r="AN26" s="37" t="s">
        <v>16</v>
      </c>
      <c r="AO26" s="1334" t="s">
        <v>1472</v>
      </c>
      <c r="AP26" s="1334"/>
      <c r="AQ26" s="1334"/>
      <c r="AR26" s="1334"/>
      <c r="AS26" s="1334"/>
      <c r="AT26" s="1334"/>
      <c r="AU26" s="1334"/>
      <c r="AV26" s="1334"/>
      <c r="AW26" s="1334"/>
      <c r="AX26" s="1334"/>
      <c r="AY26" s="1334"/>
      <c r="AZ26" s="1334"/>
      <c r="BA26" s="1334"/>
      <c r="BB26" s="1334"/>
      <c r="BC26" s="1334"/>
      <c r="BD26" s="1334"/>
      <c r="BE26" s="1334"/>
      <c r="BF26" s="1334"/>
      <c r="BG26" s="1334"/>
      <c r="BH26" s="1334"/>
      <c r="BI26" s="1334"/>
      <c r="BJ26" s="1334"/>
      <c r="BK26" s="1334"/>
      <c r="BL26" s="1334"/>
      <c r="BM26" s="1334"/>
      <c r="BN26" s="1334"/>
      <c r="BO26" s="1334"/>
      <c r="BP26" s="1334"/>
      <c r="BQ26" s="1334"/>
      <c r="BR26" s="1334"/>
      <c r="BS26" s="1334"/>
      <c r="BT26" s="1334"/>
      <c r="BU26" s="1334"/>
      <c r="BV26" s="1334"/>
      <c r="BW26" s="1334"/>
      <c r="BX26" s="1334"/>
      <c r="BY26" s="1334"/>
      <c r="BZ26" s="1334"/>
      <c r="CA26" s="1334"/>
      <c r="CB26" s="1334"/>
      <c r="CC26" s="1334"/>
      <c r="CD26" s="1334"/>
      <c r="CE26" s="1334"/>
      <c r="CF26" s="1334"/>
      <c r="CG26" s="1334"/>
      <c r="CH26" s="1334"/>
      <c r="CI26" s="1334"/>
      <c r="CJ26" s="1334"/>
      <c r="CK26" s="1334"/>
      <c r="CL26" s="1334"/>
      <c r="CM26" s="557"/>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12"/>
      <c r="O27" s="428"/>
      <c r="P27" s="428"/>
      <c r="Q27" s="355">
        <v>29859</v>
      </c>
      <c r="R27" s="355"/>
      <c r="S27" s="355"/>
      <c r="T27" s="355"/>
      <c r="U27" s="355"/>
      <c r="V27" s="355"/>
      <c r="W27" s="355"/>
      <c r="X27" s="355"/>
      <c r="Y27" s="355"/>
      <c r="Z27" s="355"/>
      <c r="AA27" s="355"/>
      <c r="AB27" s="355"/>
      <c r="AC27" s="355"/>
      <c r="AD27" s="355"/>
      <c r="AE27" s="355"/>
      <c r="AF27" s="355"/>
      <c r="AG27" s="355"/>
      <c r="AH27" s="355"/>
      <c r="AI27" s="355"/>
      <c r="AJ27" s="355"/>
      <c r="AK27" s="355"/>
      <c r="AL27" s="355"/>
      <c r="AM27" s="5"/>
      <c r="AN27" s="17" t="s">
        <v>16</v>
      </c>
      <c r="AO27" s="552" t="s">
        <v>1473</v>
      </c>
      <c r="AP27" s="552"/>
      <c r="AQ27" s="552"/>
      <c r="AR27" s="552"/>
      <c r="AS27" s="552"/>
      <c r="AT27" s="552"/>
      <c r="AU27" s="552"/>
      <c r="AV27" s="552"/>
      <c r="AW27" s="552"/>
      <c r="AX27" s="552"/>
      <c r="AY27" s="552"/>
      <c r="AZ27" s="552"/>
      <c r="BA27" s="552"/>
      <c r="BB27" s="552"/>
      <c r="BC27" s="552"/>
      <c r="BD27" s="552"/>
      <c r="BE27" s="552"/>
      <c r="BF27" s="552"/>
      <c r="BG27" s="552"/>
      <c r="BH27" s="552"/>
      <c r="BI27" s="552"/>
      <c r="BJ27" s="552"/>
      <c r="BK27" s="552"/>
      <c r="BL27" s="552"/>
      <c r="BM27" s="552"/>
      <c r="BN27" s="552"/>
      <c r="BO27" s="552"/>
      <c r="BP27" s="552"/>
      <c r="BQ27" s="552"/>
      <c r="BR27" s="552"/>
      <c r="BS27" s="552"/>
      <c r="BT27" s="552"/>
      <c r="BU27" s="552"/>
      <c r="BV27" s="552"/>
      <c r="BW27" s="552"/>
      <c r="BX27" s="552"/>
      <c r="BY27" s="552"/>
      <c r="BZ27" s="552"/>
      <c r="CA27" s="552"/>
      <c r="CB27" s="552"/>
      <c r="CC27" s="552"/>
      <c r="CD27" s="552"/>
      <c r="CE27" s="552"/>
      <c r="CF27" s="552"/>
      <c r="CG27" s="552"/>
      <c r="CH27" s="552"/>
      <c r="CI27" s="552"/>
      <c r="CJ27" s="552"/>
      <c r="CK27" s="552"/>
      <c r="CL27" s="552"/>
      <c r="CM27" s="553"/>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1038</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8" t="s">
        <v>16</v>
      </c>
      <c r="AO29" s="349" t="s">
        <v>759</v>
      </c>
      <c r="AP29" s="349"/>
      <c r="AQ29" s="349"/>
      <c r="AR29" s="349"/>
      <c r="AS29" s="349"/>
      <c r="AT29" s="349"/>
      <c r="AU29" s="349"/>
      <c r="AV29" s="349"/>
      <c r="AW29" s="349"/>
      <c r="AX29" s="349"/>
      <c r="AY29" s="349"/>
      <c r="AZ29" s="349"/>
      <c r="BA29" s="349"/>
      <c r="BB29" s="349"/>
      <c r="BC29" s="349"/>
      <c r="BD29" s="349"/>
      <c r="BE29" s="349"/>
      <c r="BF29" s="349"/>
      <c r="BG29" s="349"/>
      <c r="BH29" s="349"/>
      <c r="BI29" s="349"/>
      <c r="BJ29" s="349"/>
      <c r="BK29" s="349"/>
      <c r="BL29" s="349"/>
      <c r="BM29" s="349"/>
      <c r="BN29" s="349"/>
      <c r="BO29" s="349"/>
      <c r="BP29" s="350"/>
      <c r="BQ29" s="53"/>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9" t="s">
        <v>16</v>
      </c>
      <c r="AO30" s="1334" t="s">
        <v>1363</v>
      </c>
      <c r="AP30" s="1334"/>
      <c r="AQ30" s="1334"/>
      <c r="AR30" s="1334"/>
      <c r="AS30" s="1334"/>
      <c r="AT30" s="1334"/>
      <c r="AU30" s="1334"/>
      <c r="AV30" s="1334"/>
      <c r="AW30" s="1334"/>
      <c r="AX30" s="1334"/>
      <c r="AY30" s="1334"/>
      <c r="AZ30" s="1334"/>
      <c r="BA30" s="1334"/>
      <c r="BB30" s="1334"/>
      <c r="BC30" s="1334"/>
      <c r="BD30" s="1334"/>
      <c r="BE30" s="1334"/>
      <c r="BF30" s="1334"/>
      <c r="BG30" s="1334"/>
      <c r="BH30" s="1334"/>
      <c r="BI30" s="1334"/>
      <c r="BJ30" s="1334"/>
      <c r="BK30" s="1334"/>
      <c r="BL30" s="1334"/>
      <c r="BM30" s="1334"/>
      <c r="BN30" s="1334"/>
      <c r="BO30" s="1334"/>
      <c r="BP30" s="557"/>
      <c r="BQ30" s="68"/>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9" t="s">
        <v>16</v>
      </c>
      <c r="AO31" s="351" t="s">
        <v>1364</v>
      </c>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159"/>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9" t="s">
        <v>16</v>
      </c>
      <c r="AO32" s="351" t="s">
        <v>1365</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160"/>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72"/>
      <c r="B33" s="473"/>
      <c r="C33" s="473"/>
      <c r="D33" s="473"/>
      <c r="E33" s="473"/>
      <c r="F33" s="473"/>
      <c r="G33" s="473"/>
      <c r="H33" s="473"/>
      <c r="I33" s="473"/>
      <c r="J33" s="473"/>
      <c r="K33" s="473"/>
      <c r="L33" s="473"/>
      <c r="M33" s="473"/>
      <c r="N33" s="473"/>
      <c r="O33" s="473"/>
      <c r="P33" s="473"/>
      <c r="Q33" s="473"/>
      <c r="R33" s="473"/>
      <c r="S33" s="473"/>
      <c r="T33" s="473"/>
      <c r="U33" s="473"/>
      <c r="V33" s="473"/>
      <c r="W33" s="473"/>
      <c r="X33" s="473"/>
      <c r="Y33" s="473"/>
      <c r="Z33" s="473"/>
      <c r="AA33" s="473"/>
      <c r="AB33" s="473"/>
      <c r="AC33" s="473"/>
      <c r="AD33" s="473"/>
      <c r="AE33" s="473"/>
      <c r="AF33" s="473"/>
      <c r="AG33" s="473"/>
      <c r="AH33" s="473"/>
      <c r="AI33" s="473"/>
      <c r="AJ33" s="473"/>
      <c r="AK33" s="473"/>
      <c r="AL33" s="474"/>
      <c r="AM33" s="5"/>
      <c r="AN33" s="40" t="s">
        <v>16</v>
      </c>
      <c r="AO33" s="353" t="s">
        <v>1474</v>
      </c>
      <c r="AP33" s="353"/>
      <c r="AQ33" s="353"/>
      <c r="AR33" s="353"/>
      <c r="AS33" s="353"/>
      <c r="AT33" s="353"/>
      <c r="AU33" s="353"/>
      <c r="AV33" s="353"/>
      <c r="AW33" s="353"/>
      <c r="AX33" s="353"/>
      <c r="AY33" s="353"/>
      <c r="AZ33" s="353"/>
      <c r="BA33" s="353"/>
      <c r="BB33" s="353"/>
      <c r="BC33" s="353"/>
      <c r="BD33" s="353"/>
      <c r="BE33" s="353"/>
      <c r="BF33" s="353"/>
      <c r="BG33" s="353"/>
      <c r="BH33" s="353"/>
      <c r="BI33" s="353"/>
      <c r="BJ33" s="353"/>
      <c r="BK33" s="353"/>
      <c r="BL33" s="353"/>
      <c r="BM33" s="353"/>
      <c r="BN33" s="353"/>
      <c r="BO33" s="353"/>
      <c r="BP33" s="354"/>
      <c r="BQ33" s="160"/>
      <c r="BR33" s="292" t="s">
        <v>267</v>
      </c>
      <c r="BS33" s="293"/>
      <c r="BT33" s="293"/>
      <c r="BU33" s="293"/>
      <c r="BV33" s="293"/>
      <c r="BW33" s="293"/>
      <c r="BX33" s="294"/>
      <c r="BY33" s="284">
        <v>87</v>
      </c>
      <c r="BZ33" s="285"/>
      <c r="CA33" s="285"/>
      <c r="CB33" s="285"/>
      <c r="CC33" s="285"/>
      <c r="CD33" s="285"/>
      <c r="CE33" s="285"/>
      <c r="CF33" s="285"/>
      <c r="CG33" s="288"/>
      <c r="CH33" s="286">
        <v>2.8459300000000001</v>
      </c>
      <c r="CI33" s="286"/>
      <c r="CJ33" s="286"/>
      <c r="CK33" s="286"/>
      <c r="CL33" s="286"/>
      <c r="CM33" s="286"/>
      <c r="CQ33" s="3" ph="1"/>
      <c r="CR33" s="3" ph="1"/>
      <c r="CS33" s="3" ph="1"/>
      <c r="CT33" s="3" ph="1"/>
      <c r="CU33" s="3" ph="1"/>
      <c r="CV33" s="3" ph="1"/>
    </row>
    <row r="34" spans="1:100" ht="17.25" customHeight="1" x14ac:dyDescent="0.15">
      <c r="A34" s="518" t="s">
        <v>274</v>
      </c>
      <c r="B34" s="518"/>
      <c r="C34" s="518"/>
      <c r="D34" s="518"/>
      <c r="E34" s="518"/>
      <c r="F34" s="518"/>
      <c r="G34" s="518"/>
      <c r="H34" s="518"/>
      <c r="I34" s="518"/>
      <c r="J34" s="518"/>
      <c r="K34" s="518"/>
      <c r="L34" s="518"/>
      <c r="M34" s="518"/>
      <c r="N34" s="151"/>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11" t="s">
        <v>107</v>
      </c>
      <c r="B35" s="312"/>
      <c r="C35" s="312"/>
      <c r="D35" s="312"/>
      <c r="E35" s="312"/>
      <c r="F35" s="312"/>
      <c r="G35" s="312"/>
      <c r="H35" s="312"/>
      <c r="I35" s="312"/>
      <c r="J35" s="312"/>
      <c r="K35" s="312"/>
      <c r="L35" s="312"/>
      <c r="M35" s="313"/>
      <c r="N35" s="129"/>
      <c r="O35" s="973" t="s">
        <v>640</v>
      </c>
      <c r="P35" s="974"/>
      <c r="Q35" s="974"/>
      <c r="R35" s="974"/>
      <c r="S35" s="974"/>
      <c r="T35" s="974"/>
      <c r="U35" s="974"/>
      <c r="V35" s="974"/>
      <c r="W35" s="974"/>
      <c r="X35" s="974"/>
      <c r="Y35" s="974"/>
      <c r="Z35" s="974"/>
      <c r="AA35" s="974"/>
      <c r="AB35" s="974"/>
      <c r="AC35" s="974"/>
      <c r="AD35" s="974"/>
      <c r="AE35" s="974"/>
      <c r="AF35" s="974"/>
      <c r="AG35" s="974"/>
      <c r="AH35" s="974"/>
      <c r="AI35" s="974"/>
      <c r="AJ35" s="974"/>
      <c r="AK35" s="974"/>
      <c r="AL35" s="975"/>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548</v>
      </c>
      <c r="BZ35" s="681"/>
      <c r="CA35" s="682"/>
      <c r="CB35" s="682"/>
      <c r="CC35" s="682"/>
      <c r="CD35" s="682"/>
      <c r="CE35" s="682"/>
      <c r="CF35" s="682"/>
      <c r="CG35" s="682"/>
      <c r="CH35" s="683">
        <v>17.926069999999999</v>
      </c>
      <c r="CI35" s="683"/>
      <c r="CJ35" s="683"/>
      <c r="CK35" s="683"/>
      <c r="CL35" s="683"/>
      <c r="CM35" s="683"/>
      <c r="CQ35" s="3" ph="1"/>
    </row>
    <row r="36" spans="1:100" ht="17.25" customHeight="1" x14ac:dyDescent="0.15">
      <c r="A36" s="251">
        <v>30853</v>
      </c>
      <c r="B36" s="690"/>
      <c r="C36" s="690"/>
      <c r="D36" s="690"/>
      <c r="E36" s="690"/>
      <c r="F36" s="690"/>
      <c r="G36" s="690"/>
      <c r="H36" s="690"/>
      <c r="I36" s="690"/>
      <c r="J36" s="690"/>
      <c r="K36" s="690"/>
      <c r="L36" s="690"/>
      <c r="M36" s="691"/>
      <c r="N36" s="129"/>
      <c r="O36" s="813" t="s">
        <v>144</v>
      </c>
      <c r="P36" s="1226"/>
      <c r="Q36" s="1226"/>
      <c r="R36" s="1226"/>
      <c r="S36" s="1226"/>
      <c r="T36" s="1226"/>
      <c r="U36" s="1226"/>
      <c r="V36" s="1226"/>
      <c r="W36" s="1226"/>
      <c r="X36" s="1226"/>
      <c r="Y36" s="1226"/>
      <c r="Z36" s="1226"/>
      <c r="AA36" s="1226"/>
      <c r="AB36" s="1226"/>
      <c r="AC36" s="1226"/>
      <c r="AD36" s="1226"/>
      <c r="AE36" s="1226"/>
      <c r="AF36" s="1226"/>
      <c r="AG36" s="1226"/>
      <c r="AH36" s="1226"/>
      <c r="AI36" s="1226"/>
      <c r="AJ36" s="1226"/>
      <c r="AK36" s="1226"/>
      <c r="AL36" s="1227"/>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24" t="s">
        <v>534</v>
      </c>
      <c r="B37" s="692"/>
      <c r="C37" s="692"/>
      <c r="D37" s="692"/>
      <c r="E37" s="692"/>
      <c r="F37" s="692"/>
      <c r="G37" s="692"/>
      <c r="H37" s="692"/>
      <c r="I37" s="692"/>
      <c r="J37" s="692"/>
      <c r="K37" s="692"/>
      <c r="L37" s="692"/>
      <c r="M37" s="693"/>
      <c r="N37" s="129"/>
      <c r="O37" s="782" t="s">
        <v>230</v>
      </c>
      <c r="P37" s="1226"/>
      <c r="Q37" s="1226"/>
      <c r="R37" s="1226"/>
      <c r="S37" s="1226"/>
      <c r="T37" s="1226"/>
      <c r="U37" s="1226"/>
      <c r="V37" s="1226"/>
      <c r="W37" s="1226"/>
      <c r="X37" s="1226"/>
      <c r="Y37" s="1226"/>
      <c r="Z37" s="1226"/>
      <c r="AA37" s="1226"/>
      <c r="AB37" s="1226"/>
      <c r="AC37" s="1226"/>
      <c r="AD37" s="1226"/>
      <c r="AE37" s="1226"/>
      <c r="AF37" s="1226"/>
      <c r="AG37" s="1226"/>
      <c r="AH37" s="1226"/>
      <c r="AI37" s="1226"/>
      <c r="AJ37" s="1226"/>
      <c r="AK37" s="1226"/>
      <c r="AL37" s="1227"/>
      <c r="AM37" s="5"/>
      <c r="AN37" s="287" t="s">
        <v>399</v>
      </c>
      <c r="AO37" s="287"/>
      <c r="AP37" s="287"/>
      <c r="AQ37" s="287"/>
      <c r="AR37" s="287"/>
      <c r="AS37" s="287"/>
      <c r="AT37" s="287"/>
      <c r="AU37" s="287"/>
      <c r="AV37" s="287"/>
      <c r="AW37" s="681">
        <v>7333</v>
      </c>
      <c r="AX37" s="681"/>
      <c r="AY37" s="681"/>
      <c r="AZ37" s="681"/>
      <c r="BA37" s="681"/>
      <c r="BB37" s="681"/>
      <c r="BC37" s="681"/>
      <c r="BD37" s="681"/>
      <c r="BE37" s="681"/>
      <c r="BF37" s="681"/>
      <c r="BG37" s="681">
        <v>3068</v>
      </c>
      <c r="BH37" s="681"/>
      <c r="BI37" s="681"/>
      <c r="BJ37" s="681"/>
      <c r="BK37" s="681"/>
      <c r="BL37" s="681"/>
      <c r="BM37" s="681"/>
      <c r="BN37" s="681"/>
      <c r="BO37" s="681"/>
      <c r="BP37" s="681"/>
      <c r="BQ37" s="149"/>
      <c r="BR37" s="680" t="s">
        <v>273</v>
      </c>
      <c r="BS37" s="680"/>
      <c r="BT37" s="680"/>
      <c r="BU37" s="680"/>
      <c r="BV37" s="680"/>
      <c r="BW37" s="680"/>
      <c r="BX37" s="680"/>
      <c r="BY37" s="681">
        <v>2422</v>
      </c>
      <c r="BZ37" s="681"/>
      <c r="CA37" s="682"/>
      <c r="CB37" s="682"/>
      <c r="CC37" s="682"/>
      <c r="CD37" s="682"/>
      <c r="CE37" s="682"/>
      <c r="CF37" s="682"/>
      <c r="CG37" s="682"/>
      <c r="CH37" s="683">
        <v>79.227999999999994</v>
      </c>
      <c r="CI37" s="683"/>
      <c r="CJ37" s="683"/>
      <c r="CK37" s="683"/>
      <c r="CL37" s="683"/>
      <c r="CM37" s="683"/>
      <c r="CQ37" s="3" ph="1"/>
    </row>
    <row r="38" spans="1:100" ht="17.25" customHeight="1" x14ac:dyDescent="0.15">
      <c r="A38" s="251">
        <v>33074</v>
      </c>
      <c r="B38" s="690"/>
      <c r="C38" s="690"/>
      <c r="D38" s="690"/>
      <c r="E38" s="690"/>
      <c r="F38" s="690"/>
      <c r="G38" s="690"/>
      <c r="H38" s="690"/>
      <c r="I38" s="690"/>
      <c r="J38" s="690"/>
      <c r="K38" s="690"/>
      <c r="L38" s="690"/>
      <c r="M38" s="691"/>
      <c r="N38" s="152"/>
      <c r="O38" s="782" t="s">
        <v>209</v>
      </c>
      <c r="P38" s="1226"/>
      <c r="Q38" s="1226"/>
      <c r="R38" s="1226"/>
      <c r="S38" s="1226"/>
      <c r="T38" s="1226"/>
      <c r="U38" s="1226"/>
      <c r="V38" s="1226"/>
      <c r="W38" s="1226"/>
      <c r="X38" s="1226"/>
      <c r="Y38" s="1226"/>
      <c r="Z38" s="1226"/>
      <c r="AA38" s="1226"/>
      <c r="AB38" s="1226"/>
      <c r="AC38" s="1226"/>
      <c r="AD38" s="1226"/>
      <c r="AE38" s="1226"/>
      <c r="AF38" s="1226"/>
      <c r="AG38" s="1226"/>
      <c r="AH38" s="1226"/>
      <c r="AI38" s="1226"/>
      <c r="AJ38" s="1226"/>
      <c r="AK38" s="1226"/>
      <c r="AL38" s="1227"/>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16"/>
      <c r="B39" s="692"/>
      <c r="C39" s="692"/>
      <c r="D39" s="692"/>
      <c r="E39" s="692"/>
      <c r="F39" s="692"/>
      <c r="G39" s="692"/>
      <c r="H39" s="692"/>
      <c r="I39" s="692"/>
      <c r="J39" s="692"/>
      <c r="K39" s="692"/>
      <c r="L39" s="692"/>
      <c r="M39" s="693"/>
      <c r="N39" s="144"/>
      <c r="O39" s="782" t="s">
        <v>641</v>
      </c>
      <c r="P39" s="1226"/>
      <c r="Q39" s="1226"/>
      <c r="R39" s="1226"/>
      <c r="S39" s="1226"/>
      <c r="T39" s="1226"/>
      <c r="U39" s="1226"/>
      <c r="V39" s="1226"/>
      <c r="W39" s="1226"/>
      <c r="X39" s="1226"/>
      <c r="Y39" s="1226"/>
      <c r="Z39" s="1226"/>
      <c r="AA39" s="1226"/>
      <c r="AB39" s="1226"/>
      <c r="AC39" s="1226"/>
      <c r="AD39" s="1226"/>
      <c r="AE39" s="1226"/>
      <c r="AF39" s="1226"/>
      <c r="AG39" s="1226"/>
      <c r="AH39" s="1226"/>
      <c r="AI39" s="1226"/>
      <c r="AJ39" s="1226"/>
      <c r="AK39" s="1226"/>
      <c r="AL39" s="1227"/>
      <c r="AM39" s="5"/>
      <c r="AN39" s="300" t="s">
        <v>1059</v>
      </c>
      <c r="AO39" s="300"/>
      <c r="AP39" s="300"/>
      <c r="AQ39" s="300"/>
      <c r="AR39" s="300"/>
      <c r="AS39" s="300"/>
      <c r="AT39" s="300"/>
      <c r="AU39" s="300"/>
      <c r="AV39" s="300"/>
      <c r="AW39" s="681">
        <v>6722</v>
      </c>
      <c r="AX39" s="681"/>
      <c r="AY39" s="681"/>
      <c r="AZ39" s="682"/>
      <c r="BA39" s="682"/>
      <c r="BB39" s="682"/>
      <c r="BC39" s="682"/>
      <c r="BD39" s="682"/>
      <c r="BE39" s="682"/>
      <c r="BF39" s="682"/>
      <c r="BG39" s="681">
        <v>2963</v>
      </c>
      <c r="BH39" s="681"/>
      <c r="BI39" s="681"/>
      <c r="BJ39" s="681"/>
      <c r="BK39" s="681"/>
      <c r="BL39" s="681"/>
      <c r="BM39" s="681"/>
      <c r="BN39" s="681"/>
      <c r="BO39" s="681"/>
      <c r="BP39" s="681"/>
      <c r="BQ39" s="149"/>
      <c r="BR39" s="301" t="s">
        <v>1119</v>
      </c>
      <c r="BS39" s="293"/>
      <c r="BT39" s="293"/>
      <c r="BU39" s="293"/>
      <c r="BV39" s="293"/>
      <c r="BW39" s="293"/>
      <c r="BX39" s="294"/>
      <c r="BY39" s="681">
        <v>3076</v>
      </c>
      <c r="BZ39" s="681"/>
      <c r="CA39" s="682"/>
      <c r="CB39" s="682"/>
      <c r="CC39" s="682"/>
      <c r="CD39" s="682"/>
      <c r="CE39" s="682"/>
      <c r="CF39" s="682"/>
      <c r="CG39" s="682"/>
      <c r="CH39" s="683">
        <v>100</v>
      </c>
      <c r="CI39" s="683"/>
      <c r="CJ39" s="683"/>
      <c r="CK39" s="683"/>
      <c r="CL39" s="683"/>
      <c r="CM39" s="683"/>
    </row>
    <row r="40" spans="1:100" ht="17.25" customHeight="1" x14ac:dyDescent="0.15">
      <c r="A40" s="251"/>
      <c r="B40" s="690"/>
      <c r="C40" s="690"/>
      <c r="D40" s="690"/>
      <c r="E40" s="690"/>
      <c r="F40" s="690"/>
      <c r="G40" s="690"/>
      <c r="H40" s="690"/>
      <c r="I40" s="690"/>
      <c r="J40" s="690"/>
      <c r="K40" s="690"/>
      <c r="L40" s="690"/>
      <c r="M40" s="691"/>
      <c r="N40" s="143"/>
      <c r="O40" s="813" t="s">
        <v>1039</v>
      </c>
      <c r="P40" s="1226"/>
      <c r="Q40" s="1226"/>
      <c r="R40" s="1226"/>
      <c r="S40" s="1226"/>
      <c r="T40" s="1226"/>
      <c r="U40" s="1226"/>
      <c r="V40" s="1226"/>
      <c r="W40" s="1226"/>
      <c r="X40" s="1226"/>
      <c r="Y40" s="1226"/>
      <c r="Z40" s="1226"/>
      <c r="AA40" s="1226"/>
      <c r="AB40" s="1226"/>
      <c r="AC40" s="1226"/>
      <c r="AD40" s="1226"/>
      <c r="AE40" s="1226"/>
      <c r="AF40" s="1226"/>
      <c r="AG40" s="1226"/>
      <c r="AH40" s="1226"/>
      <c r="AI40" s="1226"/>
      <c r="AJ40" s="1226"/>
      <c r="AK40" s="1226"/>
      <c r="AL40" s="1227"/>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16"/>
      <c r="B41" s="692"/>
      <c r="C41" s="692"/>
      <c r="D41" s="692"/>
      <c r="E41" s="692"/>
      <c r="F41" s="692"/>
      <c r="G41" s="692"/>
      <c r="H41" s="692"/>
      <c r="I41" s="692"/>
      <c r="J41" s="692"/>
      <c r="K41" s="692"/>
      <c r="L41" s="692"/>
      <c r="M41" s="693"/>
      <c r="N41" s="143"/>
      <c r="O41" s="813" t="s">
        <v>726</v>
      </c>
      <c r="P41" s="1226"/>
      <c r="Q41" s="1226"/>
      <c r="R41" s="1226"/>
      <c r="S41" s="1226"/>
      <c r="T41" s="1226"/>
      <c r="U41" s="1226"/>
      <c r="V41" s="1226"/>
      <c r="W41" s="1226"/>
      <c r="X41" s="1226"/>
      <c r="Y41" s="1226"/>
      <c r="Z41" s="1226"/>
      <c r="AA41" s="1226"/>
      <c r="AB41" s="1226"/>
      <c r="AC41" s="1226"/>
      <c r="AD41" s="1226"/>
      <c r="AE41" s="1226"/>
      <c r="AF41" s="1226"/>
      <c r="AG41" s="1226"/>
      <c r="AH41" s="1226"/>
      <c r="AI41" s="1226"/>
      <c r="AJ41" s="1226"/>
      <c r="AK41" s="1226"/>
      <c r="AL41" s="1227"/>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c r="B42" s="690"/>
      <c r="C42" s="690"/>
      <c r="D42" s="690"/>
      <c r="E42" s="690"/>
      <c r="F42" s="690"/>
      <c r="G42" s="690"/>
      <c r="H42" s="690"/>
      <c r="I42" s="690"/>
      <c r="J42" s="690"/>
      <c r="K42" s="690"/>
      <c r="L42" s="690"/>
      <c r="M42" s="691"/>
      <c r="N42" s="143"/>
      <c r="O42" s="813" t="s">
        <v>642</v>
      </c>
      <c r="P42" s="1226"/>
      <c r="Q42" s="1226"/>
      <c r="R42" s="1226"/>
      <c r="S42" s="1226"/>
      <c r="T42" s="1226"/>
      <c r="U42" s="1226"/>
      <c r="V42" s="1226"/>
      <c r="W42" s="1226"/>
      <c r="X42" s="1226"/>
      <c r="Y42" s="1226"/>
      <c r="Z42" s="1226"/>
      <c r="AA42" s="1226"/>
      <c r="AB42" s="1226"/>
      <c r="AC42" s="1226"/>
      <c r="AD42" s="1226"/>
      <c r="AE42" s="1226"/>
      <c r="AF42" s="1226"/>
      <c r="AG42" s="1226"/>
      <c r="AH42" s="1226"/>
      <c r="AI42" s="1226"/>
      <c r="AJ42" s="1226"/>
      <c r="AK42" s="1226"/>
      <c r="AL42" s="1227"/>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c r="B43" s="692"/>
      <c r="C43" s="692"/>
      <c r="D43" s="692"/>
      <c r="E43" s="692"/>
      <c r="F43" s="692"/>
      <c r="G43" s="692"/>
      <c r="H43" s="692"/>
      <c r="I43" s="692"/>
      <c r="J43" s="692"/>
      <c r="K43" s="692"/>
      <c r="L43" s="692"/>
      <c r="M43" s="693"/>
      <c r="N43" s="144"/>
      <c r="O43" s="80" t="s">
        <v>643</v>
      </c>
      <c r="P43" s="130"/>
      <c r="Q43" s="130"/>
      <c r="R43" s="130"/>
      <c r="S43" s="130"/>
      <c r="T43" s="130"/>
      <c r="U43" s="130"/>
      <c r="V43" s="130"/>
      <c r="W43" s="130"/>
      <c r="X43" s="130"/>
      <c r="Y43" s="130"/>
      <c r="Z43" s="130"/>
      <c r="AA43" s="130"/>
      <c r="AB43" s="130"/>
      <c r="AC43" s="130"/>
      <c r="AD43" s="130"/>
      <c r="AE43" s="130"/>
      <c r="AF43" s="130"/>
      <c r="AG43" s="130"/>
      <c r="AH43" s="130"/>
      <c r="AI43" s="130"/>
      <c r="AJ43" s="130"/>
      <c r="AK43" s="130"/>
      <c r="AL43" s="131"/>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c r="B44" s="690"/>
      <c r="C44" s="690"/>
      <c r="D44" s="690"/>
      <c r="E44" s="690"/>
      <c r="F44" s="690"/>
      <c r="G44" s="690"/>
      <c r="H44" s="690"/>
      <c r="I44" s="690"/>
      <c r="J44" s="690"/>
      <c r="K44" s="690"/>
      <c r="L44" s="690"/>
      <c r="M44" s="691"/>
      <c r="N44" s="143"/>
      <c r="O44" s="80" t="s">
        <v>146</v>
      </c>
      <c r="P44" s="130"/>
      <c r="Q44" s="130"/>
      <c r="R44" s="130"/>
      <c r="S44" s="130"/>
      <c r="T44" s="130"/>
      <c r="U44" s="130"/>
      <c r="V44" s="130"/>
      <c r="W44" s="130"/>
      <c r="X44" s="130"/>
      <c r="Y44" s="130"/>
      <c r="Z44" s="130"/>
      <c r="AA44" s="130"/>
      <c r="AB44" s="130"/>
      <c r="AC44" s="130"/>
      <c r="AD44" s="130"/>
      <c r="AE44" s="130"/>
      <c r="AF44" s="130"/>
      <c r="AG44" s="130"/>
      <c r="AH44" s="130"/>
      <c r="AI44" s="130"/>
      <c r="AJ44" s="130"/>
      <c r="AK44" s="130"/>
      <c r="AL44" s="131"/>
      <c r="AM44" s="5"/>
      <c r="AN44" s="710">
        <v>953.5</v>
      </c>
      <c r="AO44" s="711"/>
      <c r="AP44" s="711"/>
      <c r="AQ44" s="711"/>
      <c r="AR44" s="711"/>
      <c r="AS44" s="727" t="s">
        <v>383</v>
      </c>
      <c r="AT44" s="727"/>
      <c r="AU44" s="727"/>
      <c r="AV44" s="728"/>
      <c r="AW44" s="710">
        <v>43.5</v>
      </c>
      <c r="AX44" s="711"/>
      <c r="AY44" s="711"/>
      <c r="AZ44" s="711"/>
      <c r="BA44" s="711"/>
      <c r="BB44" s="711"/>
      <c r="BC44" s="706" t="s">
        <v>384</v>
      </c>
      <c r="BD44" s="706"/>
      <c r="BE44" s="706"/>
      <c r="BF44" s="707"/>
      <c r="BG44" s="710">
        <v>76.3</v>
      </c>
      <c r="BH44" s="711"/>
      <c r="BI44" s="711"/>
      <c r="BJ44" s="711"/>
      <c r="BK44" s="711"/>
      <c r="BL44" s="711"/>
      <c r="BM44" s="706" t="s">
        <v>384</v>
      </c>
      <c r="BN44" s="706"/>
      <c r="BO44" s="706"/>
      <c r="BP44" s="707"/>
      <c r="BQ44" s="130"/>
      <c r="BR44" s="714">
        <v>7.05</v>
      </c>
      <c r="BS44" s="715"/>
      <c r="BT44" s="715"/>
      <c r="BU44" s="715"/>
      <c r="BV44" s="715"/>
      <c r="BW44" s="715"/>
      <c r="BX44" s="715"/>
      <c r="BY44" s="696" t="s">
        <v>385</v>
      </c>
      <c r="BZ44" s="696"/>
      <c r="CA44" s="696"/>
      <c r="CB44" s="697"/>
      <c r="CC44" s="718" t="s">
        <v>628</v>
      </c>
      <c r="CD44" s="719"/>
      <c r="CE44" s="719"/>
      <c r="CF44" s="719"/>
      <c r="CG44" s="719"/>
      <c r="CH44" s="719"/>
      <c r="CI44" s="719"/>
      <c r="CJ44" s="696" t="s">
        <v>386</v>
      </c>
      <c r="CK44" s="696"/>
      <c r="CL44" s="696"/>
      <c r="CM44" s="697"/>
    </row>
    <row r="45" spans="1:100" ht="17.25" customHeight="1" x14ac:dyDescent="0.15">
      <c r="A45" s="216"/>
      <c r="B45" s="692"/>
      <c r="C45" s="692"/>
      <c r="D45" s="692"/>
      <c r="E45" s="692"/>
      <c r="F45" s="692"/>
      <c r="G45" s="692"/>
      <c r="H45" s="692"/>
      <c r="I45" s="692"/>
      <c r="J45" s="692"/>
      <c r="K45" s="692"/>
      <c r="L45" s="692"/>
      <c r="M45" s="693"/>
      <c r="N45" s="144"/>
      <c r="O45" s="80" t="s">
        <v>644</v>
      </c>
      <c r="P45" s="81"/>
      <c r="Q45" s="81"/>
      <c r="R45" s="81"/>
      <c r="S45" s="81"/>
      <c r="T45" s="81"/>
      <c r="U45" s="81"/>
      <c r="V45" s="81"/>
      <c r="W45" s="81"/>
      <c r="X45" s="81"/>
      <c r="Y45" s="81"/>
      <c r="Z45" s="81"/>
      <c r="AA45" s="81"/>
      <c r="AB45" s="81"/>
      <c r="AC45" s="81"/>
      <c r="AD45" s="81"/>
      <c r="AE45" s="81"/>
      <c r="AF45" s="81"/>
      <c r="AG45" s="81"/>
      <c r="AH45" s="81"/>
      <c r="AI45" s="81"/>
      <c r="AJ45" s="81"/>
      <c r="AK45" s="81"/>
      <c r="AL45" s="82"/>
      <c r="AM45" s="5"/>
      <c r="AN45" s="712"/>
      <c r="AO45" s="713"/>
      <c r="AP45" s="713"/>
      <c r="AQ45" s="713"/>
      <c r="AR45" s="713"/>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c r="B46" s="690"/>
      <c r="C46" s="690"/>
      <c r="D46" s="690"/>
      <c r="E46" s="690"/>
      <c r="F46" s="690"/>
      <c r="G46" s="690"/>
      <c r="H46" s="690"/>
      <c r="I46" s="690"/>
      <c r="J46" s="690"/>
      <c r="K46" s="690"/>
      <c r="L46" s="690"/>
      <c r="M46" s="691"/>
      <c r="N46" s="143"/>
      <c r="O46" s="80" t="s">
        <v>502</v>
      </c>
      <c r="P46" s="130"/>
      <c r="Q46" s="130"/>
      <c r="R46" s="130"/>
      <c r="S46" s="130"/>
      <c r="T46" s="130"/>
      <c r="U46" s="130"/>
      <c r="V46" s="130"/>
      <c r="W46" s="130"/>
      <c r="X46" s="130"/>
      <c r="Y46" s="130"/>
      <c r="Z46" s="130"/>
      <c r="AA46" s="130"/>
      <c r="AB46" s="130"/>
      <c r="AC46" s="130"/>
      <c r="AD46" s="130"/>
      <c r="AE46" s="130"/>
      <c r="AF46" s="130"/>
      <c r="AG46" s="130"/>
      <c r="AH46" s="130"/>
      <c r="AI46" s="130"/>
      <c r="AJ46" s="130"/>
      <c r="AK46" s="130"/>
      <c r="AL46" s="131"/>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692"/>
      <c r="C47" s="692"/>
      <c r="D47" s="692"/>
      <c r="E47" s="692"/>
      <c r="F47" s="692"/>
      <c r="G47" s="692"/>
      <c r="H47" s="692"/>
      <c r="I47" s="692"/>
      <c r="J47" s="692"/>
      <c r="K47" s="692"/>
      <c r="L47" s="692"/>
      <c r="M47" s="693"/>
      <c r="N47" s="144"/>
      <c r="O47" s="771"/>
      <c r="P47" s="772"/>
      <c r="Q47" s="772"/>
      <c r="R47" s="772"/>
      <c r="S47" s="772"/>
      <c r="T47" s="772"/>
      <c r="U47" s="772"/>
      <c r="V47" s="772"/>
      <c r="W47" s="772"/>
      <c r="X47" s="772"/>
      <c r="Y47" s="772"/>
      <c r="Z47" s="772"/>
      <c r="AA47" s="772"/>
      <c r="AB47" s="772"/>
      <c r="AC47" s="772"/>
      <c r="AD47" s="772"/>
      <c r="AE47" s="772"/>
      <c r="AF47" s="772"/>
      <c r="AG47" s="772"/>
      <c r="AH47" s="772"/>
      <c r="AI47" s="772"/>
      <c r="AJ47" s="772"/>
      <c r="AK47" s="772"/>
      <c r="AL47" s="773"/>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690"/>
      <c r="C48" s="690"/>
      <c r="D48" s="690"/>
      <c r="E48" s="690"/>
      <c r="F48" s="690"/>
      <c r="G48" s="690"/>
      <c r="H48" s="690"/>
      <c r="I48" s="690"/>
      <c r="J48" s="690"/>
      <c r="K48" s="690"/>
      <c r="L48" s="690"/>
      <c r="M48" s="691"/>
      <c r="N48" s="143"/>
      <c r="O48" s="771"/>
      <c r="P48" s="772"/>
      <c r="Q48" s="772"/>
      <c r="R48" s="772"/>
      <c r="S48" s="772"/>
      <c r="T48" s="772"/>
      <c r="U48" s="772"/>
      <c r="V48" s="772"/>
      <c r="W48" s="772"/>
      <c r="X48" s="772"/>
      <c r="Y48" s="772"/>
      <c r="Z48" s="772"/>
      <c r="AA48" s="772"/>
      <c r="AB48" s="772"/>
      <c r="AC48" s="772"/>
      <c r="AD48" s="772"/>
      <c r="AE48" s="772"/>
      <c r="AF48" s="772"/>
      <c r="AG48" s="772"/>
      <c r="AH48" s="772"/>
      <c r="AI48" s="772"/>
      <c r="AJ48" s="772"/>
      <c r="AK48" s="772"/>
      <c r="AL48" s="773"/>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144"/>
      <c r="O49" s="771"/>
      <c r="P49" s="772"/>
      <c r="Q49" s="772"/>
      <c r="R49" s="772"/>
      <c r="S49" s="772"/>
      <c r="T49" s="772"/>
      <c r="U49" s="772"/>
      <c r="V49" s="772"/>
      <c r="W49" s="772"/>
      <c r="X49" s="772"/>
      <c r="Y49" s="772"/>
      <c r="Z49" s="772"/>
      <c r="AA49" s="772"/>
      <c r="AB49" s="772"/>
      <c r="AC49" s="772"/>
      <c r="AD49" s="772"/>
      <c r="AE49" s="772"/>
      <c r="AF49" s="772"/>
      <c r="AG49" s="772"/>
      <c r="AH49" s="772"/>
      <c r="AI49" s="772"/>
      <c r="AJ49" s="772"/>
      <c r="AK49" s="772"/>
      <c r="AL49" s="773"/>
      <c r="AM49" s="5"/>
      <c r="AN49" s="223">
        <v>2504.4780000000001</v>
      </c>
      <c r="AO49" s="224"/>
      <c r="AP49" s="224"/>
      <c r="AQ49" s="224"/>
      <c r="AR49" s="224"/>
      <c r="AS49" s="224"/>
      <c r="AT49" s="225"/>
      <c r="AU49" s="229">
        <v>0.38200000000000001</v>
      </c>
      <c r="AV49" s="230"/>
      <c r="AW49" s="230"/>
      <c r="AX49" s="230"/>
      <c r="AY49" s="231"/>
      <c r="AZ49" s="210">
        <v>13.1</v>
      </c>
      <c r="BA49" s="211"/>
      <c r="BB49" s="211"/>
      <c r="BC49" s="211"/>
      <c r="BD49" s="212"/>
      <c r="BE49" s="210">
        <v>12.8</v>
      </c>
      <c r="BF49" s="211"/>
      <c r="BG49" s="211"/>
      <c r="BH49" s="211"/>
      <c r="BI49" s="212"/>
      <c r="BJ49" s="210">
        <v>78</v>
      </c>
      <c r="BK49" s="211"/>
      <c r="BL49" s="211"/>
      <c r="BM49" s="211"/>
      <c r="BN49" s="212"/>
      <c r="BO49" s="210">
        <v>7.1</v>
      </c>
      <c r="BP49" s="211"/>
      <c r="BQ49" s="211"/>
      <c r="BR49" s="211"/>
      <c r="BS49" s="212"/>
      <c r="BT49" s="210">
        <v>96.5</v>
      </c>
      <c r="BU49" s="211"/>
      <c r="BV49" s="211"/>
      <c r="BW49" s="211"/>
      <c r="BX49" s="212"/>
      <c r="BY49" s="210">
        <v>15</v>
      </c>
      <c r="BZ49" s="211"/>
      <c r="CA49" s="211"/>
      <c r="CB49" s="211"/>
      <c r="CC49" s="212"/>
      <c r="CD49" s="210">
        <v>45.4</v>
      </c>
      <c r="CE49" s="211"/>
      <c r="CF49" s="211"/>
      <c r="CG49" s="211"/>
      <c r="CH49" s="212"/>
      <c r="CI49" s="210">
        <v>35.700000000000003</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143"/>
      <c r="O50" s="342"/>
      <c r="P50" s="1228"/>
      <c r="Q50" s="1228"/>
      <c r="R50" s="1228"/>
      <c r="S50" s="1228"/>
      <c r="T50" s="1228"/>
      <c r="U50" s="1228"/>
      <c r="V50" s="1228"/>
      <c r="W50" s="1228"/>
      <c r="X50" s="1228"/>
      <c r="Y50" s="1228"/>
      <c r="Z50" s="1228"/>
      <c r="AA50" s="1228"/>
      <c r="AB50" s="1228"/>
      <c r="AC50" s="1228"/>
      <c r="AD50" s="1228"/>
      <c r="AE50" s="1228"/>
      <c r="AF50" s="1228"/>
      <c r="AG50" s="1228"/>
      <c r="AH50" s="1228"/>
      <c r="AI50" s="1228"/>
      <c r="AJ50" s="1228"/>
      <c r="AK50" s="1228"/>
      <c r="AL50" s="1229"/>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7">
    <mergeCell ref="CD49:CH50"/>
    <mergeCell ref="CI49:CM50"/>
    <mergeCell ref="A50:M50"/>
    <mergeCell ref="O50:AL50"/>
    <mergeCell ref="AZ49:BD50"/>
    <mergeCell ref="BE49:BI50"/>
    <mergeCell ref="BJ49:BN50"/>
    <mergeCell ref="BO49:BS50"/>
    <mergeCell ref="BT49:BX50"/>
    <mergeCell ref="BY49:CC50"/>
    <mergeCell ref="A49:M49"/>
    <mergeCell ref="O49:AL49"/>
    <mergeCell ref="AN49:AT50"/>
    <mergeCell ref="AU49:AY50"/>
    <mergeCell ref="CI47:CM48"/>
    <mergeCell ref="A47:M47"/>
    <mergeCell ref="O47:AL47"/>
    <mergeCell ref="AN47:AT48"/>
    <mergeCell ref="AS44:AV45"/>
    <mergeCell ref="AW44:BB45"/>
    <mergeCell ref="AU47:AY48"/>
    <mergeCell ref="AZ47:BD48"/>
    <mergeCell ref="BE47:BI48"/>
    <mergeCell ref="A48:M48"/>
    <mergeCell ref="O48:AL48"/>
    <mergeCell ref="BJ47:BN48"/>
    <mergeCell ref="BO47:BS48"/>
    <mergeCell ref="A39:M39"/>
    <mergeCell ref="O39:AL39"/>
    <mergeCell ref="AN39:AV40"/>
    <mergeCell ref="AW39:BF40"/>
    <mergeCell ref="BG39:BP40"/>
    <mergeCell ref="BR39:BX40"/>
    <mergeCell ref="BR42:CB43"/>
    <mergeCell ref="BT47:BX48"/>
    <mergeCell ref="BY47:CC48"/>
    <mergeCell ref="CC42:CM43"/>
    <mergeCell ref="A46:M46"/>
    <mergeCell ref="AN46:AV46"/>
    <mergeCell ref="AW46:BD46"/>
    <mergeCell ref="CD46:CM46"/>
    <mergeCell ref="BM44:BP45"/>
    <mergeCell ref="BR44:BX45"/>
    <mergeCell ref="BY44:CB45"/>
    <mergeCell ref="CC44:CI45"/>
    <mergeCell ref="CJ44:CM45"/>
    <mergeCell ref="A45:M45"/>
    <mergeCell ref="A43:M43"/>
    <mergeCell ref="A44:M44"/>
    <mergeCell ref="AN44:AR45"/>
    <mergeCell ref="CD47:CH48"/>
    <mergeCell ref="A40:M40"/>
    <mergeCell ref="O40:AL40"/>
    <mergeCell ref="A41:M41"/>
    <mergeCell ref="O41:AL41"/>
    <mergeCell ref="AU41:BE41"/>
    <mergeCell ref="BR41:CM41"/>
    <mergeCell ref="A42:M42"/>
    <mergeCell ref="O42:AL42"/>
    <mergeCell ref="AN42:AV43"/>
    <mergeCell ref="AW42:BF43"/>
    <mergeCell ref="BG42:BP43"/>
    <mergeCell ref="BC44:BF45"/>
    <mergeCell ref="BG44:BL45"/>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7:CG38"/>
    <mergeCell ref="CH37:CM38"/>
    <mergeCell ref="A38:M38"/>
    <mergeCell ref="O38:AL38"/>
    <mergeCell ref="BY39:CG40"/>
    <mergeCell ref="CH39:CM40"/>
    <mergeCell ref="AO32:BP32"/>
    <mergeCell ref="AO33:BP33"/>
    <mergeCell ref="BR33:BX34"/>
    <mergeCell ref="BY33:CG34"/>
    <mergeCell ref="CH33:CM34"/>
    <mergeCell ref="A34:M34"/>
    <mergeCell ref="O34:AL34"/>
    <mergeCell ref="AN34:BO34"/>
    <mergeCell ref="A28:AL28"/>
    <mergeCell ref="AN28:BP28"/>
    <mergeCell ref="A29:AL33"/>
    <mergeCell ref="AO29:BP29"/>
    <mergeCell ref="AO30:BP30"/>
    <mergeCell ref="BY30:CI30"/>
    <mergeCell ref="AO31:BP31"/>
    <mergeCell ref="BR31:BX32"/>
    <mergeCell ref="BY31:CG32"/>
    <mergeCell ref="CH31:CM32"/>
    <mergeCell ref="A25:E27"/>
    <mergeCell ref="F25:M25"/>
    <mergeCell ref="Q25:AL25"/>
    <mergeCell ref="AO25:CM25"/>
    <mergeCell ref="F26:M27"/>
    <mergeCell ref="O26:P27"/>
    <mergeCell ref="Q26:AL26"/>
    <mergeCell ref="AO26:CM26"/>
    <mergeCell ref="Q27:AL27"/>
    <mergeCell ref="AO27:CM27"/>
    <mergeCell ref="AN19:AS21"/>
    <mergeCell ref="F20:M21"/>
    <mergeCell ref="Q20:T20"/>
    <mergeCell ref="U20:X20"/>
    <mergeCell ref="Y20:AL20"/>
    <mergeCell ref="AN22:CM22"/>
    <mergeCell ref="F23:M24"/>
    <mergeCell ref="Q23:AL23"/>
    <mergeCell ref="AO23:CM23"/>
    <mergeCell ref="O24:P25"/>
    <mergeCell ref="Q24:AL24"/>
    <mergeCell ref="AO24:CM24"/>
    <mergeCell ref="Q21:T21"/>
    <mergeCell ref="U21:X21"/>
    <mergeCell ref="Y21:AL21"/>
    <mergeCell ref="AT19:CM21"/>
    <mergeCell ref="A16:E21"/>
    <mergeCell ref="F16:M16"/>
    <mergeCell ref="Q16:T16"/>
    <mergeCell ref="U16:X16"/>
    <mergeCell ref="Y16:AL16"/>
    <mergeCell ref="F17:M18"/>
    <mergeCell ref="Q17:T17"/>
    <mergeCell ref="U17:X17"/>
    <mergeCell ref="A22:E24"/>
    <mergeCell ref="F22:M22"/>
    <mergeCell ref="O22:P23"/>
    <mergeCell ref="Q22:AL22"/>
    <mergeCell ref="F19:M19"/>
    <mergeCell ref="Q19:T19"/>
    <mergeCell ref="U19:X19"/>
    <mergeCell ref="Y19:AL19"/>
    <mergeCell ref="Q15:T15"/>
    <mergeCell ref="U15:X15"/>
    <mergeCell ref="Y15:AL15"/>
    <mergeCell ref="Y17:AL17"/>
    <mergeCell ref="AN17:AS18"/>
    <mergeCell ref="AT17:CM18"/>
    <mergeCell ref="Q18:T18"/>
    <mergeCell ref="U18:X18"/>
    <mergeCell ref="Y18:AL18"/>
    <mergeCell ref="AN15:AS16"/>
    <mergeCell ref="AT15:CM16"/>
    <mergeCell ref="Y12:AL12"/>
    <mergeCell ref="AN12:CM12"/>
    <mergeCell ref="F13:M14"/>
    <mergeCell ref="Q13:T13"/>
    <mergeCell ref="U13:X13"/>
    <mergeCell ref="Y13:AL13"/>
    <mergeCell ref="AN13:AS14"/>
    <mergeCell ref="AT13:CM14"/>
    <mergeCell ref="A9:D10"/>
    <mergeCell ref="E9:AL10"/>
    <mergeCell ref="A11:D11"/>
    <mergeCell ref="E11:AL11"/>
    <mergeCell ref="A12:E13"/>
    <mergeCell ref="F12:M12"/>
    <mergeCell ref="N12:N27"/>
    <mergeCell ref="O12:P21"/>
    <mergeCell ref="Q12:T12"/>
    <mergeCell ref="U12:X12"/>
    <mergeCell ref="A14:E14"/>
    <mergeCell ref="Q14:T14"/>
    <mergeCell ref="U14:X14"/>
    <mergeCell ref="Y14:AL14"/>
    <mergeCell ref="A15:E15"/>
    <mergeCell ref="F15:M15"/>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town-manazuru.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30―</oddFooter>
  </headerFooter>
  <drawing r:id="rId3"/>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8" zoomScale="70" zoomScaleNormal="8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645</v>
      </c>
      <c r="B1" s="644" ph="1"/>
      <c r="C1" s="644" ph="1"/>
      <c r="D1" s="644" ph="1"/>
      <c r="E1" s="644" ph="1"/>
      <c r="F1" s="644" ph="1"/>
      <c r="G1" s="644" ph="1"/>
      <c r="H1" s="644" ph="1"/>
      <c r="I1" s="645"/>
      <c r="J1" s="645"/>
      <c r="K1" s="645"/>
      <c r="L1" s="645"/>
      <c r="M1" s="645"/>
      <c r="N1" s="454" t="s">
        <v>1040</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488</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1041</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1" t="s">
        <v>236</v>
      </c>
      <c r="B4" s="641"/>
      <c r="C4" s="641"/>
      <c r="D4" s="641"/>
      <c r="E4" s="458">
        <v>143847</v>
      </c>
      <c r="F4" s="458"/>
      <c r="G4" s="458"/>
      <c r="H4" s="458"/>
      <c r="I4" s="647"/>
      <c r="J4" s="647"/>
      <c r="K4" s="647"/>
      <c r="L4" s="647"/>
      <c r="M4" s="647"/>
      <c r="N4" s="459" t="s">
        <v>646</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382" t="s">
        <v>237</v>
      </c>
      <c r="B5" s="484"/>
      <c r="C5" s="484"/>
      <c r="D5" s="484"/>
      <c r="E5" s="484"/>
      <c r="F5" s="484"/>
      <c r="G5" s="484"/>
      <c r="H5" s="485"/>
      <c r="I5" s="486" t="s">
        <v>647</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364"/>
      <c r="B6" s="365"/>
      <c r="C6" s="365"/>
      <c r="D6" s="365"/>
      <c r="E6" s="365"/>
      <c r="F6" s="365"/>
      <c r="G6" s="365"/>
      <c r="H6" s="366"/>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05" t="s">
        <v>238</v>
      </c>
      <c r="B7" s="406"/>
      <c r="C7" s="406"/>
      <c r="D7" s="407"/>
      <c r="E7" s="65" t="s">
        <v>0</v>
      </c>
      <c r="F7" s="492" t="s">
        <v>648</v>
      </c>
      <c r="G7" s="492"/>
      <c r="H7" s="492"/>
      <c r="I7" s="492"/>
      <c r="J7" s="492"/>
      <c r="K7" s="492"/>
      <c r="L7" s="493"/>
      <c r="M7" s="642"/>
      <c r="N7" s="642"/>
      <c r="O7" s="642"/>
      <c r="P7" s="642"/>
      <c r="Q7" s="642"/>
      <c r="R7" s="642"/>
      <c r="S7" s="642"/>
      <c r="T7" s="642"/>
      <c r="U7" s="642"/>
      <c r="V7" s="642"/>
      <c r="W7" s="642"/>
      <c r="X7" s="642"/>
      <c r="Y7" s="643"/>
      <c r="Z7" s="332" t="s">
        <v>239</v>
      </c>
      <c r="AA7" s="332"/>
      <c r="AB7" s="332"/>
      <c r="AC7" s="431" t="s">
        <v>649</v>
      </c>
      <c r="AD7" s="431"/>
      <c r="AE7" s="431"/>
      <c r="AF7" s="431"/>
      <c r="AG7" s="431"/>
      <c r="AH7" s="431"/>
      <c r="AI7" s="431"/>
      <c r="AJ7" s="431"/>
      <c r="AK7" s="431"/>
      <c r="AL7" s="43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c r="B8" s="406"/>
      <c r="C8" s="406"/>
      <c r="D8" s="407"/>
      <c r="E8" s="433" t="s">
        <v>650</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405" t="s">
        <v>240</v>
      </c>
      <c r="B9" s="406"/>
      <c r="C9" s="406"/>
      <c r="D9" s="407"/>
      <c r="E9" s="445" t="s">
        <v>1042</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469"/>
      <c r="AO9" s="470"/>
      <c r="AP9" s="470"/>
      <c r="AQ9" s="470"/>
      <c r="AR9" s="470"/>
      <c r="AS9" s="470"/>
      <c r="AT9" s="470"/>
      <c r="AU9" s="470"/>
      <c r="AV9" s="470"/>
      <c r="AW9" s="470"/>
      <c r="AX9" s="470"/>
      <c r="AY9" s="470"/>
      <c r="AZ9" s="470"/>
      <c r="BA9" s="470"/>
      <c r="BB9" s="470"/>
      <c r="BC9" s="470"/>
      <c r="BD9" s="470"/>
      <c r="BE9" s="470"/>
      <c r="BF9" s="470"/>
      <c r="BG9" s="470"/>
      <c r="BH9" s="470"/>
      <c r="BI9" s="470"/>
      <c r="BJ9" s="470"/>
      <c r="BK9" s="470"/>
      <c r="BL9" s="470"/>
      <c r="BM9" s="470"/>
      <c r="BN9" s="470"/>
      <c r="BO9" s="470"/>
      <c r="BP9" s="470"/>
      <c r="BQ9" s="470"/>
      <c r="BR9" s="470"/>
      <c r="BS9" s="470"/>
      <c r="BT9" s="470"/>
      <c r="BU9" s="470"/>
      <c r="BV9" s="470"/>
      <c r="BW9" s="470"/>
      <c r="BX9" s="470"/>
      <c r="BY9" s="470"/>
      <c r="BZ9" s="470"/>
      <c r="CA9" s="470"/>
      <c r="CB9" s="470"/>
      <c r="CC9" s="470"/>
      <c r="CD9" s="470"/>
      <c r="CE9" s="470"/>
      <c r="CF9" s="470"/>
      <c r="CG9" s="470"/>
      <c r="CH9" s="470"/>
      <c r="CI9" s="470"/>
      <c r="CJ9" s="470"/>
      <c r="CK9" s="470"/>
      <c r="CL9" s="470"/>
      <c r="CM9" s="471"/>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469"/>
      <c r="AO10" s="470"/>
      <c r="AP10" s="470"/>
      <c r="AQ10" s="470"/>
      <c r="AR10" s="470"/>
      <c r="AS10" s="470"/>
      <c r="AT10" s="470"/>
      <c r="AU10" s="470"/>
      <c r="AV10" s="470"/>
      <c r="AW10" s="470"/>
      <c r="AX10" s="470"/>
      <c r="AY10" s="470"/>
      <c r="AZ10" s="470"/>
      <c r="BA10" s="470"/>
      <c r="BB10" s="470"/>
      <c r="BC10" s="470"/>
      <c r="BD10" s="470"/>
      <c r="BE10" s="470"/>
      <c r="BF10" s="470"/>
      <c r="BG10" s="470"/>
      <c r="BH10" s="470"/>
      <c r="BI10" s="470"/>
      <c r="BJ10" s="470"/>
      <c r="BK10" s="470"/>
      <c r="BL10" s="470"/>
      <c r="BM10" s="470"/>
      <c r="BN10" s="470"/>
      <c r="BO10" s="470"/>
      <c r="BP10" s="470"/>
      <c r="BQ10" s="470"/>
      <c r="BR10" s="470"/>
      <c r="BS10" s="470"/>
      <c r="BT10" s="470"/>
      <c r="BU10" s="470"/>
      <c r="BV10" s="470"/>
      <c r="BW10" s="470"/>
      <c r="BX10" s="470"/>
      <c r="BY10" s="470"/>
      <c r="BZ10" s="470"/>
      <c r="CA10" s="470"/>
      <c r="CB10" s="470"/>
      <c r="CC10" s="470"/>
      <c r="CD10" s="470"/>
      <c r="CE10" s="470"/>
      <c r="CF10" s="470"/>
      <c r="CG10" s="470"/>
      <c r="CH10" s="470"/>
      <c r="CI10" s="470"/>
      <c r="CJ10" s="470"/>
      <c r="CK10" s="470"/>
      <c r="CL10" s="470"/>
      <c r="CM10" s="471"/>
    </row>
    <row r="11" spans="1:100" ht="17.25" customHeight="1" x14ac:dyDescent="0.15">
      <c r="A11" s="405" t="s">
        <v>37</v>
      </c>
      <c r="B11" s="406"/>
      <c r="C11" s="406"/>
      <c r="D11" s="407"/>
      <c r="E11" s="615" t="s">
        <v>1043</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472"/>
      <c r="AO11" s="473"/>
      <c r="AP11" s="473"/>
      <c r="AQ11" s="473"/>
      <c r="AR11" s="473"/>
      <c r="AS11" s="473"/>
      <c r="AT11" s="473"/>
      <c r="AU11" s="473"/>
      <c r="AV11" s="473"/>
      <c r="AW11" s="473"/>
      <c r="AX11" s="473"/>
      <c r="AY11" s="473"/>
      <c r="AZ11" s="473"/>
      <c r="BA11" s="473"/>
      <c r="BB11" s="473"/>
      <c r="BC11" s="473"/>
      <c r="BD11" s="473"/>
      <c r="BE11" s="473"/>
      <c r="BF11" s="473"/>
      <c r="BG11" s="473"/>
      <c r="BH11" s="473"/>
      <c r="BI11" s="473"/>
      <c r="BJ11" s="473"/>
      <c r="BK11" s="473"/>
      <c r="BL11" s="473"/>
      <c r="BM11" s="473"/>
      <c r="BN11" s="473"/>
      <c r="BO11" s="473"/>
      <c r="BP11" s="473"/>
      <c r="BQ11" s="473"/>
      <c r="BR11" s="473"/>
      <c r="BS11" s="473"/>
      <c r="BT11" s="473"/>
      <c r="BU11" s="473"/>
      <c r="BV11" s="473"/>
      <c r="BW11" s="473"/>
      <c r="BX11" s="473"/>
      <c r="BY11" s="473"/>
      <c r="BZ11" s="473"/>
      <c r="CA11" s="473"/>
      <c r="CB11" s="473"/>
      <c r="CC11" s="473"/>
      <c r="CD11" s="473"/>
      <c r="CE11" s="473"/>
      <c r="CF11" s="473"/>
      <c r="CG11" s="473"/>
      <c r="CH11" s="473"/>
      <c r="CI11" s="473"/>
      <c r="CJ11" s="473"/>
      <c r="CK11" s="473"/>
      <c r="CL11" s="473"/>
      <c r="CM11" s="474"/>
    </row>
    <row r="12" spans="1:100" ht="17.25" customHeight="1" x14ac:dyDescent="0.15">
      <c r="A12" s="332" t="s">
        <v>373</v>
      </c>
      <c r="B12" s="332"/>
      <c r="C12" s="332"/>
      <c r="D12" s="332"/>
      <c r="E12" s="328"/>
      <c r="F12" s="330" t="s">
        <v>1389</v>
      </c>
      <c r="G12" s="331"/>
      <c r="H12" s="331"/>
      <c r="I12" s="331"/>
      <c r="J12" s="331"/>
      <c r="K12" s="331"/>
      <c r="L12" s="331"/>
      <c r="M12" s="331"/>
      <c r="N12" s="522"/>
      <c r="O12" s="416" t="s">
        <v>242</v>
      </c>
      <c r="P12" s="417"/>
      <c r="Q12" s="534">
        <v>20180</v>
      </c>
      <c r="R12" s="422"/>
      <c r="S12" s="422"/>
      <c r="T12" s="422"/>
      <c r="U12" s="424" t="s">
        <v>148</v>
      </c>
      <c r="V12" s="424"/>
      <c r="W12" s="424"/>
      <c r="X12" s="424"/>
      <c r="Y12" s="424" t="s">
        <v>651</v>
      </c>
      <c r="Z12" s="424"/>
      <c r="AA12" s="424"/>
      <c r="AB12" s="424"/>
      <c r="AC12" s="424"/>
      <c r="AD12" s="424"/>
      <c r="AE12" s="424"/>
      <c r="AF12" s="424"/>
      <c r="AG12" s="424"/>
      <c r="AH12" s="424"/>
      <c r="AI12" s="424"/>
      <c r="AJ12" s="424"/>
      <c r="AK12" s="424"/>
      <c r="AL12" s="535"/>
      <c r="AM12" s="5"/>
      <c r="AN12" s="518" t="s">
        <v>245</v>
      </c>
      <c r="AO12" s="518"/>
      <c r="AP12" s="518"/>
      <c r="AQ12" s="518"/>
      <c r="AR12" s="518"/>
      <c r="AS12" s="518"/>
      <c r="AT12" s="518"/>
      <c r="AU12" s="518"/>
      <c r="AV12" s="518"/>
      <c r="AW12" s="518"/>
      <c r="AX12" s="518"/>
      <c r="AY12" s="518"/>
      <c r="AZ12" s="518"/>
      <c r="BA12" s="518"/>
      <c r="BB12" s="518"/>
      <c r="BC12" s="518"/>
      <c r="BD12" s="518"/>
      <c r="BE12" s="518"/>
      <c r="BF12" s="518"/>
      <c r="BG12" s="518"/>
      <c r="BH12" s="518"/>
      <c r="BI12" s="518"/>
      <c r="BJ12" s="518"/>
      <c r="BK12" s="518"/>
      <c r="BL12" s="518"/>
      <c r="BM12" s="518"/>
      <c r="BN12" s="518"/>
      <c r="BO12" s="518"/>
      <c r="BP12" s="518"/>
      <c r="BQ12" s="518"/>
      <c r="BR12" s="518"/>
      <c r="BS12" s="518"/>
      <c r="BT12" s="518"/>
      <c r="BU12" s="518"/>
      <c r="BV12" s="518"/>
      <c r="BW12" s="518"/>
      <c r="BX12" s="518"/>
      <c r="BY12" s="518"/>
      <c r="BZ12" s="518"/>
      <c r="CA12" s="518"/>
      <c r="CB12" s="518"/>
      <c r="CC12" s="518"/>
      <c r="CD12" s="518"/>
      <c r="CE12" s="518"/>
      <c r="CF12" s="518"/>
      <c r="CG12" s="518"/>
      <c r="CH12" s="518"/>
      <c r="CI12" s="518"/>
      <c r="CJ12" s="518"/>
      <c r="CK12" s="518"/>
      <c r="CL12" s="518"/>
      <c r="CM12" s="518"/>
      <c r="CQ12" s="3" ph="1"/>
      <c r="CR12" s="3" ph="1"/>
      <c r="CS12" s="3" ph="1"/>
      <c r="CT12" s="3" ph="1"/>
      <c r="CU12" s="3" ph="1"/>
      <c r="CV12" s="3" ph="1"/>
    </row>
    <row r="13" spans="1:100" ht="17.25" customHeight="1" x14ac:dyDescent="0.15">
      <c r="A13" s="328"/>
      <c r="B13" s="328"/>
      <c r="C13" s="328"/>
      <c r="D13" s="328"/>
      <c r="E13" s="328"/>
      <c r="F13" s="398" t="s">
        <v>1390</v>
      </c>
      <c r="G13" s="369"/>
      <c r="H13" s="369"/>
      <c r="I13" s="369"/>
      <c r="J13" s="369"/>
      <c r="K13" s="369"/>
      <c r="L13" s="369"/>
      <c r="M13" s="369"/>
      <c r="N13" s="523"/>
      <c r="O13" s="418"/>
      <c r="P13" s="419"/>
      <c r="Q13" s="376"/>
      <c r="R13" s="377"/>
      <c r="S13" s="377"/>
      <c r="T13" s="377"/>
      <c r="U13" s="371"/>
      <c r="V13" s="371"/>
      <c r="W13" s="371"/>
      <c r="X13" s="371"/>
      <c r="Y13" s="371"/>
      <c r="Z13" s="371"/>
      <c r="AA13" s="371"/>
      <c r="AB13" s="371"/>
      <c r="AC13" s="371"/>
      <c r="AD13" s="371"/>
      <c r="AE13" s="371"/>
      <c r="AF13" s="371"/>
      <c r="AG13" s="371"/>
      <c r="AH13" s="371"/>
      <c r="AI13" s="371"/>
      <c r="AJ13" s="371"/>
      <c r="AK13" s="371"/>
      <c r="AL13" s="527"/>
      <c r="AM13" s="5"/>
      <c r="AN13" s="292" t="s">
        <v>219</v>
      </c>
      <c r="AO13" s="293"/>
      <c r="AP13" s="293"/>
      <c r="AQ13" s="293"/>
      <c r="AR13" s="293"/>
      <c r="AS13" s="293"/>
      <c r="AT13" s="856" t="s">
        <v>1044</v>
      </c>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426">
        <v>1</v>
      </c>
      <c r="B14" s="651"/>
      <c r="C14" s="651"/>
      <c r="D14" s="651"/>
      <c r="E14" s="651"/>
      <c r="F14" s="370"/>
      <c r="G14" s="370"/>
      <c r="H14" s="370"/>
      <c r="I14" s="370"/>
      <c r="J14" s="370"/>
      <c r="K14" s="370"/>
      <c r="L14" s="370"/>
      <c r="M14" s="370"/>
      <c r="N14" s="523"/>
      <c r="O14" s="418"/>
      <c r="P14" s="419"/>
      <c r="Q14" s="376"/>
      <c r="R14" s="377"/>
      <c r="S14" s="377"/>
      <c r="T14" s="377"/>
      <c r="U14" s="371"/>
      <c r="V14" s="371"/>
      <c r="W14" s="371"/>
      <c r="X14" s="371"/>
      <c r="Y14" s="371"/>
      <c r="Z14" s="371"/>
      <c r="AA14" s="371"/>
      <c r="AB14" s="371"/>
      <c r="AC14" s="371"/>
      <c r="AD14" s="371"/>
      <c r="AE14" s="371"/>
      <c r="AF14" s="371"/>
      <c r="AG14" s="371"/>
      <c r="AH14" s="371"/>
      <c r="AI14" s="371"/>
      <c r="AJ14" s="371"/>
      <c r="AK14" s="371"/>
      <c r="AL14" s="527"/>
      <c r="AM14" s="5"/>
      <c r="AN14" s="295"/>
      <c r="AO14" s="296"/>
      <c r="AP14" s="296"/>
      <c r="AQ14" s="296"/>
      <c r="AR14" s="296"/>
      <c r="AS14" s="296"/>
      <c r="AT14" s="856"/>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6926</v>
      </c>
      <c r="G15" s="430"/>
      <c r="H15" s="430"/>
      <c r="I15" s="430"/>
      <c r="J15" s="430"/>
      <c r="K15" s="430"/>
      <c r="L15" s="430"/>
      <c r="M15" s="430"/>
      <c r="N15" s="523"/>
      <c r="O15" s="418"/>
      <c r="P15" s="419"/>
      <c r="Q15" s="376"/>
      <c r="R15" s="377"/>
      <c r="S15" s="377"/>
      <c r="T15" s="377"/>
      <c r="U15" s="371"/>
      <c r="V15" s="371"/>
      <c r="W15" s="371"/>
      <c r="X15" s="371"/>
      <c r="Y15" s="371"/>
      <c r="Z15" s="371"/>
      <c r="AA15" s="371"/>
      <c r="AB15" s="371"/>
      <c r="AC15" s="371"/>
      <c r="AD15" s="371"/>
      <c r="AE15" s="371"/>
      <c r="AF15" s="371"/>
      <c r="AG15" s="371"/>
      <c r="AH15" s="371"/>
      <c r="AI15" s="371"/>
      <c r="AJ15" s="371"/>
      <c r="AK15" s="371"/>
      <c r="AL15" s="527"/>
      <c r="AM15" s="5"/>
      <c r="AN15" s="292" t="s">
        <v>220</v>
      </c>
      <c r="AO15" s="293"/>
      <c r="AP15" s="293"/>
      <c r="AQ15" s="293"/>
      <c r="AR15" s="293"/>
      <c r="AS15" s="293"/>
      <c r="AT15" s="856" t="s">
        <v>652</v>
      </c>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13</v>
      </c>
      <c r="B16" s="484"/>
      <c r="C16" s="484"/>
      <c r="D16" s="484"/>
      <c r="E16" s="485"/>
      <c r="F16" s="345"/>
      <c r="G16" s="346"/>
      <c r="H16" s="346"/>
      <c r="I16" s="346"/>
      <c r="J16" s="346"/>
      <c r="K16" s="346"/>
      <c r="L16" s="346"/>
      <c r="M16" s="346"/>
      <c r="N16" s="523"/>
      <c r="O16" s="418"/>
      <c r="P16" s="419"/>
      <c r="Q16" s="376"/>
      <c r="R16" s="377"/>
      <c r="S16" s="377"/>
      <c r="T16" s="377"/>
      <c r="U16" s="371"/>
      <c r="V16" s="371"/>
      <c r="W16" s="371"/>
      <c r="X16" s="371"/>
      <c r="Y16" s="371"/>
      <c r="Z16" s="371"/>
      <c r="AA16" s="371"/>
      <c r="AB16" s="371"/>
      <c r="AC16" s="371"/>
      <c r="AD16" s="371"/>
      <c r="AE16" s="371"/>
      <c r="AF16" s="371"/>
      <c r="AG16" s="371"/>
      <c r="AH16" s="371"/>
      <c r="AI16" s="371"/>
      <c r="AJ16" s="371"/>
      <c r="AK16" s="371"/>
      <c r="AL16" s="527"/>
      <c r="AM16" s="5"/>
      <c r="AN16" s="295"/>
      <c r="AO16" s="296"/>
      <c r="AP16" s="296"/>
      <c r="AQ16" s="296"/>
      <c r="AR16" s="296"/>
      <c r="AS16" s="296"/>
      <c r="AT16" s="856"/>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c r="G17" s="369"/>
      <c r="H17" s="369"/>
      <c r="I17" s="369"/>
      <c r="J17" s="369"/>
      <c r="K17" s="369"/>
      <c r="L17" s="369"/>
      <c r="M17" s="369"/>
      <c r="N17" s="523"/>
      <c r="O17" s="418"/>
      <c r="P17" s="419"/>
      <c r="Q17" s="376"/>
      <c r="R17" s="377"/>
      <c r="S17" s="377"/>
      <c r="T17" s="377"/>
      <c r="U17" s="371"/>
      <c r="V17" s="371"/>
      <c r="W17" s="371"/>
      <c r="X17" s="371"/>
      <c r="Y17" s="371"/>
      <c r="Z17" s="371"/>
      <c r="AA17" s="371"/>
      <c r="AB17" s="371"/>
      <c r="AC17" s="371"/>
      <c r="AD17" s="371"/>
      <c r="AE17" s="371"/>
      <c r="AF17" s="371"/>
      <c r="AG17" s="371"/>
      <c r="AH17" s="371"/>
      <c r="AI17" s="371"/>
      <c r="AJ17" s="371"/>
      <c r="AK17" s="371"/>
      <c r="AL17" s="527"/>
      <c r="AM17" s="5"/>
      <c r="AN17" s="292" t="s">
        <v>221</v>
      </c>
      <c r="AO17" s="293"/>
      <c r="AP17" s="293"/>
      <c r="AQ17" s="293"/>
      <c r="AR17" s="293"/>
      <c r="AS17" s="293"/>
      <c r="AT17" s="856" t="s">
        <v>1045</v>
      </c>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6"/>
      <c r="R18" s="377"/>
      <c r="S18" s="377"/>
      <c r="T18" s="377"/>
      <c r="U18" s="371"/>
      <c r="V18" s="371"/>
      <c r="W18" s="371"/>
      <c r="X18" s="371"/>
      <c r="Y18" s="371"/>
      <c r="Z18" s="371"/>
      <c r="AA18" s="371"/>
      <c r="AB18" s="371"/>
      <c r="AC18" s="371"/>
      <c r="AD18" s="371"/>
      <c r="AE18" s="371"/>
      <c r="AF18" s="371"/>
      <c r="AG18" s="371"/>
      <c r="AH18" s="371"/>
      <c r="AI18" s="371"/>
      <c r="AJ18" s="371"/>
      <c r="AK18" s="371"/>
      <c r="AL18" s="527"/>
      <c r="AM18" s="5"/>
      <c r="AN18" s="295"/>
      <c r="AO18" s="296"/>
      <c r="AP18" s="296"/>
      <c r="AQ18" s="296"/>
      <c r="AR18" s="296"/>
      <c r="AS18" s="296"/>
      <c r="AT18" s="856"/>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345" t="s">
        <v>520</v>
      </c>
      <c r="G19" s="346"/>
      <c r="H19" s="346"/>
      <c r="I19" s="346"/>
      <c r="J19" s="346"/>
      <c r="K19" s="346"/>
      <c r="L19" s="346"/>
      <c r="M19" s="346"/>
      <c r="N19" s="523"/>
      <c r="O19" s="418"/>
      <c r="P19" s="419"/>
      <c r="Q19" s="376"/>
      <c r="R19" s="377"/>
      <c r="S19" s="377"/>
      <c r="T19" s="377"/>
      <c r="U19" s="371"/>
      <c r="V19" s="371"/>
      <c r="W19" s="371"/>
      <c r="X19" s="371"/>
      <c r="Y19" s="371"/>
      <c r="Z19" s="371"/>
      <c r="AA19" s="371"/>
      <c r="AB19" s="371"/>
      <c r="AC19" s="371"/>
      <c r="AD19" s="371"/>
      <c r="AE19" s="371"/>
      <c r="AF19" s="371"/>
      <c r="AG19" s="371"/>
      <c r="AH19" s="371"/>
      <c r="AI19" s="371"/>
      <c r="AJ19" s="371"/>
      <c r="AK19" s="371"/>
      <c r="AL19" s="527"/>
      <c r="AM19" s="5"/>
      <c r="AN19" s="292" t="s">
        <v>222</v>
      </c>
      <c r="AO19" s="293"/>
      <c r="AP19" s="293"/>
      <c r="AQ19" s="293"/>
      <c r="AR19" s="293"/>
      <c r="AS19" s="293"/>
      <c r="AT19" s="856" t="s">
        <v>1516</v>
      </c>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98" t="s">
        <v>520</v>
      </c>
      <c r="G20" s="369"/>
      <c r="H20" s="369"/>
      <c r="I20" s="369"/>
      <c r="J20" s="369"/>
      <c r="K20" s="369"/>
      <c r="L20" s="369"/>
      <c r="M20" s="369"/>
      <c r="N20" s="523"/>
      <c r="O20" s="418"/>
      <c r="P20" s="419"/>
      <c r="Q20" s="376"/>
      <c r="R20" s="377"/>
      <c r="S20" s="377"/>
      <c r="T20" s="377"/>
      <c r="U20" s="371"/>
      <c r="V20" s="371"/>
      <c r="W20" s="371"/>
      <c r="X20" s="371"/>
      <c r="Y20" s="371"/>
      <c r="Z20" s="371"/>
      <c r="AA20" s="371"/>
      <c r="AB20" s="371"/>
      <c r="AC20" s="371"/>
      <c r="AD20" s="371"/>
      <c r="AE20" s="371"/>
      <c r="AF20" s="371"/>
      <c r="AG20" s="371"/>
      <c r="AH20" s="371"/>
      <c r="AI20" s="371"/>
      <c r="AJ20" s="371"/>
      <c r="AK20" s="371"/>
      <c r="AL20" s="527"/>
      <c r="AM20" s="5"/>
      <c r="AN20" s="436"/>
      <c r="AO20" s="437"/>
      <c r="AP20" s="437"/>
      <c r="AQ20" s="437"/>
      <c r="AR20" s="437"/>
      <c r="AS20" s="437"/>
      <c r="AT20" s="856"/>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657"/>
      <c r="R21" s="658"/>
      <c r="S21" s="658"/>
      <c r="T21" s="658"/>
      <c r="U21" s="1188"/>
      <c r="V21" s="1188"/>
      <c r="W21" s="1188"/>
      <c r="X21" s="1188"/>
      <c r="Y21" s="1188"/>
      <c r="Z21" s="1188"/>
      <c r="AA21" s="1188"/>
      <c r="AB21" s="1188"/>
      <c r="AC21" s="1188"/>
      <c r="AD21" s="1188"/>
      <c r="AE21" s="1188"/>
      <c r="AF21" s="1188"/>
      <c r="AG21" s="1188"/>
      <c r="AH21" s="1188"/>
      <c r="AI21" s="1188"/>
      <c r="AJ21" s="1188"/>
      <c r="AK21" s="1188"/>
      <c r="AL21" s="1339"/>
      <c r="AM21" s="5"/>
      <c r="AN21" s="295"/>
      <c r="AO21" s="296"/>
      <c r="AP21" s="296"/>
      <c r="AQ21" s="296"/>
      <c r="AR21" s="296"/>
      <c r="AS21" s="296"/>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844" t="s">
        <v>1306</v>
      </c>
      <c r="G22" s="845"/>
      <c r="H22" s="845"/>
      <c r="I22" s="845"/>
      <c r="J22" s="845"/>
      <c r="K22" s="845"/>
      <c r="L22" s="845"/>
      <c r="M22" s="845"/>
      <c r="N22" s="523"/>
      <c r="O22" s="1031" t="s">
        <v>258</v>
      </c>
      <c r="P22" s="1031"/>
      <c r="Q22" s="916" t="s">
        <v>1046</v>
      </c>
      <c r="R22" s="917"/>
      <c r="S22" s="917"/>
      <c r="T22" s="917"/>
      <c r="U22" s="917"/>
      <c r="V22" s="917"/>
      <c r="W22" s="917"/>
      <c r="X22" s="917"/>
      <c r="Y22" s="917"/>
      <c r="Z22" s="917"/>
      <c r="AA22" s="917"/>
      <c r="AB22" s="917"/>
      <c r="AC22" s="917"/>
      <c r="AD22" s="917"/>
      <c r="AE22" s="917"/>
      <c r="AF22" s="917"/>
      <c r="AG22" s="917"/>
      <c r="AH22" s="917"/>
      <c r="AI22" s="917"/>
      <c r="AJ22" s="917"/>
      <c r="AK22" s="917"/>
      <c r="AL22" s="918"/>
      <c r="AM22" s="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3" ph="1"/>
      <c r="CR22" s="3" ph="1"/>
      <c r="CS22" s="3" ph="1"/>
      <c r="CT22" s="3" ph="1"/>
      <c r="CU22" s="3" ph="1"/>
      <c r="CV22" s="3" ph="1"/>
    </row>
    <row r="23" spans="1:100" ht="17.25" customHeight="1" x14ac:dyDescent="0.15">
      <c r="A23" s="328"/>
      <c r="B23" s="328"/>
      <c r="C23" s="328"/>
      <c r="D23" s="328"/>
      <c r="E23" s="328"/>
      <c r="F23" s="336" t="s">
        <v>1304</v>
      </c>
      <c r="G23" s="337"/>
      <c r="H23" s="337"/>
      <c r="I23" s="337"/>
      <c r="J23" s="337"/>
      <c r="K23" s="337"/>
      <c r="L23" s="337"/>
      <c r="M23" s="338"/>
      <c r="N23" s="523"/>
      <c r="O23" s="1031"/>
      <c r="P23" s="1031"/>
      <c r="Q23" s="342">
        <v>31472</v>
      </c>
      <c r="R23" s="343"/>
      <c r="S23" s="343"/>
      <c r="T23" s="343"/>
      <c r="U23" s="343"/>
      <c r="V23" s="343"/>
      <c r="W23" s="343"/>
      <c r="X23" s="343"/>
      <c r="Y23" s="343"/>
      <c r="Z23" s="343"/>
      <c r="AA23" s="343"/>
      <c r="AB23" s="343"/>
      <c r="AC23" s="343"/>
      <c r="AD23" s="343"/>
      <c r="AE23" s="343"/>
      <c r="AF23" s="343"/>
      <c r="AG23" s="343"/>
      <c r="AH23" s="343"/>
      <c r="AI23" s="343"/>
      <c r="AJ23" s="343"/>
      <c r="AK23" s="343"/>
      <c r="AL23" s="344"/>
      <c r="AM23" s="5"/>
      <c r="AN23" s="2" t="s">
        <v>16</v>
      </c>
      <c r="AO23" s="487" t="s">
        <v>760</v>
      </c>
      <c r="AP23" s="487"/>
      <c r="AQ23" s="487"/>
      <c r="AR23" s="487"/>
      <c r="AS23" s="487"/>
      <c r="AT23" s="487"/>
      <c r="AU23" s="487"/>
      <c r="AV23" s="487"/>
      <c r="AW23" s="487"/>
      <c r="AX23" s="487"/>
      <c r="AY23" s="487"/>
      <c r="AZ23" s="487"/>
      <c r="BA23" s="487"/>
      <c r="BB23" s="487"/>
      <c r="BC23" s="487"/>
      <c r="BD23" s="487"/>
      <c r="BE23" s="487"/>
      <c r="BF23" s="487"/>
      <c r="BG23" s="487"/>
      <c r="BH23" s="487"/>
      <c r="BI23" s="487"/>
      <c r="BJ23" s="487"/>
      <c r="BK23" s="487"/>
      <c r="BL23" s="487"/>
      <c r="BM23" s="487"/>
      <c r="BN23" s="487"/>
      <c r="BO23" s="487"/>
      <c r="BP23" s="487"/>
      <c r="BQ23" s="487"/>
      <c r="BR23" s="487"/>
      <c r="BS23" s="487"/>
      <c r="BT23" s="487"/>
      <c r="BU23" s="487"/>
      <c r="BV23" s="487"/>
      <c r="BW23" s="487"/>
      <c r="BX23" s="487"/>
      <c r="BY23" s="487"/>
      <c r="BZ23" s="487"/>
      <c r="CA23" s="487"/>
      <c r="CB23" s="487"/>
      <c r="CC23" s="487"/>
      <c r="CD23" s="487"/>
      <c r="CE23" s="487"/>
      <c r="CF23" s="487"/>
      <c r="CG23" s="487"/>
      <c r="CH23" s="487"/>
      <c r="CI23" s="487"/>
      <c r="CJ23" s="487"/>
      <c r="CK23" s="487"/>
      <c r="CL23" s="487"/>
      <c r="CM23" s="488"/>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1091" t="s">
        <v>1047</v>
      </c>
      <c r="R24" s="1198"/>
      <c r="S24" s="1198"/>
      <c r="T24" s="1198"/>
      <c r="U24" s="1198"/>
      <c r="V24" s="1198"/>
      <c r="W24" s="1198"/>
      <c r="X24" s="1198"/>
      <c r="Y24" s="1198"/>
      <c r="Z24" s="1198"/>
      <c r="AA24" s="1198"/>
      <c r="AB24" s="1198"/>
      <c r="AC24" s="1198"/>
      <c r="AD24" s="1198"/>
      <c r="AE24" s="1198"/>
      <c r="AF24" s="1198"/>
      <c r="AG24" s="1198"/>
      <c r="AH24" s="1198"/>
      <c r="AI24" s="1198"/>
      <c r="AJ24" s="1198"/>
      <c r="AK24" s="1198"/>
      <c r="AL24" s="1199"/>
      <c r="AM24" s="5"/>
      <c r="AN24" s="37" t="s">
        <v>16</v>
      </c>
      <c r="AO24" s="655" t="s">
        <v>761</v>
      </c>
      <c r="AP24" s="655"/>
      <c r="AQ24" s="655"/>
      <c r="AR24" s="655"/>
      <c r="AS24" s="655"/>
      <c r="AT24" s="655"/>
      <c r="AU24" s="655"/>
      <c r="AV24" s="655"/>
      <c r="AW24" s="655"/>
      <c r="AX24" s="655"/>
      <c r="AY24" s="655"/>
      <c r="AZ24" s="655"/>
      <c r="BA24" s="655"/>
      <c r="BB24" s="655"/>
      <c r="BC24" s="655"/>
      <c r="BD24" s="655"/>
      <c r="BE24" s="655"/>
      <c r="BF24" s="655"/>
      <c r="BG24" s="655"/>
      <c r="BH24" s="655"/>
      <c r="BI24" s="655"/>
      <c r="BJ24" s="655"/>
      <c r="BK24" s="655"/>
      <c r="BL24" s="655"/>
      <c r="BM24" s="655"/>
      <c r="BN24" s="655"/>
      <c r="BO24" s="655"/>
      <c r="BP24" s="655"/>
      <c r="BQ24" s="655"/>
      <c r="BR24" s="655"/>
      <c r="BS24" s="655"/>
      <c r="BT24" s="655"/>
      <c r="BU24" s="655"/>
      <c r="BV24" s="655"/>
      <c r="BW24" s="655"/>
      <c r="BX24" s="655"/>
      <c r="BY24" s="655"/>
      <c r="BZ24" s="655"/>
      <c r="CA24" s="655"/>
      <c r="CB24" s="655"/>
      <c r="CC24" s="655"/>
      <c r="CD24" s="655"/>
      <c r="CE24" s="655"/>
      <c r="CF24" s="655"/>
      <c r="CG24" s="655"/>
      <c r="CH24" s="655"/>
      <c r="CI24" s="655"/>
      <c r="CJ24" s="655"/>
      <c r="CK24" s="655"/>
      <c r="CL24" s="655"/>
      <c r="CM24" s="656"/>
      <c r="CQ24" s="3" ph="1"/>
      <c r="CR24" s="3" ph="1"/>
      <c r="CS24" s="3" ph="1"/>
      <c r="CT24" s="3" ph="1"/>
      <c r="CU24" s="3" ph="1"/>
      <c r="CV24" s="3" ph="1"/>
    </row>
    <row r="25" spans="1:100" ht="17.25" customHeight="1" x14ac:dyDescent="0.15">
      <c r="A25" s="328" t="s">
        <v>263</v>
      </c>
      <c r="B25" s="328"/>
      <c r="C25" s="328"/>
      <c r="D25" s="328"/>
      <c r="E25" s="328"/>
      <c r="F25" s="330" t="s">
        <v>1307</v>
      </c>
      <c r="G25" s="331"/>
      <c r="H25" s="331"/>
      <c r="I25" s="331"/>
      <c r="J25" s="331"/>
      <c r="K25" s="331"/>
      <c r="L25" s="331"/>
      <c r="M25" s="331"/>
      <c r="N25" s="523"/>
      <c r="O25" s="428"/>
      <c r="P25" s="428"/>
      <c r="Q25" s="342">
        <v>31472</v>
      </c>
      <c r="R25" s="343"/>
      <c r="S25" s="343"/>
      <c r="T25" s="343"/>
      <c r="U25" s="343"/>
      <c r="V25" s="343"/>
      <c r="W25" s="343"/>
      <c r="X25" s="343"/>
      <c r="Y25" s="343"/>
      <c r="Z25" s="343"/>
      <c r="AA25" s="343"/>
      <c r="AB25" s="343"/>
      <c r="AC25" s="343"/>
      <c r="AD25" s="343"/>
      <c r="AE25" s="343"/>
      <c r="AF25" s="343"/>
      <c r="AG25" s="343"/>
      <c r="AH25" s="343"/>
      <c r="AI25" s="343"/>
      <c r="AJ25" s="343"/>
      <c r="AK25" s="343"/>
      <c r="AL25" s="344"/>
      <c r="AM25" s="5"/>
      <c r="AN25" s="37" t="s">
        <v>16</v>
      </c>
      <c r="AO25" s="1132" t="s">
        <v>762</v>
      </c>
      <c r="AP25" s="1132"/>
      <c r="AQ25" s="1132"/>
      <c r="AR25" s="1132"/>
      <c r="AS25" s="1132"/>
      <c r="AT25" s="1132"/>
      <c r="AU25" s="1132"/>
      <c r="AV25" s="1132"/>
      <c r="AW25" s="1132"/>
      <c r="AX25" s="1132"/>
      <c r="AY25" s="1132"/>
      <c r="AZ25" s="1132"/>
      <c r="BA25" s="1132"/>
      <c r="BB25" s="1132"/>
      <c r="BC25" s="1132"/>
      <c r="BD25" s="1132"/>
      <c r="BE25" s="1132"/>
      <c r="BF25" s="1132"/>
      <c r="BG25" s="1132"/>
      <c r="BH25" s="1132"/>
      <c r="BI25" s="1132"/>
      <c r="BJ25" s="1132"/>
      <c r="BK25" s="1132"/>
      <c r="BL25" s="1132"/>
      <c r="BM25" s="1132"/>
      <c r="BN25" s="1132"/>
      <c r="BO25" s="1132"/>
      <c r="BP25" s="1132"/>
      <c r="BQ25" s="1132"/>
      <c r="BR25" s="1132"/>
      <c r="BS25" s="1132"/>
      <c r="BT25" s="1132"/>
      <c r="BU25" s="1132"/>
      <c r="BV25" s="1132"/>
      <c r="BW25" s="1132"/>
      <c r="BX25" s="1132"/>
      <c r="BY25" s="1132"/>
      <c r="BZ25" s="1132"/>
      <c r="CA25" s="1132"/>
      <c r="CB25" s="1132"/>
      <c r="CC25" s="1132"/>
      <c r="CD25" s="1132"/>
      <c r="CE25" s="1132"/>
      <c r="CF25" s="1132"/>
      <c r="CG25" s="1132"/>
      <c r="CH25" s="1132"/>
      <c r="CI25" s="1132"/>
      <c r="CJ25" s="1132"/>
      <c r="CK25" s="1132"/>
      <c r="CL25" s="1132"/>
      <c r="CM25" s="1133"/>
      <c r="CQ25" s="3" ph="1"/>
      <c r="CR25" s="3" ph="1"/>
      <c r="CS25" s="3" ph="1"/>
      <c r="CT25" s="3" ph="1"/>
      <c r="CU25" s="3" ph="1"/>
      <c r="CV25" s="3" ph="1"/>
    </row>
    <row r="26" spans="1:100" ht="17.25" customHeight="1" x14ac:dyDescent="0.15">
      <c r="A26" s="328"/>
      <c r="B26" s="328"/>
      <c r="C26" s="328"/>
      <c r="D26" s="328"/>
      <c r="E26" s="328"/>
      <c r="F26" s="336" t="s">
        <v>1305</v>
      </c>
      <c r="G26" s="337"/>
      <c r="H26" s="337"/>
      <c r="I26" s="337"/>
      <c r="J26" s="337"/>
      <c r="K26" s="337"/>
      <c r="L26" s="337"/>
      <c r="M26" s="338"/>
      <c r="N26" s="523"/>
      <c r="O26" s="428" t="s">
        <v>264</v>
      </c>
      <c r="P26" s="428"/>
      <c r="Q26" s="486" t="s">
        <v>549</v>
      </c>
      <c r="R26" s="487"/>
      <c r="S26" s="487"/>
      <c r="T26" s="487"/>
      <c r="U26" s="487"/>
      <c r="V26" s="487"/>
      <c r="W26" s="487"/>
      <c r="X26" s="487"/>
      <c r="Y26" s="487"/>
      <c r="Z26" s="487"/>
      <c r="AA26" s="487"/>
      <c r="AB26" s="487"/>
      <c r="AC26" s="487"/>
      <c r="AD26" s="487"/>
      <c r="AE26" s="487"/>
      <c r="AF26" s="487"/>
      <c r="AG26" s="487"/>
      <c r="AH26" s="487"/>
      <c r="AI26" s="487"/>
      <c r="AJ26" s="487"/>
      <c r="AK26" s="487"/>
      <c r="AL26" s="488"/>
      <c r="AM26" s="5"/>
      <c r="AN26" s="37" t="s">
        <v>16</v>
      </c>
      <c r="AO26" s="556" t="s">
        <v>763</v>
      </c>
      <c r="AP26" s="556"/>
      <c r="AQ26" s="556"/>
      <c r="AR26" s="556"/>
      <c r="AS26" s="556"/>
      <c r="AT26" s="556"/>
      <c r="AU26" s="556"/>
      <c r="AV26" s="556"/>
      <c r="AW26" s="556"/>
      <c r="AX26" s="556"/>
      <c r="AY26" s="556"/>
      <c r="AZ26" s="556"/>
      <c r="BA26" s="556"/>
      <c r="BB26" s="556"/>
      <c r="BC26" s="556"/>
      <c r="BD26" s="556"/>
      <c r="BE26" s="556"/>
      <c r="BF26" s="556"/>
      <c r="BG26" s="556"/>
      <c r="BH26" s="556"/>
      <c r="BI26" s="556"/>
      <c r="BJ26" s="556"/>
      <c r="BK26" s="556"/>
      <c r="BL26" s="556"/>
      <c r="BM26" s="556"/>
      <c r="BN26" s="556"/>
      <c r="BO26" s="556"/>
      <c r="BP26" s="556"/>
      <c r="BQ26" s="556"/>
      <c r="BR26" s="556"/>
      <c r="BS26" s="556"/>
      <c r="BT26" s="556"/>
      <c r="BU26" s="556"/>
      <c r="BV26" s="556"/>
      <c r="BW26" s="556"/>
      <c r="BX26" s="556"/>
      <c r="BY26" s="556"/>
      <c r="BZ26" s="556"/>
      <c r="CA26" s="556"/>
      <c r="CB26" s="556"/>
      <c r="CC26" s="556"/>
      <c r="CD26" s="556"/>
      <c r="CE26" s="556"/>
      <c r="CF26" s="556"/>
      <c r="CG26" s="556"/>
      <c r="CH26" s="556"/>
      <c r="CI26" s="556"/>
      <c r="CJ26" s="556"/>
      <c r="CK26" s="556"/>
      <c r="CL26" s="556"/>
      <c r="CM26" s="557"/>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42">
        <v>31472</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17" t="s">
        <v>16</v>
      </c>
      <c r="AO27" s="552" t="s">
        <v>764</v>
      </c>
      <c r="AP27" s="552"/>
      <c r="AQ27" s="552"/>
      <c r="AR27" s="552"/>
      <c r="AS27" s="552"/>
      <c r="AT27" s="552"/>
      <c r="AU27" s="552"/>
      <c r="AV27" s="552"/>
      <c r="AW27" s="552"/>
      <c r="AX27" s="552"/>
      <c r="AY27" s="552"/>
      <c r="AZ27" s="552"/>
      <c r="BA27" s="552"/>
      <c r="BB27" s="552"/>
      <c r="BC27" s="552"/>
      <c r="BD27" s="552"/>
      <c r="BE27" s="552"/>
      <c r="BF27" s="552"/>
      <c r="BG27" s="552"/>
      <c r="BH27" s="552"/>
      <c r="BI27" s="552"/>
      <c r="BJ27" s="552"/>
      <c r="BK27" s="552"/>
      <c r="BL27" s="552"/>
      <c r="BM27" s="552"/>
      <c r="BN27" s="552"/>
      <c r="BO27" s="552"/>
      <c r="BP27" s="552"/>
      <c r="BQ27" s="552"/>
      <c r="BR27" s="552"/>
      <c r="BS27" s="552"/>
      <c r="BT27" s="552"/>
      <c r="BU27" s="552"/>
      <c r="BV27" s="552"/>
      <c r="BW27" s="552"/>
      <c r="BX27" s="552"/>
      <c r="BY27" s="552"/>
      <c r="BZ27" s="552"/>
      <c r="CA27" s="552"/>
      <c r="CB27" s="552"/>
      <c r="CC27" s="552"/>
      <c r="CD27" s="552"/>
      <c r="CE27" s="552"/>
      <c r="CF27" s="552"/>
      <c r="CG27" s="552"/>
      <c r="CH27" s="552"/>
      <c r="CI27" s="552"/>
      <c r="CJ27" s="552"/>
      <c r="CK27" s="552"/>
      <c r="CL27" s="552"/>
      <c r="CM27" s="553"/>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653</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8" t="s">
        <v>16</v>
      </c>
      <c r="AO29" s="351" t="s">
        <v>1329</v>
      </c>
      <c r="AP29" s="351"/>
      <c r="AQ29" s="351"/>
      <c r="AR29" s="351"/>
      <c r="AS29" s="351"/>
      <c r="AT29" s="351"/>
      <c r="AU29" s="351"/>
      <c r="AV29" s="351"/>
      <c r="AW29" s="351"/>
      <c r="AX29" s="351"/>
      <c r="AY29" s="351"/>
      <c r="AZ29" s="351"/>
      <c r="BA29" s="351"/>
      <c r="BB29" s="351"/>
      <c r="BC29" s="351"/>
      <c r="BD29" s="351"/>
      <c r="BE29" s="351"/>
      <c r="BF29" s="351"/>
      <c r="BG29" s="351"/>
      <c r="BH29" s="351"/>
      <c r="BI29" s="351"/>
      <c r="BJ29" s="351"/>
      <c r="BK29" s="351"/>
      <c r="BL29" s="351"/>
      <c r="BM29" s="351"/>
      <c r="BN29" s="351"/>
      <c r="BO29" s="351"/>
      <c r="BP29" s="352"/>
      <c r="BQ29" s="53"/>
      <c r="BR29" s="101"/>
      <c r="BS29" s="15"/>
      <c r="BT29" s="1"/>
      <c r="BU29" s="1"/>
      <c r="BV29" s="1"/>
      <c r="BW29" s="1"/>
      <c r="BX29" s="1"/>
      <c r="BY29" s="1"/>
      <c r="BZ29" s="129"/>
      <c r="CA29" s="129"/>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9" t="s">
        <v>16</v>
      </c>
      <c r="AO30" s="351" t="s">
        <v>1330</v>
      </c>
      <c r="AP30" s="351"/>
      <c r="AQ30" s="351"/>
      <c r="AR30" s="351"/>
      <c r="AS30" s="351"/>
      <c r="AT30" s="351"/>
      <c r="AU30" s="351"/>
      <c r="AV30" s="351"/>
      <c r="AW30" s="351"/>
      <c r="AX30" s="351"/>
      <c r="AY30" s="351"/>
      <c r="AZ30" s="351"/>
      <c r="BA30" s="351"/>
      <c r="BB30" s="351"/>
      <c r="BC30" s="351"/>
      <c r="BD30" s="351"/>
      <c r="BE30" s="351"/>
      <c r="BF30" s="351"/>
      <c r="BG30" s="351"/>
      <c r="BH30" s="351"/>
      <c r="BI30" s="351"/>
      <c r="BJ30" s="351"/>
      <c r="BK30" s="351"/>
      <c r="BL30" s="351"/>
      <c r="BM30" s="351"/>
      <c r="BN30" s="351"/>
      <c r="BO30" s="351"/>
      <c r="BP30" s="352"/>
      <c r="BQ30" s="53"/>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9" t="s">
        <v>16</v>
      </c>
      <c r="AO31" s="351" t="s">
        <v>1513</v>
      </c>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54"/>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9" t="s">
        <v>16</v>
      </c>
      <c r="AO32" s="351" t="s">
        <v>1514</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53"/>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472"/>
      <c r="B33" s="473"/>
      <c r="C33" s="473"/>
      <c r="D33" s="473"/>
      <c r="E33" s="473"/>
      <c r="F33" s="473"/>
      <c r="G33" s="473"/>
      <c r="H33" s="473"/>
      <c r="I33" s="473"/>
      <c r="J33" s="473"/>
      <c r="K33" s="473"/>
      <c r="L33" s="473"/>
      <c r="M33" s="473"/>
      <c r="N33" s="473"/>
      <c r="O33" s="473"/>
      <c r="P33" s="473"/>
      <c r="Q33" s="473"/>
      <c r="R33" s="473"/>
      <c r="S33" s="473"/>
      <c r="T33" s="473"/>
      <c r="U33" s="473"/>
      <c r="V33" s="473"/>
      <c r="W33" s="473"/>
      <c r="X33" s="473"/>
      <c r="Y33" s="473"/>
      <c r="Z33" s="473"/>
      <c r="AA33" s="473"/>
      <c r="AB33" s="473"/>
      <c r="AC33" s="473"/>
      <c r="AD33" s="473"/>
      <c r="AE33" s="473"/>
      <c r="AF33" s="473"/>
      <c r="AG33" s="473"/>
      <c r="AH33" s="473"/>
      <c r="AI33" s="473"/>
      <c r="AJ33" s="473"/>
      <c r="AK33" s="473"/>
      <c r="AL33" s="474"/>
      <c r="AM33" s="5"/>
      <c r="AN33" s="40" t="s">
        <v>16</v>
      </c>
      <c r="AO33" s="1003" t="s">
        <v>1515</v>
      </c>
      <c r="AP33" s="1003"/>
      <c r="AQ33" s="1003"/>
      <c r="AR33" s="1003"/>
      <c r="AS33" s="1003"/>
      <c r="AT33" s="1003"/>
      <c r="AU33" s="1003"/>
      <c r="AV33" s="1003"/>
      <c r="AW33" s="1003"/>
      <c r="AX33" s="1003"/>
      <c r="AY33" s="1003"/>
      <c r="AZ33" s="1003"/>
      <c r="BA33" s="1003"/>
      <c r="BB33" s="1003"/>
      <c r="BC33" s="1003"/>
      <c r="BD33" s="1003"/>
      <c r="BE33" s="1003"/>
      <c r="BF33" s="1003"/>
      <c r="BG33" s="1003"/>
      <c r="BH33" s="1003"/>
      <c r="BI33" s="1003"/>
      <c r="BJ33" s="1003"/>
      <c r="BK33" s="1003"/>
      <c r="BL33" s="1003"/>
      <c r="BM33" s="1003"/>
      <c r="BN33" s="1003"/>
      <c r="BO33" s="1003"/>
      <c r="BP33" s="1004"/>
      <c r="BQ33" s="72"/>
      <c r="BR33" s="292" t="s">
        <v>267</v>
      </c>
      <c r="BS33" s="293"/>
      <c r="BT33" s="293"/>
      <c r="BU33" s="293"/>
      <c r="BV33" s="293"/>
      <c r="BW33" s="293"/>
      <c r="BX33" s="294"/>
      <c r="BY33" s="284">
        <v>310</v>
      </c>
      <c r="BZ33" s="285"/>
      <c r="CA33" s="285"/>
      <c r="CB33" s="285"/>
      <c r="CC33" s="285"/>
      <c r="CD33" s="285"/>
      <c r="CE33" s="285"/>
      <c r="CF33" s="285"/>
      <c r="CG33" s="288"/>
      <c r="CH33" s="1266">
        <v>2.98163</v>
      </c>
      <c r="CI33" s="1266"/>
      <c r="CJ33" s="1266"/>
      <c r="CK33" s="1266"/>
      <c r="CL33" s="1266"/>
      <c r="CM33" s="1266"/>
      <c r="CQ33" s="3" ph="1"/>
      <c r="CR33" s="3" ph="1"/>
      <c r="CS33" s="3" ph="1"/>
      <c r="CT33" s="3" ph="1"/>
      <c r="CU33" s="3" ph="1"/>
      <c r="CV33" s="3" ph="1"/>
    </row>
    <row r="34" spans="1:100" ht="17.25" customHeight="1" x14ac:dyDescent="0.15">
      <c r="A34" s="255" t="s">
        <v>274</v>
      </c>
      <c r="B34" s="255"/>
      <c r="C34" s="255"/>
      <c r="D34" s="255"/>
      <c r="E34" s="255"/>
      <c r="F34" s="255"/>
      <c r="G34" s="255"/>
      <c r="H34" s="255"/>
      <c r="I34" s="255"/>
      <c r="J34" s="255"/>
      <c r="K34" s="255"/>
      <c r="L34" s="255"/>
      <c r="M34" s="255"/>
      <c r="N34" s="151"/>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1266"/>
      <c r="CI34" s="1266"/>
      <c r="CJ34" s="1266"/>
      <c r="CK34" s="1266"/>
      <c r="CL34" s="1266"/>
      <c r="CM34" s="1266"/>
      <c r="CQ34" s="3" ph="1"/>
    </row>
    <row r="35" spans="1:100" ht="17.25" customHeight="1" x14ac:dyDescent="0.15">
      <c r="A35" s="311" t="s">
        <v>654</v>
      </c>
      <c r="B35" s="312"/>
      <c r="C35" s="312"/>
      <c r="D35" s="312"/>
      <c r="E35" s="312"/>
      <c r="F35" s="312"/>
      <c r="G35" s="312"/>
      <c r="H35" s="312"/>
      <c r="I35" s="312"/>
      <c r="J35" s="312"/>
      <c r="K35" s="312"/>
      <c r="L35" s="312"/>
      <c r="M35" s="313"/>
      <c r="N35" s="129"/>
      <c r="O35" s="973" t="s">
        <v>640</v>
      </c>
      <c r="P35" s="1269"/>
      <c r="Q35" s="1269"/>
      <c r="R35" s="1269"/>
      <c r="S35" s="1269"/>
      <c r="T35" s="1269"/>
      <c r="U35" s="1269"/>
      <c r="V35" s="1269"/>
      <c r="W35" s="1269"/>
      <c r="X35" s="1269"/>
      <c r="Y35" s="1269"/>
      <c r="Z35" s="1269"/>
      <c r="AA35" s="1269"/>
      <c r="AB35" s="1269"/>
      <c r="AC35" s="1269"/>
      <c r="AD35" s="1269"/>
      <c r="AE35" s="1269"/>
      <c r="AF35" s="1269"/>
      <c r="AG35" s="1269"/>
      <c r="AH35" s="1269"/>
      <c r="AI35" s="1269"/>
      <c r="AJ35" s="1269"/>
      <c r="AK35" s="1269"/>
      <c r="AL35" s="1270"/>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617</v>
      </c>
      <c r="BZ35" s="681"/>
      <c r="CA35" s="682"/>
      <c r="CB35" s="682"/>
      <c r="CC35" s="682"/>
      <c r="CD35" s="682"/>
      <c r="CE35" s="682"/>
      <c r="CF35" s="682"/>
      <c r="CG35" s="682"/>
      <c r="CH35" s="1267">
        <v>15.55256</v>
      </c>
      <c r="CI35" s="1267"/>
      <c r="CJ35" s="1267"/>
      <c r="CK35" s="1267"/>
      <c r="CL35" s="1267"/>
      <c r="CM35" s="1267"/>
      <c r="CQ35" s="3" ph="1"/>
    </row>
    <row r="36" spans="1:100" ht="17.25" customHeight="1" x14ac:dyDescent="0.15">
      <c r="A36" s="251">
        <v>31318</v>
      </c>
      <c r="B36" s="690"/>
      <c r="C36" s="690"/>
      <c r="D36" s="690"/>
      <c r="E36" s="690"/>
      <c r="F36" s="690"/>
      <c r="G36" s="690"/>
      <c r="H36" s="690"/>
      <c r="I36" s="690"/>
      <c r="J36" s="690"/>
      <c r="K36" s="690"/>
      <c r="L36" s="690"/>
      <c r="M36" s="691"/>
      <c r="N36" s="129"/>
      <c r="O36" s="813" t="s">
        <v>144</v>
      </c>
      <c r="P36" s="1226"/>
      <c r="Q36" s="1226"/>
      <c r="R36" s="1226"/>
      <c r="S36" s="1226"/>
      <c r="T36" s="1226"/>
      <c r="U36" s="1226"/>
      <c r="V36" s="1226"/>
      <c r="W36" s="1226"/>
      <c r="X36" s="1226"/>
      <c r="Y36" s="1226"/>
      <c r="Z36" s="1226"/>
      <c r="AA36" s="1226"/>
      <c r="AB36" s="1226"/>
      <c r="AC36" s="1226"/>
      <c r="AD36" s="1226"/>
      <c r="AE36" s="1226"/>
      <c r="AF36" s="1226"/>
      <c r="AG36" s="1226"/>
      <c r="AH36" s="1226"/>
      <c r="AI36" s="1226"/>
      <c r="AJ36" s="1226"/>
      <c r="AK36" s="1226"/>
      <c r="AL36" s="1227"/>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1267"/>
      <c r="CI36" s="1267"/>
      <c r="CJ36" s="1267"/>
      <c r="CK36" s="1267"/>
      <c r="CL36" s="1267"/>
      <c r="CM36" s="1267"/>
      <c r="CQ36" s="3" ph="1"/>
    </row>
    <row r="37" spans="1:100" ht="17.25" customHeight="1" x14ac:dyDescent="0.15">
      <c r="A37" s="324" t="s">
        <v>655</v>
      </c>
      <c r="B37" s="692"/>
      <c r="C37" s="692"/>
      <c r="D37" s="692"/>
      <c r="E37" s="692"/>
      <c r="F37" s="692"/>
      <c r="G37" s="692"/>
      <c r="H37" s="692"/>
      <c r="I37" s="692"/>
      <c r="J37" s="692"/>
      <c r="K37" s="692"/>
      <c r="L37" s="692"/>
      <c r="M37" s="693"/>
      <c r="N37" s="129"/>
      <c r="O37" s="782" t="s">
        <v>230</v>
      </c>
      <c r="P37" s="1226"/>
      <c r="Q37" s="1226"/>
      <c r="R37" s="1226"/>
      <c r="S37" s="1226"/>
      <c r="T37" s="1226"/>
      <c r="U37" s="1226"/>
      <c r="V37" s="1226"/>
      <c r="W37" s="1226"/>
      <c r="X37" s="1226"/>
      <c r="Y37" s="1226"/>
      <c r="Z37" s="1226"/>
      <c r="AA37" s="1226"/>
      <c r="AB37" s="1226"/>
      <c r="AC37" s="1226"/>
      <c r="AD37" s="1226"/>
      <c r="AE37" s="1226"/>
      <c r="AF37" s="1226"/>
      <c r="AG37" s="1226"/>
      <c r="AH37" s="1226"/>
      <c r="AI37" s="1226"/>
      <c r="AJ37" s="1226"/>
      <c r="AK37" s="1226"/>
      <c r="AL37" s="1227"/>
      <c r="AM37" s="5"/>
      <c r="AN37" s="287" t="s">
        <v>399</v>
      </c>
      <c r="AO37" s="287"/>
      <c r="AP37" s="287"/>
      <c r="AQ37" s="287"/>
      <c r="AR37" s="287"/>
      <c r="AS37" s="287"/>
      <c r="AT37" s="287"/>
      <c r="AU37" s="287"/>
      <c r="AV37" s="287"/>
      <c r="AW37" s="681">
        <v>25026</v>
      </c>
      <c r="AX37" s="681"/>
      <c r="AY37" s="681"/>
      <c r="AZ37" s="681"/>
      <c r="BA37" s="681"/>
      <c r="BB37" s="681"/>
      <c r="BC37" s="681"/>
      <c r="BD37" s="681"/>
      <c r="BE37" s="681"/>
      <c r="BF37" s="681"/>
      <c r="BG37" s="681">
        <v>10763</v>
      </c>
      <c r="BH37" s="681"/>
      <c r="BI37" s="681"/>
      <c r="BJ37" s="681"/>
      <c r="BK37" s="681"/>
      <c r="BL37" s="681"/>
      <c r="BM37" s="681"/>
      <c r="BN37" s="681"/>
      <c r="BO37" s="681"/>
      <c r="BP37" s="681"/>
      <c r="BQ37" s="149"/>
      <c r="BR37" s="680" t="s">
        <v>273</v>
      </c>
      <c r="BS37" s="680"/>
      <c r="BT37" s="680"/>
      <c r="BU37" s="680"/>
      <c r="BV37" s="680"/>
      <c r="BW37" s="680"/>
      <c r="BX37" s="680"/>
      <c r="BY37" s="681">
        <v>8470</v>
      </c>
      <c r="BZ37" s="681"/>
      <c r="CA37" s="682"/>
      <c r="CB37" s="682"/>
      <c r="CC37" s="682"/>
      <c r="CD37" s="682"/>
      <c r="CE37" s="682"/>
      <c r="CF37" s="682"/>
      <c r="CG37" s="682"/>
      <c r="CH37" s="1267">
        <v>81.465810000000005</v>
      </c>
      <c r="CI37" s="1267"/>
      <c r="CJ37" s="1267"/>
      <c r="CK37" s="1267"/>
      <c r="CL37" s="1267"/>
      <c r="CM37" s="1267"/>
      <c r="CQ37" s="3" ph="1"/>
    </row>
    <row r="38" spans="1:100" ht="17.25" customHeight="1" x14ac:dyDescent="0.15">
      <c r="A38" s="251">
        <v>35965</v>
      </c>
      <c r="B38" s="690"/>
      <c r="C38" s="690"/>
      <c r="D38" s="690"/>
      <c r="E38" s="690"/>
      <c r="F38" s="690"/>
      <c r="G38" s="690"/>
      <c r="H38" s="690"/>
      <c r="I38" s="690"/>
      <c r="J38" s="690"/>
      <c r="K38" s="690"/>
      <c r="L38" s="690"/>
      <c r="M38" s="691"/>
      <c r="N38" s="152"/>
      <c r="O38" s="813" t="s">
        <v>209</v>
      </c>
      <c r="P38" s="1226"/>
      <c r="Q38" s="1226"/>
      <c r="R38" s="1226"/>
      <c r="S38" s="1226"/>
      <c r="T38" s="1226"/>
      <c r="U38" s="1226"/>
      <c r="V38" s="1226"/>
      <c r="W38" s="1226"/>
      <c r="X38" s="1226"/>
      <c r="Y38" s="1226"/>
      <c r="Z38" s="1226"/>
      <c r="AA38" s="1226"/>
      <c r="AB38" s="1226"/>
      <c r="AC38" s="1226"/>
      <c r="AD38" s="1226"/>
      <c r="AE38" s="1226"/>
      <c r="AF38" s="1226"/>
      <c r="AG38" s="1226"/>
      <c r="AH38" s="1226"/>
      <c r="AI38" s="1226"/>
      <c r="AJ38" s="1226"/>
      <c r="AK38" s="1226"/>
      <c r="AL38" s="1227"/>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1267"/>
      <c r="CI38" s="1267"/>
      <c r="CJ38" s="1267"/>
      <c r="CK38" s="1267"/>
      <c r="CL38" s="1267"/>
      <c r="CM38" s="1267"/>
      <c r="CQ38" s="3" ph="1"/>
    </row>
    <row r="39" spans="1:100" ht="17.25" customHeight="1" x14ac:dyDescent="0.15">
      <c r="A39" s="216" t="s">
        <v>656</v>
      </c>
      <c r="B39" s="692"/>
      <c r="C39" s="692"/>
      <c r="D39" s="692"/>
      <c r="E39" s="692"/>
      <c r="F39" s="692"/>
      <c r="G39" s="692"/>
      <c r="H39" s="692"/>
      <c r="I39" s="692"/>
      <c r="J39" s="692"/>
      <c r="K39" s="692"/>
      <c r="L39" s="692"/>
      <c r="M39" s="693"/>
      <c r="N39" s="144"/>
      <c r="O39" s="782" t="s">
        <v>657</v>
      </c>
      <c r="P39" s="1226"/>
      <c r="Q39" s="1226"/>
      <c r="R39" s="1226"/>
      <c r="S39" s="1226"/>
      <c r="T39" s="1226"/>
      <c r="U39" s="1226"/>
      <c r="V39" s="1226"/>
      <c r="W39" s="1226"/>
      <c r="X39" s="1226"/>
      <c r="Y39" s="1226"/>
      <c r="Z39" s="1226"/>
      <c r="AA39" s="1226"/>
      <c r="AB39" s="1226"/>
      <c r="AC39" s="1226"/>
      <c r="AD39" s="1226"/>
      <c r="AE39" s="1226"/>
      <c r="AF39" s="1226"/>
      <c r="AG39" s="1226"/>
      <c r="AH39" s="1226"/>
      <c r="AI39" s="1226"/>
      <c r="AJ39" s="1226"/>
      <c r="AK39" s="1226"/>
      <c r="AL39" s="1227"/>
      <c r="AM39" s="5"/>
      <c r="AN39" s="300" t="s">
        <v>1059</v>
      </c>
      <c r="AO39" s="300"/>
      <c r="AP39" s="300"/>
      <c r="AQ39" s="300"/>
      <c r="AR39" s="300"/>
      <c r="AS39" s="300"/>
      <c r="AT39" s="300"/>
      <c r="AU39" s="300"/>
      <c r="AV39" s="300"/>
      <c r="AW39" s="681">
        <v>23426</v>
      </c>
      <c r="AX39" s="681"/>
      <c r="AY39" s="681"/>
      <c r="AZ39" s="682"/>
      <c r="BA39" s="682"/>
      <c r="BB39" s="682"/>
      <c r="BC39" s="682"/>
      <c r="BD39" s="682"/>
      <c r="BE39" s="682"/>
      <c r="BF39" s="682"/>
      <c r="BG39" s="681">
        <v>10696</v>
      </c>
      <c r="BH39" s="681"/>
      <c r="BI39" s="681"/>
      <c r="BJ39" s="681"/>
      <c r="BK39" s="681"/>
      <c r="BL39" s="681"/>
      <c r="BM39" s="681"/>
      <c r="BN39" s="681"/>
      <c r="BO39" s="681"/>
      <c r="BP39" s="681"/>
      <c r="BQ39" s="149"/>
      <c r="BR39" s="301" t="s">
        <v>1119</v>
      </c>
      <c r="BS39" s="293"/>
      <c r="BT39" s="293"/>
      <c r="BU39" s="293"/>
      <c r="BV39" s="293"/>
      <c r="BW39" s="293"/>
      <c r="BX39" s="294"/>
      <c r="BY39" s="681">
        <v>10554</v>
      </c>
      <c r="BZ39" s="681"/>
      <c r="CA39" s="682"/>
      <c r="CB39" s="682"/>
      <c r="CC39" s="682"/>
      <c r="CD39" s="682"/>
      <c r="CE39" s="682"/>
      <c r="CF39" s="682"/>
      <c r="CG39" s="682"/>
      <c r="CH39" s="1267">
        <v>100</v>
      </c>
      <c r="CI39" s="1267"/>
      <c r="CJ39" s="1267"/>
      <c r="CK39" s="1267"/>
      <c r="CL39" s="1267"/>
      <c r="CM39" s="1267"/>
    </row>
    <row r="40" spans="1:100" ht="17.25" customHeight="1" x14ac:dyDescent="0.15">
      <c r="A40" s="251">
        <v>36427</v>
      </c>
      <c r="B40" s="690"/>
      <c r="C40" s="690"/>
      <c r="D40" s="690"/>
      <c r="E40" s="690"/>
      <c r="F40" s="690"/>
      <c r="G40" s="690"/>
      <c r="H40" s="690"/>
      <c r="I40" s="690"/>
      <c r="J40" s="690"/>
      <c r="K40" s="690"/>
      <c r="L40" s="690"/>
      <c r="M40" s="691"/>
      <c r="N40" s="143"/>
      <c r="O40" s="813" t="s">
        <v>1048</v>
      </c>
      <c r="P40" s="1226"/>
      <c r="Q40" s="1226"/>
      <c r="R40" s="1226"/>
      <c r="S40" s="1226"/>
      <c r="T40" s="1226"/>
      <c r="U40" s="1226"/>
      <c r="V40" s="1226"/>
      <c r="W40" s="1226"/>
      <c r="X40" s="1226"/>
      <c r="Y40" s="1226"/>
      <c r="Z40" s="1226"/>
      <c r="AA40" s="1226"/>
      <c r="AB40" s="1226"/>
      <c r="AC40" s="1226"/>
      <c r="AD40" s="1226"/>
      <c r="AE40" s="1226"/>
      <c r="AF40" s="1226"/>
      <c r="AG40" s="1226"/>
      <c r="AH40" s="1226"/>
      <c r="AI40" s="1226"/>
      <c r="AJ40" s="1226"/>
      <c r="AK40" s="1226"/>
      <c r="AL40" s="1227"/>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1267"/>
      <c r="CI40" s="1267"/>
      <c r="CJ40" s="1267"/>
      <c r="CK40" s="1267"/>
      <c r="CL40" s="1267"/>
      <c r="CM40" s="1267"/>
    </row>
    <row r="41" spans="1:100" ht="17.25" customHeight="1" x14ac:dyDescent="0.15">
      <c r="A41" s="216" t="s">
        <v>658</v>
      </c>
      <c r="B41" s="692"/>
      <c r="C41" s="692"/>
      <c r="D41" s="692"/>
      <c r="E41" s="692"/>
      <c r="F41" s="692"/>
      <c r="G41" s="692"/>
      <c r="H41" s="692"/>
      <c r="I41" s="692"/>
      <c r="J41" s="692"/>
      <c r="K41" s="692"/>
      <c r="L41" s="692"/>
      <c r="M41" s="693"/>
      <c r="N41" s="143"/>
      <c r="O41" s="782" t="s">
        <v>727</v>
      </c>
      <c r="P41" s="1226"/>
      <c r="Q41" s="1226"/>
      <c r="R41" s="1226"/>
      <c r="S41" s="1226"/>
      <c r="T41" s="1226"/>
      <c r="U41" s="1226"/>
      <c r="V41" s="1226"/>
      <c r="W41" s="1226"/>
      <c r="X41" s="1226"/>
      <c r="Y41" s="1226"/>
      <c r="Z41" s="1226"/>
      <c r="AA41" s="1226"/>
      <c r="AB41" s="1226"/>
      <c r="AC41" s="1226"/>
      <c r="AD41" s="1226"/>
      <c r="AE41" s="1226"/>
      <c r="AF41" s="1226"/>
      <c r="AG41" s="1226"/>
      <c r="AH41" s="1226"/>
      <c r="AI41" s="1226"/>
      <c r="AJ41" s="1226"/>
      <c r="AK41" s="1226"/>
      <c r="AL41" s="1227"/>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v>38992</v>
      </c>
      <c r="B42" s="690"/>
      <c r="C42" s="690"/>
      <c r="D42" s="690"/>
      <c r="E42" s="690"/>
      <c r="F42" s="690"/>
      <c r="G42" s="690"/>
      <c r="H42" s="690"/>
      <c r="I42" s="690"/>
      <c r="J42" s="690"/>
      <c r="K42" s="690"/>
      <c r="L42" s="690"/>
      <c r="M42" s="691"/>
      <c r="N42" s="143"/>
      <c r="O42" s="782" t="s">
        <v>659</v>
      </c>
      <c r="P42" s="1226"/>
      <c r="Q42" s="1226"/>
      <c r="R42" s="1226"/>
      <c r="S42" s="1226"/>
      <c r="T42" s="1226"/>
      <c r="U42" s="1226"/>
      <c r="V42" s="1226"/>
      <c r="W42" s="1226"/>
      <c r="X42" s="1226"/>
      <c r="Y42" s="1226"/>
      <c r="Z42" s="1226"/>
      <c r="AA42" s="1226"/>
      <c r="AB42" s="1226"/>
      <c r="AC42" s="1226"/>
      <c r="AD42" s="1226"/>
      <c r="AE42" s="1226"/>
      <c r="AF42" s="1226"/>
      <c r="AG42" s="1226"/>
      <c r="AH42" s="1226"/>
      <c r="AI42" s="1226"/>
      <c r="AJ42" s="1226"/>
      <c r="AK42" s="1226"/>
      <c r="AL42" s="1227"/>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153" t="s">
        <v>280</v>
      </c>
      <c r="BS42" s="154"/>
      <c r="BT42" s="154"/>
      <c r="BU42" s="154"/>
      <c r="BV42" s="154"/>
      <c r="BW42" s="154"/>
      <c r="BX42" s="154"/>
      <c r="BY42" s="154"/>
      <c r="BZ42" s="154"/>
      <c r="CA42" s="154"/>
      <c r="CB42" s="155"/>
      <c r="CC42" s="292" t="s">
        <v>281</v>
      </c>
      <c r="CD42" s="293"/>
      <c r="CE42" s="293"/>
      <c r="CF42" s="293"/>
      <c r="CG42" s="293"/>
      <c r="CH42" s="293"/>
      <c r="CI42" s="293"/>
      <c r="CJ42" s="293"/>
      <c r="CK42" s="293"/>
      <c r="CL42" s="293"/>
      <c r="CM42" s="294"/>
    </row>
    <row r="43" spans="1:100" ht="17.25" customHeight="1" x14ac:dyDescent="0.15">
      <c r="A43" s="216"/>
      <c r="B43" s="217"/>
      <c r="C43" s="217"/>
      <c r="D43" s="217"/>
      <c r="E43" s="217"/>
      <c r="F43" s="217"/>
      <c r="G43" s="217"/>
      <c r="H43" s="217"/>
      <c r="I43" s="217"/>
      <c r="J43" s="217"/>
      <c r="K43" s="217"/>
      <c r="L43" s="217"/>
      <c r="M43" s="218"/>
      <c r="N43" s="144"/>
      <c r="O43" s="80" t="s">
        <v>660</v>
      </c>
      <c r="P43" s="130"/>
      <c r="Q43" s="130"/>
      <c r="R43" s="130"/>
      <c r="S43" s="130"/>
      <c r="T43" s="130"/>
      <c r="U43" s="130"/>
      <c r="V43" s="130"/>
      <c r="W43" s="130"/>
      <c r="X43" s="130"/>
      <c r="Y43" s="130"/>
      <c r="Z43" s="130"/>
      <c r="AA43" s="130"/>
      <c r="AB43" s="130"/>
      <c r="AC43" s="130"/>
      <c r="AD43" s="130"/>
      <c r="AE43" s="130"/>
      <c r="AF43" s="130"/>
      <c r="AG43" s="130"/>
      <c r="AH43" s="130"/>
      <c r="AI43" s="130"/>
      <c r="AJ43" s="130"/>
      <c r="AK43" s="130"/>
      <c r="AL43" s="131"/>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156"/>
      <c r="BS43" s="157"/>
      <c r="BT43" s="157"/>
      <c r="BU43" s="157"/>
      <c r="BV43" s="157"/>
      <c r="BW43" s="157"/>
      <c r="BX43" s="157"/>
      <c r="BY43" s="157"/>
      <c r="BZ43" s="157"/>
      <c r="CA43" s="157"/>
      <c r="CB43" s="158"/>
      <c r="CC43" s="295"/>
      <c r="CD43" s="296"/>
      <c r="CE43" s="296"/>
      <c r="CF43" s="296"/>
      <c r="CG43" s="296"/>
      <c r="CH43" s="296"/>
      <c r="CI43" s="296"/>
      <c r="CJ43" s="296"/>
      <c r="CK43" s="296"/>
      <c r="CL43" s="296"/>
      <c r="CM43" s="297"/>
    </row>
    <row r="44" spans="1:100" ht="17.25" customHeight="1" x14ac:dyDescent="0.15">
      <c r="A44" s="251"/>
      <c r="B44" s="252"/>
      <c r="C44" s="252"/>
      <c r="D44" s="252"/>
      <c r="E44" s="252"/>
      <c r="F44" s="252"/>
      <c r="G44" s="252"/>
      <c r="H44" s="252"/>
      <c r="I44" s="252"/>
      <c r="J44" s="252"/>
      <c r="K44" s="252"/>
      <c r="L44" s="252"/>
      <c r="M44" s="253"/>
      <c r="N44" s="143"/>
      <c r="O44" s="80" t="s">
        <v>661</v>
      </c>
      <c r="P44" s="130"/>
      <c r="Q44" s="130"/>
      <c r="R44" s="130"/>
      <c r="S44" s="130"/>
      <c r="T44" s="130"/>
      <c r="U44" s="130"/>
      <c r="V44" s="130"/>
      <c r="W44" s="130"/>
      <c r="X44" s="130"/>
      <c r="Y44" s="130"/>
      <c r="Z44" s="130"/>
      <c r="AA44" s="130"/>
      <c r="AB44" s="130"/>
      <c r="AC44" s="130"/>
      <c r="AD44" s="130"/>
      <c r="AE44" s="130"/>
      <c r="AF44" s="130"/>
      <c r="AG44" s="130"/>
      <c r="AH44" s="130"/>
      <c r="AI44" s="130"/>
      <c r="AJ44" s="130"/>
      <c r="AK44" s="130"/>
      <c r="AL44" s="131"/>
      <c r="AM44" s="5"/>
      <c r="AN44" s="1335">
        <v>571.79999999999995</v>
      </c>
      <c r="AO44" s="1336"/>
      <c r="AP44" s="1336"/>
      <c r="AQ44" s="1336"/>
      <c r="AR44" s="1336"/>
      <c r="AS44" s="727" t="s">
        <v>383</v>
      </c>
      <c r="AT44" s="727"/>
      <c r="AU44" s="727"/>
      <c r="AV44" s="728"/>
      <c r="AW44" s="879">
        <v>43</v>
      </c>
      <c r="AX44" s="880"/>
      <c r="AY44" s="880"/>
      <c r="AZ44" s="880"/>
      <c r="BA44" s="880"/>
      <c r="BB44" s="880"/>
      <c r="BC44" s="706" t="s">
        <v>384</v>
      </c>
      <c r="BD44" s="706"/>
      <c r="BE44" s="706"/>
      <c r="BF44" s="707"/>
      <c r="BG44" s="710">
        <v>88.1</v>
      </c>
      <c r="BH44" s="711"/>
      <c r="BI44" s="711"/>
      <c r="BJ44" s="711"/>
      <c r="BK44" s="711"/>
      <c r="BL44" s="711"/>
      <c r="BM44" s="706" t="s">
        <v>384</v>
      </c>
      <c r="BN44" s="706"/>
      <c r="BO44" s="706"/>
      <c r="BP44" s="707"/>
      <c r="BQ44" s="130"/>
      <c r="BR44" s="714">
        <v>40.97</v>
      </c>
      <c r="BS44" s="715"/>
      <c r="BT44" s="715"/>
      <c r="BU44" s="715"/>
      <c r="BV44" s="715"/>
      <c r="BW44" s="715"/>
      <c r="BX44" s="715"/>
      <c r="BY44" s="696" t="s">
        <v>385</v>
      </c>
      <c r="BZ44" s="696"/>
      <c r="CA44" s="696"/>
      <c r="CB44" s="697"/>
      <c r="CC44" s="718" t="s">
        <v>628</v>
      </c>
      <c r="CD44" s="719"/>
      <c r="CE44" s="719"/>
      <c r="CF44" s="719"/>
      <c r="CG44" s="719"/>
      <c r="CH44" s="719"/>
      <c r="CI44" s="719"/>
      <c r="CJ44" s="696" t="s">
        <v>386</v>
      </c>
      <c r="CK44" s="696"/>
      <c r="CL44" s="696"/>
      <c r="CM44" s="697"/>
    </row>
    <row r="45" spans="1:100" ht="17.25" customHeight="1" x14ac:dyDescent="0.15">
      <c r="A45" s="216"/>
      <c r="B45" s="217"/>
      <c r="C45" s="217"/>
      <c r="D45" s="217"/>
      <c r="E45" s="217"/>
      <c r="F45" s="217"/>
      <c r="G45" s="217"/>
      <c r="H45" s="217"/>
      <c r="I45" s="217"/>
      <c r="J45" s="217"/>
      <c r="K45" s="217"/>
      <c r="L45" s="217"/>
      <c r="M45" s="218"/>
      <c r="N45" s="144"/>
      <c r="O45" s="80" t="s">
        <v>146</v>
      </c>
      <c r="P45" s="130"/>
      <c r="Q45" s="130"/>
      <c r="R45" s="130"/>
      <c r="S45" s="130"/>
      <c r="T45" s="130"/>
      <c r="U45" s="130"/>
      <c r="V45" s="130"/>
      <c r="W45" s="130"/>
      <c r="X45" s="130"/>
      <c r="Y45" s="130"/>
      <c r="Z45" s="130"/>
      <c r="AA45" s="130"/>
      <c r="AB45" s="130"/>
      <c r="AC45" s="130"/>
      <c r="AD45" s="130"/>
      <c r="AE45" s="130"/>
      <c r="AF45" s="130"/>
      <c r="AG45" s="130"/>
      <c r="AH45" s="130"/>
      <c r="AI45" s="130"/>
      <c r="AJ45" s="130"/>
      <c r="AK45" s="130"/>
      <c r="AL45" s="131"/>
      <c r="AM45" s="5"/>
      <c r="AN45" s="1337"/>
      <c r="AO45" s="1338"/>
      <c r="AP45" s="1338"/>
      <c r="AQ45" s="1338"/>
      <c r="AR45" s="1338"/>
      <c r="AS45" s="282"/>
      <c r="AT45" s="282"/>
      <c r="AU45" s="282"/>
      <c r="AV45" s="283"/>
      <c r="AW45" s="881"/>
      <c r="AX45" s="882"/>
      <c r="AY45" s="882"/>
      <c r="AZ45" s="882"/>
      <c r="BA45" s="882"/>
      <c r="BB45" s="882"/>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c r="B46" s="252"/>
      <c r="C46" s="252"/>
      <c r="D46" s="252"/>
      <c r="E46" s="252"/>
      <c r="F46" s="252"/>
      <c r="G46" s="252"/>
      <c r="H46" s="252"/>
      <c r="I46" s="252"/>
      <c r="J46" s="252"/>
      <c r="K46" s="252"/>
      <c r="L46" s="252"/>
      <c r="M46" s="253"/>
      <c r="N46" s="143"/>
      <c r="O46" s="80" t="s">
        <v>662</v>
      </c>
      <c r="P46" s="81"/>
      <c r="Q46" s="81"/>
      <c r="R46" s="81"/>
      <c r="S46" s="81"/>
      <c r="T46" s="81"/>
      <c r="U46" s="81"/>
      <c r="V46" s="81"/>
      <c r="W46" s="81"/>
      <c r="X46" s="81"/>
      <c r="Y46" s="81"/>
      <c r="Z46" s="81"/>
      <c r="AA46" s="81"/>
      <c r="AB46" s="81"/>
      <c r="AC46" s="81"/>
      <c r="AD46" s="81"/>
      <c r="AE46" s="81"/>
      <c r="AF46" s="81"/>
      <c r="AG46" s="81"/>
      <c r="AH46" s="81"/>
      <c r="AI46" s="81"/>
      <c r="AJ46" s="81"/>
      <c r="AK46" s="81"/>
      <c r="AL46" s="82"/>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217"/>
      <c r="C47" s="217"/>
      <c r="D47" s="217"/>
      <c r="E47" s="217"/>
      <c r="F47" s="217"/>
      <c r="G47" s="217"/>
      <c r="H47" s="217"/>
      <c r="I47" s="217"/>
      <c r="J47" s="217"/>
      <c r="K47" s="217"/>
      <c r="L47" s="217"/>
      <c r="M47" s="218"/>
      <c r="N47" s="144"/>
      <c r="O47" s="89" t="s">
        <v>502</v>
      </c>
      <c r="P47" s="90"/>
      <c r="Q47" s="90"/>
      <c r="R47" s="90"/>
      <c r="S47" s="90"/>
      <c r="T47" s="90"/>
      <c r="U47" s="90"/>
      <c r="V47" s="90"/>
      <c r="W47" s="90"/>
      <c r="X47" s="90"/>
      <c r="Y47" s="90"/>
      <c r="Z47" s="90"/>
      <c r="AA47" s="90"/>
      <c r="AB47" s="90"/>
      <c r="AC47" s="90"/>
      <c r="AD47" s="90"/>
      <c r="AE47" s="90"/>
      <c r="AF47" s="90"/>
      <c r="AG47" s="90"/>
      <c r="AH47" s="90"/>
      <c r="AI47" s="90"/>
      <c r="AJ47" s="90"/>
      <c r="AK47" s="90"/>
      <c r="AL47" s="91"/>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252"/>
      <c r="C48" s="252"/>
      <c r="D48" s="252"/>
      <c r="E48" s="252"/>
      <c r="F48" s="252"/>
      <c r="G48" s="252"/>
      <c r="H48" s="252"/>
      <c r="I48" s="252"/>
      <c r="J48" s="252"/>
      <c r="K48" s="252"/>
      <c r="L48" s="252"/>
      <c r="M48" s="253"/>
      <c r="N48" s="143"/>
      <c r="O48" s="771"/>
      <c r="P48" s="772"/>
      <c r="Q48" s="772"/>
      <c r="R48" s="772"/>
      <c r="S48" s="772"/>
      <c r="T48" s="772"/>
      <c r="U48" s="772"/>
      <c r="V48" s="772"/>
      <c r="W48" s="772"/>
      <c r="X48" s="772"/>
      <c r="Y48" s="772"/>
      <c r="Z48" s="772"/>
      <c r="AA48" s="772"/>
      <c r="AB48" s="772"/>
      <c r="AC48" s="772"/>
      <c r="AD48" s="772"/>
      <c r="AE48" s="772"/>
      <c r="AF48" s="772"/>
      <c r="AG48" s="772"/>
      <c r="AH48" s="772"/>
      <c r="AI48" s="772"/>
      <c r="AJ48" s="772"/>
      <c r="AK48" s="772"/>
      <c r="AL48" s="773"/>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217"/>
      <c r="C49" s="217"/>
      <c r="D49" s="217"/>
      <c r="E49" s="217"/>
      <c r="F49" s="217"/>
      <c r="G49" s="217"/>
      <c r="H49" s="217"/>
      <c r="I49" s="217"/>
      <c r="J49" s="217"/>
      <c r="K49" s="217"/>
      <c r="L49" s="217"/>
      <c r="M49" s="218"/>
      <c r="N49" s="144"/>
      <c r="O49" s="771"/>
      <c r="P49" s="772"/>
      <c r="Q49" s="772"/>
      <c r="R49" s="772"/>
      <c r="S49" s="772"/>
      <c r="T49" s="772"/>
      <c r="U49" s="772"/>
      <c r="V49" s="772"/>
      <c r="W49" s="772"/>
      <c r="X49" s="772"/>
      <c r="Y49" s="772"/>
      <c r="Z49" s="772"/>
      <c r="AA49" s="772"/>
      <c r="AB49" s="772"/>
      <c r="AC49" s="772"/>
      <c r="AD49" s="772"/>
      <c r="AE49" s="772"/>
      <c r="AF49" s="772"/>
      <c r="AG49" s="772"/>
      <c r="AH49" s="772"/>
      <c r="AI49" s="772"/>
      <c r="AJ49" s="772"/>
      <c r="AK49" s="772"/>
      <c r="AL49" s="773"/>
      <c r="AM49" s="5"/>
      <c r="AN49" s="223">
        <v>6075.241</v>
      </c>
      <c r="AO49" s="224"/>
      <c r="AP49" s="224"/>
      <c r="AQ49" s="224"/>
      <c r="AR49" s="224"/>
      <c r="AS49" s="224"/>
      <c r="AT49" s="225"/>
      <c r="AU49" s="229">
        <v>0.628</v>
      </c>
      <c r="AV49" s="230"/>
      <c r="AW49" s="230"/>
      <c r="AX49" s="230"/>
      <c r="AY49" s="231"/>
      <c r="AZ49" s="210">
        <v>10.6</v>
      </c>
      <c r="BA49" s="211"/>
      <c r="BB49" s="211"/>
      <c r="BC49" s="211"/>
      <c r="BD49" s="212"/>
      <c r="BE49" s="210">
        <v>7.1</v>
      </c>
      <c r="BF49" s="211"/>
      <c r="BG49" s="211"/>
      <c r="BH49" s="211"/>
      <c r="BI49" s="212"/>
      <c r="BJ49" s="210">
        <v>65.7</v>
      </c>
      <c r="BK49" s="211"/>
      <c r="BL49" s="211"/>
      <c r="BM49" s="211"/>
      <c r="BN49" s="212"/>
      <c r="BO49" s="210">
        <v>4.7</v>
      </c>
      <c r="BP49" s="211"/>
      <c r="BQ49" s="211"/>
      <c r="BR49" s="211"/>
      <c r="BS49" s="212"/>
      <c r="BT49" s="210">
        <v>101.9</v>
      </c>
      <c r="BU49" s="211"/>
      <c r="BV49" s="211"/>
      <c r="BW49" s="211"/>
      <c r="BX49" s="212"/>
      <c r="BY49" s="210">
        <v>17.399999999999999</v>
      </c>
      <c r="BZ49" s="211"/>
      <c r="CA49" s="211"/>
      <c r="CB49" s="211"/>
      <c r="CC49" s="212"/>
      <c r="CD49" s="210">
        <v>41.6</v>
      </c>
      <c r="CE49" s="211"/>
      <c r="CF49" s="211"/>
      <c r="CG49" s="211"/>
      <c r="CH49" s="212"/>
      <c r="CI49" s="210">
        <v>56.3</v>
      </c>
      <c r="CJ49" s="211"/>
      <c r="CK49" s="211"/>
      <c r="CL49" s="211"/>
      <c r="CM49" s="212"/>
    </row>
    <row r="50" spans="1:91" ht="17.25" customHeight="1" x14ac:dyDescent="0.15">
      <c r="A50" s="746"/>
      <c r="B50" s="747"/>
      <c r="C50" s="747"/>
      <c r="D50" s="747"/>
      <c r="E50" s="747"/>
      <c r="F50" s="747"/>
      <c r="G50" s="747"/>
      <c r="H50" s="747"/>
      <c r="I50" s="747"/>
      <c r="J50" s="747"/>
      <c r="K50" s="747"/>
      <c r="L50" s="747"/>
      <c r="M50" s="748"/>
      <c r="N50" s="143"/>
      <c r="O50" s="1052"/>
      <c r="P50" s="860"/>
      <c r="Q50" s="860"/>
      <c r="R50" s="860"/>
      <c r="S50" s="860"/>
      <c r="T50" s="860"/>
      <c r="U50" s="860"/>
      <c r="V50" s="860"/>
      <c r="W50" s="860"/>
      <c r="X50" s="860"/>
      <c r="Y50" s="860"/>
      <c r="Z50" s="860"/>
      <c r="AA50" s="860"/>
      <c r="AB50" s="860"/>
      <c r="AC50" s="860"/>
      <c r="AD50" s="860"/>
      <c r="AE50" s="860"/>
      <c r="AF50" s="860"/>
      <c r="AG50" s="860"/>
      <c r="AH50" s="860"/>
      <c r="AI50" s="860"/>
      <c r="AJ50" s="860"/>
      <c r="AK50" s="860"/>
      <c r="AL50" s="86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5">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 ref="AN12:CM12"/>
    <mergeCell ref="F13:M14"/>
    <mergeCell ref="Q13:T13"/>
    <mergeCell ref="U13:X13"/>
    <mergeCell ref="Y13:AL13"/>
    <mergeCell ref="AN13:AS14"/>
    <mergeCell ref="AT13:CM14"/>
    <mergeCell ref="A9:D10"/>
    <mergeCell ref="E9:AL10"/>
    <mergeCell ref="A11:D11"/>
    <mergeCell ref="E11:AL11"/>
    <mergeCell ref="A12:E13"/>
    <mergeCell ref="F12:M12"/>
    <mergeCell ref="N12:N27"/>
    <mergeCell ref="O12:P21"/>
    <mergeCell ref="Q12:T12"/>
    <mergeCell ref="U12:X12"/>
    <mergeCell ref="A14:E14"/>
    <mergeCell ref="Q14:T14"/>
    <mergeCell ref="U14:X14"/>
    <mergeCell ref="Y14:AL14"/>
    <mergeCell ref="A15:E15"/>
    <mergeCell ref="F15:M15"/>
    <mergeCell ref="Q15:T15"/>
    <mergeCell ref="U15:X15"/>
    <mergeCell ref="Y15:AL15"/>
    <mergeCell ref="Y17:AL17"/>
    <mergeCell ref="AN17:AS18"/>
    <mergeCell ref="AT17:CM18"/>
    <mergeCell ref="Q18:T18"/>
    <mergeCell ref="U18:X18"/>
    <mergeCell ref="Y18:AL18"/>
    <mergeCell ref="AN15:AS16"/>
    <mergeCell ref="AT15:CM16"/>
    <mergeCell ref="A16:E21"/>
    <mergeCell ref="F16:M16"/>
    <mergeCell ref="Q16:T16"/>
    <mergeCell ref="U16:X16"/>
    <mergeCell ref="Y16:AL16"/>
    <mergeCell ref="F17:M18"/>
    <mergeCell ref="Q17:T17"/>
    <mergeCell ref="U17:X17"/>
    <mergeCell ref="A22:E24"/>
    <mergeCell ref="F22:M22"/>
    <mergeCell ref="O22:P23"/>
    <mergeCell ref="Q22:AL22"/>
    <mergeCell ref="F19:M19"/>
    <mergeCell ref="Q19:T19"/>
    <mergeCell ref="U19:X19"/>
    <mergeCell ref="Y19:AL19"/>
    <mergeCell ref="AN19:AS21"/>
    <mergeCell ref="F20:M21"/>
    <mergeCell ref="Q20:T20"/>
    <mergeCell ref="U20:X20"/>
    <mergeCell ref="Y20:AL20"/>
    <mergeCell ref="AN22:CM22"/>
    <mergeCell ref="F23:M24"/>
    <mergeCell ref="Q23:AL23"/>
    <mergeCell ref="AO23:CM23"/>
    <mergeCell ref="O24:P25"/>
    <mergeCell ref="Q24:AL24"/>
    <mergeCell ref="AO24:CM24"/>
    <mergeCell ref="Q21:T21"/>
    <mergeCell ref="U21:X21"/>
    <mergeCell ref="Y21:AL21"/>
    <mergeCell ref="AT19:CM21"/>
    <mergeCell ref="A25:E27"/>
    <mergeCell ref="F25:M25"/>
    <mergeCell ref="Q25:AL25"/>
    <mergeCell ref="AO25:CM25"/>
    <mergeCell ref="F26:M27"/>
    <mergeCell ref="O26:P27"/>
    <mergeCell ref="Q26:AL26"/>
    <mergeCell ref="AO26:CM26"/>
    <mergeCell ref="Q27:AL27"/>
    <mergeCell ref="AO27:CM27"/>
    <mergeCell ref="AO32:BP32"/>
    <mergeCell ref="AO33:BP33"/>
    <mergeCell ref="BR33:BX34"/>
    <mergeCell ref="BY33:CG34"/>
    <mergeCell ref="CH33:CM34"/>
    <mergeCell ref="A34:M34"/>
    <mergeCell ref="O34:AL34"/>
    <mergeCell ref="AN34:BO34"/>
    <mergeCell ref="A28:AL28"/>
    <mergeCell ref="AN28:BP28"/>
    <mergeCell ref="A29:AL33"/>
    <mergeCell ref="AO29:BP29"/>
    <mergeCell ref="AO30:BP30"/>
    <mergeCell ref="BY30:CI30"/>
    <mergeCell ref="AO31:BP31"/>
    <mergeCell ref="BR31:BX32"/>
    <mergeCell ref="BY31:CG32"/>
    <mergeCell ref="CH31:CM32"/>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7:CG38"/>
    <mergeCell ref="CH37:CM38"/>
    <mergeCell ref="A38:M38"/>
    <mergeCell ref="O38:AL38"/>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BM44:BP45"/>
    <mergeCell ref="BR44:BX45"/>
    <mergeCell ref="BY44:CB45"/>
    <mergeCell ref="CC44:CI45"/>
    <mergeCell ref="CJ44:CM45"/>
    <mergeCell ref="A45:M45"/>
    <mergeCell ref="A43:M43"/>
    <mergeCell ref="A44:M44"/>
    <mergeCell ref="AN44:AR45"/>
    <mergeCell ref="AS44:AV45"/>
    <mergeCell ref="AW44:BB45"/>
    <mergeCell ref="BC44:BF45"/>
    <mergeCell ref="BG44:BL45"/>
    <mergeCell ref="CC42:CM43"/>
    <mergeCell ref="A42:M42"/>
    <mergeCell ref="O42:AL42"/>
    <mergeCell ref="AN42:AV43"/>
    <mergeCell ref="AW42:BF43"/>
    <mergeCell ref="BG42:BP43"/>
    <mergeCell ref="BO47:BS48"/>
    <mergeCell ref="BT47:BX48"/>
    <mergeCell ref="BY47:CC48"/>
    <mergeCell ref="CD47:CH48"/>
    <mergeCell ref="CI47:CM48"/>
    <mergeCell ref="A48:M48"/>
    <mergeCell ref="O48:AL48"/>
    <mergeCell ref="A46:M46"/>
    <mergeCell ref="AN46:AV46"/>
    <mergeCell ref="AW46:BD46"/>
    <mergeCell ref="CD46:CM46"/>
    <mergeCell ref="A47:M47"/>
    <mergeCell ref="AN47:AT48"/>
    <mergeCell ref="AU47:AY48"/>
    <mergeCell ref="AZ47:BD48"/>
    <mergeCell ref="BE47:BI48"/>
    <mergeCell ref="BJ47:BN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town.yugaw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31―</oddFooter>
  </headerFooter>
  <drawing r:id="rId3"/>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5" zoomScale="70" zoomScaleNormal="8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663</v>
      </c>
      <c r="B1" s="644" ph="1"/>
      <c r="C1" s="644" ph="1"/>
      <c r="D1" s="644" ph="1"/>
      <c r="E1" s="644" ph="1"/>
      <c r="F1" s="644" ph="1"/>
      <c r="G1" s="644" ph="1"/>
      <c r="H1" s="644" ph="1"/>
      <c r="I1" s="645"/>
      <c r="J1" s="645"/>
      <c r="K1" s="645"/>
      <c r="L1" s="645"/>
      <c r="M1" s="645"/>
      <c r="N1" s="454" t="s">
        <v>1049</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488</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1076</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4" ph="1"/>
      <c r="B4" s="644" ph="1"/>
      <c r="C4" s="644" ph="1"/>
      <c r="D4" s="644" ph="1"/>
      <c r="E4" s="644" ph="1"/>
      <c r="F4" s="644" ph="1"/>
      <c r="G4" s="644" ph="1"/>
      <c r="H4" s="644" ph="1"/>
      <c r="I4" s="646"/>
      <c r="J4" s="646"/>
      <c r="K4" s="646"/>
      <c r="L4" s="646"/>
      <c r="M4" s="646"/>
      <c r="N4" s="456"/>
      <c r="O4" s="456"/>
      <c r="P4" s="456"/>
      <c r="Q4" s="456"/>
      <c r="R4" s="456"/>
      <c r="S4" s="456"/>
      <c r="T4" s="456"/>
      <c r="U4" s="456"/>
      <c r="V4" s="456"/>
      <c r="W4" s="456"/>
      <c r="X4" s="456"/>
      <c r="Y4" s="456"/>
      <c r="Z4" s="456"/>
      <c r="AA4" s="456"/>
      <c r="AB4" s="456"/>
      <c r="AC4" s="456"/>
      <c r="AD4" s="456"/>
      <c r="AE4" s="456"/>
      <c r="AF4" s="456"/>
      <c r="AG4" s="456"/>
      <c r="AH4" s="456"/>
      <c r="AI4" s="456"/>
      <c r="AJ4" s="456"/>
      <c r="AK4" s="456"/>
      <c r="AL4" s="456"/>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c r="CQ4" s="3" ph="1"/>
    </row>
    <row r="5" spans="1:100" ht="17.25" customHeight="1" x14ac:dyDescent="0.15">
      <c r="A5" s="641" t="s">
        <v>236</v>
      </c>
      <c r="B5" s="641"/>
      <c r="C5" s="641"/>
      <c r="D5" s="641"/>
      <c r="E5" s="458">
        <v>144011</v>
      </c>
      <c r="F5" s="458"/>
      <c r="G5" s="458"/>
      <c r="H5" s="458"/>
      <c r="I5" s="647"/>
      <c r="J5" s="647"/>
      <c r="K5" s="647"/>
      <c r="L5" s="647"/>
      <c r="M5" s="647"/>
      <c r="N5" s="459" t="s">
        <v>664</v>
      </c>
      <c r="O5" s="459"/>
      <c r="P5" s="459"/>
      <c r="Q5" s="459"/>
      <c r="R5" s="459"/>
      <c r="S5" s="459"/>
      <c r="T5" s="459"/>
      <c r="U5" s="459"/>
      <c r="V5" s="459"/>
      <c r="W5" s="459"/>
      <c r="X5" s="459"/>
      <c r="Y5" s="459"/>
      <c r="Z5" s="459"/>
      <c r="AA5" s="459"/>
      <c r="AB5" s="459"/>
      <c r="AC5" s="459"/>
      <c r="AD5" s="459"/>
      <c r="AE5" s="459"/>
      <c r="AF5" s="459"/>
      <c r="AG5" s="459"/>
      <c r="AH5" s="459"/>
      <c r="AI5" s="459"/>
      <c r="AJ5" s="459"/>
      <c r="AK5" s="459"/>
      <c r="AL5" s="459"/>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382" t="s">
        <v>237</v>
      </c>
      <c r="B6" s="484"/>
      <c r="C6" s="484"/>
      <c r="D6" s="484"/>
      <c r="E6" s="484"/>
      <c r="F6" s="484"/>
      <c r="G6" s="484"/>
      <c r="H6" s="485"/>
      <c r="I6" s="486" t="s">
        <v>1201</v>
      </c>
      <c r="J6" s="461"/>
      <c r="K6" s="461"/>
      <c r="L6" s="461"/>
      <c r="M6" s="461"/>
      <c r="N6" s="461"/>
      <c r="O6" s="461"/>
      <c r="P6" s="461"/>
      <c r="Q6" s="461"/>
      <c r="R6" s="461"/>
      <c r="S6" s="461"/>
      <c r="T6" s="461"/>
      <c r="U6" s="461"/>
      <c r="V6" s="461"/>
      <c r="W6" s="461"/>
      <c r="X6" s="461"/>
      <c r="Y6" s="461"/>
      <c r="Z6" s="461"/>
      <c r="AA6" s="461"/>
      <c r="AB6" s="461"/>
      <c r="AC6" s="461"/>
      <c r="AD6" s="461"/>
      <c r="AE6" s="461"/>
      <c r="AF6" s="461"/>
      <c r="AG6" s="461"/>
      <c r="AH6" s="461"/>
      <c r="AI6" s="461"/>
      <c r="AJ6" s="461"/>
      <c r="AK6" s="461"/>
      <c r="AL6" s="462"/>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364"/>
      <c r="B7" s="365"/>
      <c r="C7" s="365"/>
      <c r="D7" s="365"/>
      <c r="E7" s="365"/>
      <c r="F7" s="365"/>
      <c r="G7" s="365"/>
      <c r="H7" s="366"/>
      <c r="I7" s="463"/>
      <c r="J7" s="464"/>
      <c r="K7" s="464"/>
      <c r="L7" s="464"/>
      <c r="M7" s="464"/>
      <c r="N7" s="464"/>
      <c r="O7" s="464"/>
      <c r="P7" s="464"/>
      <c r="Q7" s="464"/>
      <c r="R7" s="464"/>
      <c r="S7" s="464"/>
      <c r="T7" s="464"/>
      <c r="U7" s="464"/>
      <c r="V7" s="464"/>
      <c r="W7" s="464"/>
      <c r="X7" s="464"/>
      <c r="Y7" s="464"/>
      <c r="Z7" s="464"/>
      <c r="AA7" s="464"/>
      <c r="AB7" s="464"/>
      <c r="AC7" s="464"/>
      <c r="AD7" s="464"/>
      <c r="AE7" s="464"/>
      <c r="AF7" s="464"/>
      <c r="AG7" s="464"/>
      <c r="AH7" s="464"/>
      <c r="AI7" s="464"/>
      <c r="AJ7" s="464"/>
      <c r="AK7" s="464"/>
      <c r="AL7" s="465"/>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t="s">
        <v>238</v>
      </c>
      <c r="B8" s="406"/>
      <c r="C8" s="406"/>
      <c r="D8" s="407"/>
      <c r="E8" s="65" t="s">
        <v>0</v>
      </c>
      <c r="F8" s="492" t="s">
        <v>665</v>
      </c>
      <c r="G8" s="492"/>
      <c r="H8" s="492"/>
      <c r="I8" s="492"/>
      <c r="J8" s="492"/>
      <c r="K8" s="492"/>
      <c r="L8" s="493"/>
      <c r="M8" s="642"/>
      <c r="N8" s="642"/>
      <c r="O8" s="642"/>
      <c r="P8" s="642"/>
      <c r="Q8" s="642"/>
      <c r="R8" s="642"/>
      <c r="S8" s="642"/>
      <c r="T8" s="642"/>
      <c r="U8" s="642"/>
      <c r="V8" s="642"/>
      <c r="W8" s="642"/>
      <c r="X8" s="642"/>
      <c r="Y8" s="643"/>
      <c r="Z8" s="332" t="s">
        <v>239</v>
      </c>
      <c r="AA8" s="332"/>
      <c r="AB8" s="332"/>
      <c r="AC8" s="431" t="s">
        <v>666</v>
      </c>
      <c r="AD8" s="431"/>
      <c r="AE8" s="431"/>
      <c r="AF8" s="431"/>
      <c r="AG8" s="431"/>
      <c r="AH8" s="431"/>
      <c r="AI8" s="431"/>
      <c r="AJ8" s="431"/>
      <c r="AK8" s="431"/>
      <c r="AL8" s="431"/>
      <c r="AM8" s="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405"/>
      <c r="B9" s="406"/>
      <c r="C9" s="406"/>
      <c r="D9" s="407"/>
      <c r="E9" s="433" t="s">
        <v>667</v>
      </c>
      <c r="F9" s="434"/>
      <c r="G9" s="434"/>
      <c r="H9" s="434"/>
      <c r="I9" s="434"/>
      <c r="J9" s="434"/>
      <c r="K9" s="434"/>
      <c r="L9" s="434"/>
      <c r="M9" s="434"/>
      <c r="N9" s="434"/>
      <c r="O9" s="434"/>
      <c r="P9" s="434"/>
      <c r="Q9" s="434"/>
      <c r="R9" s="434"/>
      <c r="S9" s="434"/>
      <c r="T9" s="434"/>
      <c r="U9" s="434"/>
      <c r="V9" s="434"/>
      <c r="W9" s="434"/>
      <c r="X9" s="434"/>
      <c r="Y9" s="435"/>
      <c r="Z9" s="329"/>
      <c r="AA9" s="329"/>
      <c r="AB9" s="329"/>
      <c r="AC9" s="432"/>
      <c r="AD9" s="432"/>
      <c r="AE9" s="432"/>
      <c r="AF9" s="432"/>
      <c r="AG9" s="432"/>
      <c r="AH9" s="432"/>
      <c r="AI9" s="432"/>
      <c r="AJ9" s="432"/>
      <c r="AK9" s="432"/>
      <c r="AL9" s="432"/>
      <c r="AM9" s="5"/>
      <c r="AN9" s="469"/>
      <c r="AO9" s="470"/>
      <c r="AP9" s="470"/>
      <c r="AQ9" s="470"/>
      <c r="AR9" s="470"/>
      <c r="AS9" s="470"/>
      <c r="AT9" s="470"/>
      <c r="AU9" s="470"/>
      <c r="AV9" s="470"/>
      <c r="AW9" s="470"/>
      <c r="AX9" s="470"/>
      <c r="AY9" s="470"/>
      <c r="AZ9" s="470"/>
      <c r="BA9" s="470"/>
      <c r="BB9" s="470"/>
      <c r="BC9" s="470"/>
      <c r="BD9" s="470"/>
      <c r="BE9" s="470"/>
      <c r="BF9" s="470"/>
      <c r="BG9" s="470"/>
      <c r="BH9" s="470"/>
      <c r="BI9" s="470"/>
      <c r="BJ9" s="470"/>
      <c r="BK9" s="470"/>
      <c r="BL9" s="470"/>
      <c r="BM9" s="470"/>
      <c r="BN9" s="470"/>
      <c r="BO9" s="470"/>
      <c r="BP9" s="470"/>
      <c r="BQ9" s="470"/>
      <c r="BR9" s="470"/>
      <c r="BS9" s="470"/>
      <c r="BT9" s="470"/>
      <c r="BU9" s="470"/>
      <c r="BV9" s="470"/>
      <c r="BW9" s="470"/>
      <c r="BX9" s="470"/>
      <c r="BY9" s="470"/>
      <c r="BZ9" s="470"/>
      <c r="CA9" s="470"/>
      <c r="CB9" s="470"/>
      <c r="CC9" s="470"/>
      <c r="CD9" s="470"/>
      <c r="CE9" s="470"/>
      <c r="CF9" s="470"/>
      <c r="CG9" s="470"/>
      <c r="CH9" s="470"/>
      <c r="CI9" s="470"/>
      <c r="CJ9" s="470"/>
      <c r="CK9" s="470"/>
      <c r="CL9" s="470"/>
      <c r="CM9" s="471"/>
    </row>
    <row r="10" spans="1:100" ht="17.25" customHeight="1" x14ac:dyDescent="0.15">
      <c r="A10" s="405" t="s">
        <v>240</v>
      </c>
      <c r="B10" s="406"/>
      <c r="C10" s="406"/>
      <c r="D10" s="407"/>
      <c r="E10" s="445" t="s">
        <v>668</v>
      </c>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469"/>
      <c r="AO10" s="470"/>
      <c r="AP10" s="470"/>
      <c r="AQ10" s="470"/>
      <c r="AR10" s="470"/>
      <c r="AS10" s="470"/>
      <c r="AT10" s="470"/>
      <c r="AU10" s="470"/>
      <c r="AV10" s="470"/>
      <c r="AW10" s="470"/>
      <c r="AX10" s="470"/>
      <c r="AY10" s="470"/>
      <c r="AZ10" s="470"/>
      <c r="BA10" s="470"/>
      <c r="BB10" s="470"/>
      <c r="BC10" s="470"/>
      <c r="BD10" s="470"/>
      <c r="BE10" s="470"/>
      <c r="BF10" s="470"/>
      <c r="BG10" s="470"/>
      <c r="BH10" s="470"/>
      <c r="BI10" s="470"/>
      <c r="BJ10" s="470"/>
      <c r="BK10" s="470"/>
      <c r="BL10" s="470"/>
      <c r="BM10" s="470"/>
      <c r="BN10" s="470"/>
      <c r="BO10" s="470"/>
      <c r="BP10" s="470"/>
      <c r="BQ10" s="470"/>
      <c r="BR10" s="470"/>
      <c r="BS10" s="470"/>
      <c r="BT10" s="470"/>
      <c r="BU10" s="470"/>
      <c r="BV10" s="470"/>
      <c r="BW10" s="470"/>
      <c r="BX10" s="470"/>
      <c r="BY10" s="470"/>
      <c r="BZ10" s="470"/>
      <c r="CA10" s="470"/>
      <c r="CB10" s="470"/>
      <c r="CC10" s="470"/>
      <c r="CD10" s="470"/>
      <c r="CE10" s="470"/>
      <c r="CF10" s="470"/>
      <c r="CG10" s="470"/>
      <c r="CH10" s="470"/>
      <c r="CI10" s="470"/>
      <c r="CJ10" s="470"/>
      <c r="CK10" s="470"/>
      <c r="CL10" s="470"/>
      <c r="CM10" s="471"/>
    </row>
    <row r="11" spans="1:100" ht="17.25" customHeight="1" x14ac:dyDescent="0.15">
      <c r="A11" s="405"/>
      <c r="B11" s="406"/>
      <c r="C11" s="406"/>
      <c r="D11" s="407"/>
      <c r="E11" s="445"/>
      <c r="F11" s="446"/>
      <c r="G11" s="446"/>
      <c r="H11" s="446"/>
      <c r="I11" s="446"/>
      <c r="J11" s="446"/>
      <c r="K11" s="446"/>
      <c r="L11" s="446"/>
      <c r="M11" s="446"/>
      <c r="N11" s="446"/>
      <c r="O11" s="446"/>
      <c r="P11" s="446"/>
      <c r="Q11" s="446"/>
      <c r="R11" s="446"/>
      <c r="S11" s="446"/>
      <c r="T11" s="446"/>
      <c r="U11" s="446"/>
      <c r="V11" s="446"/>
      <c r="W11" s="446"/>
      <c r="X11" s="446"/>
      <c r="Y11" s="446"/>
      <c r="Z11" s="446"/>
      <c r="AA11" s="446"/>
      <c r="AB11" s="446"/>
      <c r="AC11" s="446"/>
      <c r="AD11" s="446"/>
      <c r="AE11" s="446"/>
      <c r="AF11" s="446"/>
      <c r="AG11" s="446"/>
      <c r="AH11" s="446"/>
      <c r="AI11" s="446"/>
      <c r="AJ11" s="446"/>
      <c r="AK11" s="446"/>
      <c r="AL11" s="447"/>
      <c r="AM11" s="5"/>
      <c r="AN11" s="469"/>
      <c r="AO11" s="470"/>
      <c r="AP11" s="470"/>
      <c r="AQ11" s="470"/>
      <c r="AR11" s="470"/>
      <c r="AS11" s="470"/>
      <c r="AT11" s="470"/>
      <c r="AU11" s="470"/>
      <c r="AV11" s="470"/>
      <c r="AW11" s="470"/>
      <c r="AX11" s="470"/>
      <c r="AY11" s="470"/>
      <c r="AZ11" s="470"/>
      <c r="BA11" s="470"/>
      <c r="BB11" s="470"/>
      <c r="BC11" s="470"/>
      <c r="BD11" s="470"/>
      <c r="BE11" s="470"/>
      <c r="BF11" s="470"/>
      <c r="BG11" s="470"/>
      <c r="BH11" s="470"/>
      <c r="BI11" s="470"/>
      <c r="BJ11" s="470"/>
      <c r="BK11" s="470"/>
      <c r="BL11" s="470"/>
      <c r="BM11" s="470"/>
      <c r="BN11" s="470"/>
      <c r="BO11" s="470"/>
      <c r="BP11" s="470"/>
      <c r="BQ11" s="470"/>
      <c r="BR11" s="470"/>
      <c r="BS11" s="470"/>
      <c r="BT11" s="470"/>
      <c r="BU11" s="470"/>
      <c r="BV11" s="470"/>
      <c r="BW11" s="470"/>
      <c r="BX11" s="470"/>
      <c r="BY11" s="470"/>
      <c r="BZ11" s="470"/>
      <c r="CA11" s="470"/>
      <c r="CB11" s="470"/>
      <c r="CC11" s="470"/>
      <c r="CD11" s="470"/>
      <c r="CE11" s="470"/>
      <c r="CF11" s="470"/>
      <c r="CG11" s="470"/>
      <c r="CH11" s="470"/>
      <c r="CI11" s="470"/>
      <c r="CJ11" s="470"/>
      <c r="CK11" s="470"/>
      <c r="CL11" s="470"/>
      <c r="CM11" s="471"/>
    </row>
    <row r="12" spans="1:100" ht="17.25" customHeight="1" x14ac:dyDescent="0.15">
      <c r="A12" s="405"/>
      <c r="B12" s="406"/>
      <c r="C12" s="406"/>
      <c r="D12" s="407"/>
      <c r="E12" s="448"/>
      <c r="F12" s="446"/>
      <c r="G12" s="446"/>
      <c r="H12" s="446"/>
      <c r="I12" s="446"/>
      <c r="J12" s="446"/>
      <c r="K12" s="446"/>
      <c r="L12" s="446"/>
      <c r="M12" s="446"/>
      <c r="N12" s="446"/>
      <c r="O12" s="446"/>
      <c r="P12" s="446"/>
      <c r="Q12" s="446"/>
      <c r="R12" s="446"/>
      <c r="S12" s="446"/>
      <c r="T12" s="446"/>
      <c r="U12" s="446"/>
      <c r="V12" s="446"/>
      <c r="W12" s="446"/>
      <c r="X12" s="446"/>
      <c r="Y12" s="446"/>
      <c r="Z12" s="446"/>
      <c r="AA12" s="446"/>
      <c r="AB12" s="446"/>
      <c r="AC12" s="446"/>
      <c r="AD12" s="446"/>
      <c r="AE12" s="446"/>
      <c r="AF12" s="446"/>
      <c r="AG12" s="446"/>
      <c r="AH12" s="446"/>
      <c r="AI12" s="446"/>
      <c r="AJ12" s="446"/>
      <c r="AK12" s="446"/>
      <c r="AL12" s="447"/>
      <c r="AM12" s="5"/>
      <c r="AN12" s="518" t="s">
        <v>245</v>
      </c>
      <c r="AO12" s="518"/>
      <c r="AP12" s="518"/>
      <c r="AQ12" s="518"/>
      <c r="AR12" s="518"/>
      <c r="AS12" s="518"/>
      <c r="AT12" s="518"/>
      <c r="AU12" s="518"/>
      <c r="AV12" s="518"/>
      <c r="AW12" s="518"/>
      <c r="AX12" s="518"/>
      <c r="AY12" s="518"/>
      <c r="AZ12" s="518"/>
      <c r="BA12" s="518"/>
      <c r="BB12" s="518"/>
      <c r="BC12" s="518"/>
      <c r="BD12" s="518"/>
      <c r="BE12" s="518"/>
      <c r="BF12" s="518"/>
      <c r="BG12" s="518"/>
      <c r="BH12" s="518"/>
      <c r="BI12" s="518"/>
      <c r="BJ12" s="518"/>
      <c r="BK12" s="518"/>
      <c r="BL12" s="518"/>
      <c r="BM12" s="518"/>
      <c r="BN12" s="518"/>
      <c r="BO12" s="518"/>
      <c r="BP12" s="518"/>
      <c r="BQ12" s="518"/>
      <c r="BR12" s="518"/>
      <c r="BS12" s="518"/>
      <c r="BT12" s="518"/>
      <c r="BU12" s="518"/>
      <c r="BV12" s="518"/>
      <c r="BW12" s="518"/>
      <c r="BX12" s="518"/>
      <c r="BY12" s="518"/>
      <c r="BZ12" s="518"/>
      <c r="CA12" s="518"/>
      <c r="CB12" s="518"/>
      <c r="CC12" s="518"/>
      <c r="CD12" s="518"/>
      <c r="CE12" s="518"/>
      <c r="CF12" s="518"/>
      <c r="CG12" s="518"/>
      <c r="CH12" s="518"/>
      <c r="CI12" s="518"/>
      <c r="CJ12" s="518"/>
      <c r="CK12" s="518"/>
      <c r="CL12" s="518"/>
      <c r="CM12" s="518"/>
    </row>
    <row r="13" spans="1:100" ht="17.25" customHeight="1" x14ac:dyDescent="0.15">
      <c r="A13" s="405" t="s">
        <v>37</v>
      </c>
      <c r="B13" s="406"/>
      <c r="C13" s="406"/>
      <c r="D13" s="407"/>
      <c r="E13" s="615" t="s">
        <v>713</v>
      </c>
      <c r="F13" s="616"/>
      <c r="G13" s="616"/>
      <c r="H13" s="616"/>
      <c r="I13" s="616"/>
      <c r="J13" s="616"/>
      <c r="K13" s="616"/>
      <c r="L13" s="616"/>
      <c r="M13" s="616"/>
      <c r="N13" s="616"/>
      <c r="O13" s="616"/>
      <c r="P13" s="616"/>
      <c r="Q13" s="616"/>
      <c r="R13" s="616"/>
      <c r="S13" s="616"/>
      <c r="T13" s="616"/>
      <c r="U13" s="616"/>
      <c r="V13" s="616"/>
      <c r="W13" s="616"/>
      <c r="X13" s="616"/>
      <c r="Y13" s="616"/>
      <c r="Z13" s="616"/>
      <c r="AA13" s="616"/>
      <c r="AB13" s="616"/>
      <c r="AC13" s="616"/>
      <c r="AD13" s="616"/>
      <c r="AE13" s="616"/>
      <c r="AF13" s="616"/>
      <c r="AG13" s="616"/>
      <c r="AH13" s="616"/>
      <c r="AI13" s="616"/>
      <c r="AJ13" s="616"/>
      <c r="AK13" s="616"/>
      <c r="AL13" s="618"/>
      <c r="AM13" s="5"/>
      <c r="AN13" s="292" t="s">
        <v>219</v>
      </c>
      <c r="AO13" s="293"/>
      <c r="AP13" s="293"/>
      <c r="AQ13" s="293"/>
      <c r="AR13" s="293"/>
      <c r="AS13" s="293"/>
      <c r="AT13" s="856" t="s">
        <v>669</v>
      </c>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row>
    <row r="14" spans="1:100" ht="17.25" customHeight="1" x14ac:dyDescent="0.15">
      <c r="A14" s="332" t="s">
        <v>474</v>
      </c>
      <c r="B14" s="332"/>
      <c r="C14" s="332"/>
      <c r="D14" s="332"/>
      <c r="E14" s="328"/>
      <c r="F14" s="844" t="s">
        <v>670</v>
      </c>
      <c r="G14" s="845"/>
      <c r="H14" s="845"/>
      <c r="I14" s="845"/>
      <c r="J14" s="845"/>
      <c r="K14" s="845"/>
      <c r="L14" s="845"/>
      <c r="M14" s="845"/>
      <c r="N14" s="522"/>
      <c r="O14" s="416" t="s">
        <v>242</v>
      </c>
      <c r="P14" s="417"/>
      <c r="Q14" s="377">
        <v>20104</v>
      </c>
      <c r="R14" s="220"/>
      <c r="S14" s="220"/>
      <c r="T14" s="220"/>
      <c r="U14" s="371" t="s">
        <v>148</v>
      </c>
      <c r="V14" s="220"/>
      <c r="W14" s="220"/>
      <c r="X14" s="220"/>
      <c r="Y14" s="371" t="s">
        <v>671</v>
      </c>
      <c r="Z14" s="220"/>
      <c r="AA14" s="220"/>
      <c r="AB14" s="220"/>
      <c r="AC14" s="220"/>
      <c r="AD14" s="220"/>
      <c r="AE14" s="220"/>
      <c r="AF14" s="220"/>
      <c r="AG14" s="220"/>
      <c r="AH14" s="220"/>
      <c r="AI14" s="220"/>
      <c r="AJ14" s="220"/>
      <c r="AK14" s="220"/>
      <c r="AL14" s="372"/>
      <c r="AM14" s="5"/>
      <c r="AN14" s="295"/>
      <c r="AO14" s="296"/>
      <c r="AP14" s="296"/>
      <c r="AQ14" s="296"/>
      <c r="AR14" s="296"/>
      <c r="AS14" s="296"/>
      <c r="AT14" s="856"/>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328"/>
      <c r="B15" s="328"/>
      <c r="C15" s="328"/>
      <c r="D15" s="328"/>
      <c r="E15" s="328"/>
      <c r="F15" s="398" t="s">
        <v>672</v>
      </c>
      <c r="G15" s="369"/>
      <c r="H15" s="369"/>
      <c r="I15" s="369"/>
      <c r="J15" s="369"/>
      <c r="K15" s="369"/>
      <c r="L15" s="369"/>
      <c r="M15" s="369"/>
      <c r="N15" s="523"/>
      <c r="O15" s="418"/>
      <c r="P15" s="419"/>
      <c r="Q15" s="377">
        <v>20728</v>
      </c>
      <c r="R15" s="220"/>
      <c r="S15" s="220"/>
      <c r="T15" s="220"/>
      <c r="U15" s="371" t="s">
        <v>326</v>
      </c>
      <c r="V15" s="220"/>
      <c r="W15" s="220"/>
      <c r="X15" s="220"/>
      <c r="Y15" s="371" t="s">
        <v>673</v>
      </c>
      <c r="Z15" s="852"/>
      <c r="AA15" s="852"/>
      <c r="AB15" s="852"/>
      <c r="AC15" s="852"/>
      <c r="AD15" s="852"/>
      <c r="AE15" s="852"/>
      <c r="AF15" s="852"/>
      <c r="AG15" s="852"/>
      <c r="AH15" s="852"/>
      <c r="AI15" s="852"/>
      <c r="AJ15" s="852"/>
      <c r="AK15" s="852"/>
      <c r="AL15" s="853"/>
      <c r="AM15" s="5"/>
      <c r="AN15" s="292" t="s">
        <v>220</v>
      </c>
      <c r="AO15" s="293"/>
      <c r="AP15" s="293"/>
      <c r="AQ15" s="293"/>
      <c r="AR15" s="293"/>
      <c r="AS15" s="293"/>
      <c r="AT15" s="856" t="s">
        <v>674</v>
      </c>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c r="CQ15" s="3" ph="1"/>
      <c r="CR15" s="3" ph="1"/>
      <c r="CS15" s="3" ph="1"/>
      <c r="CT15" s="3" ph="1"/>
      <c r="CU15" s="3" ph="1"/>
      <c r="CV15" s="3" ph="1"/>
    </row>
    <row r="16" spans="1:100" ht="17.25" customHeight="1" x14ac:dyDescent="0.15">
      <c r="A16" s="426">
        <v>3</v>
      </c>
      <c r="B16" s="651"/>
      <c r="C16" s="651"/>
      <c r="D16" s="651"/>
      <c r="E16" s="651"/>
      <c r="F16" s="370"/>
      <c r="G16" s="370"/>
      <c r="H16" s="370"/>
      <c r="I16" s="370"/>
      <c r="J16" s="370"/>
      <c r="K16" s="370"/>
      <c r="L16" s="370"/>
      <c r="M16" s="370"/>
      <c r="N16" s="523"/>
      <c r="O16" s="418"/>
      <c r="P16" s="419"/>
      <c r="Q16" s="377">
        <v>26177</v>
      </c>
      <c r="R16" s="220"/>
      <c r="S16" s="220"/>
      <c r="T16" s="220"/>
      <c r="U16" s="371" t="s">
        <v>328</v>
      </c>
      <c r="V16" s="220"/>
      <c r="W16" s="220"/>
      <c r="X16" s="220"/>
      <c r="Y16" s="854" t="s">
        <v>675</v>
      </c>
      <c r="Z16" s="400"/>
      <c r="AA16" s="400"/>
      <c r="AB16" s="400"/>
      <c r="AC16" s="400"/>
      <c r="AD16" s="400"/>
      <c r="AE16" s="400"/>
      <c r="AF16" s="400"/>
      <c r="AG16" s="400"/>
      <c r="AH16" s="400"/>
      <c r="AI16" s="400"/>
      <c r="AJ16" s="400"/>
      <c r="AK16" s="400"/>
      <c r="AL16" s="401"/>
      <c r="AM16" s="5"/>
      <c r="AN16" s="295"/>
      <c r="AO16" s="296"/>
      <c r="AP16" s="296"/>
      <c r="AQ16" s="296"/>
      <c r="AR16" s="296"/>
      <c r="AS16" s="296"/>
      <c r="AT16" s="856"/>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428" t="s">
        <v>246</v>
      </c>
      <c r="B17" s="428"/>
      <c r="C17" s="428"/>
      <c r="D17" s="428"/>
      <c r="E17" s="428"/>
      <c r="F17" s="429">
        <v>46201</v>
      </c>
      <c r="G17" s="430"/>
      <c r="H17" s="430"/>
      <c r="I17" s="430"/>
      <c r="J17" s="430"/>
      <c r="K17" s="430"/>
      <c r="L17" s="430"/>
      <c r="M17" s="430"/>
      <c r="N17" s="523"/>
      <c r="O17" s="418"/>
      <c r="P17" s="419"/>
      <c r="Q17" s="377"/>
      <c r="R17" s="220"/>
      <c r="S17" s="220"/>
      <c r="T17" s="220"/>
      <c r="U17" s="371"/>
      <c r="V17" s="220"/>
      <c r="W17" s="220"/>
      <c r="X17" s="220"/>
      <c r="Y17" s="400"/>
      <c r="Z17" s="400"/>
      <c r="AA17" s="400"/>
      <c r="AB17" s="400"/>
      <c r="AC17" s="400"/>
      <c r="AD17" s="400"/>
      <c r="AE17" s="400"/>
      <c r="AF17" s="400"/>
      <c r="AG17" s="400"/>
      <c r="AH17" s="400"/>
      <c r="AI17" s="400"/>
      <c r="AJ17" s="400"/>
      <c r="AK17" s="400"/>
      <c r="AL17" s="401"/>
      <c r="AM17" s="5"/>
      <c r="AN17" s="292" t="s">
        <v>221</v>
      </c>
      <c r="AO17" s="293"/>
      <c r="AP17" s="293"/>
      <c r="AQ17" s="293"/>
      <c r="AR17" s="293"/>
      <c r="AS17" s="293"/>
      <c r="AT17" s="856" t="s">
        <v>1333</v>
      </c>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row>
    <row r="18" spans="1:100" ht="17.25" customHeight="1" x14ac:dyDescent="0.15">
      <c r="A18" s="382" t="s">
        <v>213</v>
      </c>
      <c r="B18" s="484"/>
      <c r="C18" s="484"/>
      <c r="D18" s="484"/>
      <c r="E18" s="485"/>
      <c r="F18" s="345" t="s">
        <v>1050</v>
      </c>
      <c r="G18" s="346"/>
      <c r="H18" s="346"/>
      <c r="I18" s="346"/>
      <c r="J18" s="346"/>
      <c r="K18" s="346"/>
      <c r="L18" s="346"/>
      <c r="M18" s="346"/>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95"/>
      <c r="AO18" s="296"/>
      <c r="AP18" s="296"/>
      <c r="AQ18" s="296"/>
      <c r="AR18" s="296"/>
      <c r="AS18" s="296"/>
      <c r="AT18" s="856"/>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7.25" customHeight="1" x14ac:dyDescent="0.15">
      <c r="A19" s="361"/>
      <c r="B19" s="362"/>
      <c r="C19" s="362"/>
      <c r="D19" s="362"/>
      <c r="E19" s="363"/>
      <c r="F19" s="398" t="s">
        <v>729</v>
      </c>
      <c r="G19" s="369"/>
      <c r="H19" s="369"/>
      <c r="I19" s="369"/>
      <c r="J19" s="369"/>
      <c r="K19" s="369"/>
      <c r="L19" s="369"/>
      <c r="M19" s="369"/>
      <c r="N19" s="523"/>
      <c r="O19" s="418"/>
      <c r="P19" s="419"/>
      <c r="Q19" s="377"/>
      <c r="R19" s="220"/>
      <c r="S19" s="220"/>
      <c r="T19" s="220"/>
      <c r="U19" s="371"/>
      <c r="V19" s="220"/>
      <c r="W19" s="220"/>
      <c r="X19" s="220"/>
      <c r="Y19" s="371"/>
      <c r="Z19" s="220"/>
      <c r="AA19" s="220"/>
      <c r="AB19" s="220"/>
      <c r="AC19" s="220"/>
      <c r="AD19" s="220"/>
      <c r="AE19" s="220"/>
      <c r="AF19" s="220"/>
      <c r="AG19" s="220"/>
      <c r="AH19" s="220"/>
      <c r="AI19" s="220"/>
      <c r="AJ19" s="220"/>
      <c r="AK19" s="220"/>
      <c r="AL19" s="372"/>
      <c r="AM19" s="5"/>
      <c r="AN19" s="292" t="s">
        <v>222</v>
      </c>
      <c r="AO19" s="293"/>
      <c r="AP19" s="293"/>
      <c r="AQ19" s="293"/>
      <c r="AR19" s="293"/>
      <c r="AS19" s="293"/>
      <c r="AT19" s="856" t="s">
        <v>1426</v>
      </c>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370"/>
      <c r="G20" s="370"/>
      <c r="H20" s="370"/>
      <c r="I20" s="370"/>
      <c r="J20" s="370"/>
      <c r="K20" s="370"/>
      <c r="L20" s="370"/>
      <c r="M20" s="370"/>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436"/>
      <c r="AO20" s="437"/>
      <c r="AP20" s="437"/>
      <c r="AQ20" s="437"/>
      <c r="AR20" s="437"/>
      <c r="AS20" s="437"/>
      <c r="AT20" s="856"/>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45" t="s">
        <v>520</v>
      </c>
      <c r="G21" s="346"/>
      <c r="H21" s="346"/>
      <c r="I21" s="346"/>
      <c r="J21" s="346"/>
      <c r="K21" s="346"/>
      <c r="L21" s="346"/>
      <c r="M21" s="346"/>
      <c r="N21" s="523"/>
      <c r="O21" s="418"/>
      <c r="P21" s="419"/>
      <c r="Q21" s="377"/>
      <c r="R21" s="220"/>
      <c r="S21" s="220"/>
      <c r="T21" s="220"/>
      <c r="U21" s="371"/>
      <c r="V21" s="371"/>
      <c r="W21" s="371"/>
      <c r="X21" s="371"/>
      <c r="Y21" s="371"/>
      <c r="Z21" s="371"/>
      <c r="AA21" s="371"/>
      <c r="AB21" s="371"/>
      <c r="AC21" s="371"/>
      <c r="AD21" s="371"/>
      <c r="AE21" s="371"/>
      <c r="AF21" s="371"/>
      <c r="AG21" s="371"/>
      <c r="AH21" s="371"/>
      <c r="AI21" s="371"/>
      <c r="AJ21" s="371"/>
      <c r="AK21" s="371"/>
      <c r="AL21" s="527"/>
      <c r="AM21" s="5"/>
      <c r="AN21" s="295"/>
      <c r="AO21" s="296"/>
      <c r="AP21" s="296"/>
      <c r="AQ21" s="296"/>
      <c r="AR21" s="296"/>
      <c r="AS21" s="296"/>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61"/>
      <c r="B22" s="362"/>
      <c r="C22" s="362"/>
      <c r="D22" s="362"/>
      <c r="E22" s="363"/>
      <c r="F22" s="398" t="s">
        <v>520</v>
      </c>
      <c r="G22" s="369"/>
      <c r="H22" s="369"/>
      <c r="I22" s="369"/>
      <c r="J22" s="369"/>
      <c r="K22" s="369"/>
      <c r="L22" s="369"/>
      <c r="M22" s="369"/>
      <c r="N22" s="523"/>
      <c r="O22" s="418"/>
      <c r="P22" s="419"/>
      <c r="Q22" s="377"/>
      <c r="R22" s="220"/>
      <c r="S22" s="220"/>
      <c r="T22" s="220"/>
      <c r="U22" s="371"/>
      <c r="V22" s="220"/>
      <c r="W22" s="220"/>
      <c r="X22" s="220"/>
      <c r="Y22" s="371"/>
      <c r="Z22" s="220"/>
      <c r="AA22" s="220"/>
      <c r="AB22" s="220"/>
      <c r="AC22" s="220"/>
      <c r="AD22" s="220"/>
      <c r="AE22" s="220"/>
      <c r="AF22" s="220"/>
      <c r="AG22" s="220"/>
      <c r="AH22" s="220"/>
      <c r="AI22" s="220"/>
      <c r="AJ22" s="220"/>
      <c r="AK22" s="220"/>
      <c r="AL22" s="372"/>
      <c r="AM22" s="5"/>
      <c r="AN22" s="518" t="s">
        <v>257</v>
      </c>
      <c r="AO22" s="518"/>
      <c r="AP22" s="518"/>
      <c r="AQ22" s="518"/>
      <c r="AR22" s="518"/>
      <c r="AS22" s="518"/>
      <c r="AT22" s="518"/>
      <c r="AU22" s="518"/>
      <c r="AV22" s="518"/>
      <c r="AW22" s="518"/>
      <c r="AX22" s="518"/>
      <c r="AY22" s="518"/>
      <c r="AZ22" s="518"/>
      <c r="BA22" s="518"/>
      <c r="BB22" s="518"/>
      <c r="BC22" s="518"/>
      <c r="BD22" s="518"/>
      <c r="BE22" s="518"/>
      <c r="BF22" s="518"/>
      <c r="BG22" s="518"/>
      <c r="BH22" s="518"/>
      <c r="BI22" s="518"/>
      <c r="BJ22" s="518"/>
      <c r="BK22" s="518"/>
      <c r="BL22" s="518"/>
      <c r="BM22" s="518"/>
      <c r="BN22" s="518"/>
      <c r="BO22" s="518"/>
      <c r="BP22" s="518"/>
      <c r="BQ22" s="518"/>
      <c r="BR22" s="518"/>
      <c r="BS22" s="518"/>
      <c r="BT22" s="518"/>
      <c r="BU22" s="518"/>
      <c r="BV22" s="518"/>
      <c r="BW22" s="518"/>
      <c r="BX22" s="518"/>
      <c r="BY22" s="518"/>
      <c r="BZ22" s="518"/>
      <c r="CA22" s="518"/>
      <c r="CB22" s="518"/>
      <c r="CC22" s="518"/>
      <c r="CD22" s="518"/>
      <c r="CE22" s="518"/>
      <c r="CF22" s="518"/>
      <c r="CG22" s="518"/>
      <c r="CH22" s="518"/>
      <c r="CI22" s="518"/>
      <c r="CJ22" s="518"/>
      <c r="CK22" s="518"/>
      <c r="CL22" s="518"/>
      <c r="CM22" s="518"/>
      <c r="CQ22" s="3" ph="1"/>
      <c r="CR22" s="3" ph="1"/>
      <c r="CS22" s="3" ph="1"/>
      <c r="CT22" s="3" ph="1"/>
      <c r="CU22" s="3" ph="1"/>
      <c r="CV22" s="3" ph="1"/>
    </row>
    <row r="23" spans="1:100" ht="17.25" customHeight="1" x14ac:dyDescent="0.15">
      <c r="A23" s="361"/>
      <c r="B23" s="362"/>
      <c r="C23" s="362"/>
      <c r="D23" s="362"/>
      <c r="E23" s="363"/>
      <c r="F23" s="370"/>
      <c r="G23" s="370"/>
      <c r="H23" s="370"/>
      <c r="I23" s="370"/>
      <c r="J23" s="370"/>
      <c r="K23" s="370"/>
      <c r="L23" s="370"/>
      <c r="M23" s="370"/>
      <c r="N23" s="523"/>
      <c r="O23" s="418"/>
      <c r="P23" s="419"/>
      <c r="Q23" s="1343" t="s">
        <v>676</v>
      </c>
      <c r="R23" s="1343"/>
      <c r="S23" s="1343"/>
      <c r="T23" s="1343"/>
      <c r="U23" s="1343"/>
      <c r="V23" s="1343"/>
      <c r="W23" s="1343"/>
      <c r="X23" s="1343"/>
      <c r="Y23" s="1343"/>
      <c r="Z23" s="1343"/>
      <c r="AA23" s="1343"/>
      <c r="AB23" s="1343"/>
      <c r="AC23" s="1343"/>
      <c r="AD23" s="1343"/>
      <c r="AE23" s="1343"/>
      <c r="AF23" s="1343"/>
      <c r="AG23" s="1343"/>
      <c r="AH23" s="1343"/>
      <c r="AI23" s="1343"/>
      <c r="AJ23" s="1343"/>
      <c r="AK23" s="1343"/>
      <c r="AL23" s="1344"/>
      <c r="AM23" s="5"/>
      <c r="AN23" s="2" t="s">
        <v>16</v>
      </c>
      <c r="AO23" s="487" t="s">
        <v>1427</v>
      </c>
      <c r="AP23" s="487"/>
      <c r="AQ23" s="487"/>
      <c r="AR23" s="487"/>
      <c r="AS23" s="487"/>
      <c r="AT23" s="487"/>
      <c r="AU23" s="487"/>
      <c r="AV23" s="487"/>
      <c r="AW23" s="487"/>
      <c r="AX23" s="487"/>
      <c r="AY23" s="487"/>
      <c r="AZ23" s="487"/>
      <c r="BA23" s="487"/>
      <c r="BB23" s="487"/>
      <c r="BC23" s="487"/>
      <c r="BD23" s="487"/>
      <c r="BE23" s="487"/>
      <c r="BF23" s="487"/>
      <c r="BG23" s="487"/>
      <c r="BH23" s="487"/>
      <c r="BI23" s="487"/>
      <c r="BJ23" s="487"/>
      <c r="BK23" s="487"/>
      <c r="BL23" s="487"/>
      <c r="BM23" s="487"/>
      <c r="BN23" s="487"/>
      <c r="BO23" s="487"/>
      <c r="BP23" s="487"/>
      <c r="BQ23" s="487"/>
      <c r="BR23" s="487"/>
      <c r="BS23" s="487"/>
      <c r="BT23" s="487"/>
      <c r="BU23" s="487"/>
      <c r="BV23" s="487"/>
      <c r="BW23" s="487"/>
      <c r="BX23" s="487"/>
      <c r="BY23" s="487"/>
      <c r="BZ23" s="487"/>
      <c r="CA23" s="487"/>
      <c r="CB23" s="487"/>
      <c r="CC23" s="487"/>
      <c r="CD23" s="487"/>
      <c r="CE23" s="487"/>
      <c r="CF23" s="487"/>
      <c r="CG23" s="487"/>
      <c r="CH23" s="487"/>
      <c r="CI23" s="487"/>
      <c r="CJ23" s="487"/>
      <c r="CK23" s="487"/>
      <c r="CL23" s="487"/>
      <c r="CM23" s="488"/>
      <c r="CQ23" s="3" ph="1"/>
      <c r="CR23" s="3" ph="1"/>
      <c r="CS23" s="3" ph="1"/>
      <c r="CT23" s="3" ph="1"/>
      <c r="CU23" s="3" ph="1"/>
      <c r="CV23" s="3" ph="1"/>
    </row>
    <row r="24" spans="1:100" ht="17.25" customHeight="1" x14ac:dyDescent="0.15">
      <c r="A24" s="332" t="s">
        <v>259</v>
      </c>
      <c r="B24" s="332"/>
      <c r="C24" s="332"/>
      <c r="D24" s="332"/>
      <c r="E24" s="332"/>
      <c r="F24" s="411" t="s">
        <v>1309</v>
      </c>
      <c r="G24" s="554"/>
      <c r="H24" s="554"/>
      <c r="I24" s="554"/>
      <c r="J24" s="554"/>
      <c r="K24" s="554"/>
      <c r="L24" s="554"/>
      <c r="M24" s="555"/>
      <c r="N24" s="523"/>
      <c r="O24" s="1031" t="s">
        <v>258</v>
      </c>
      <c r="P24" s="1031"/>
      <c r="Q24" s="1230" t="s">
        <v>965</v>
      </c>
      <c r="R24" s="1230"/>
      <c r="S24" s="1230"/>
      <c r="T24" s="1230"/>
      <c r="U24" s="1230"/>
      <c r="V24" s="1230"/>
      <c r="W24" s="1230"/>
      <c r="X24" s="1230"/>
      <c r="Y24" s="1230"/>
      <c r="Z24" s="1230"/>
      <c r="AA24" s="1230"/>
      <c r="AB24" s="1230"/>
      <c r="AC24" s="1230"/>
      <c r="AD24" s="1230"/>
      <c r="AE24" s="1230"/>
      <c r="AF24" s="1230"/>
      <c r="AG24" s="1230"/>
      <c r="AH24" s="1230"/>
      <c r="AI24" s="1230"/>
      <c r="AJ24" s="1230"/>
      <c r="AK24" s="1230"/>
      <c r="AL24" s="1230"/>
      <c r="AM24" s="5"/>
      <c r="AN24" s="37" t="s">
        <v>16</v>
      </c>
      <c r="AO24" s="655" t="s">
        <v>1428</v>
      </c>
      <c r="AP24" s="655"/>
      <c r="AQ24" s="655"/>
      <c r="AR24" s="655"/>
      <c r="AS24" s="655"/>
      <c r="AT24" s="655"/>
      <c r="AU24" s="655"/>
      <c r="AV24" s="655"/>
      <c r="AW24" s="655"/>
      <c r="AX24" s="655"/>
      <c r="AY24" s="655"/>
      <c r="AZ24" s="655"/>
      <c r="BA24" s="655"/>
      <c r="BB24" s="655"/>
      <c r="BC24" s="655"/>
      <c r="BD24" s="655"/>
      <c r="BE24" s="655"/>
      <c r="BF24" s="655"/>
      <c r="BG24" s="655"/>
      <c r="BH24" s="655"/>
      <c r="BI24" s="655"/>
      <c r="BJ24" s="655"/>
      <c r="BK24" s="655"/>
      <c r="BL24" s="655"/>
      <c r="BM24" s="655"/>
      <c r="BN24" s="655"/>
      <c r="BO24" s="655"/>
      <c r="BP24" s="655"/>
      <c r="BQ24" s="655"/>
      <c r="BR24" s="655"/>
      <c r="BS24" s="655"/>
      <c r="BT24" s="655"/>
      <c r="BU24" s="655"/>
      <c r="BV24" s="655"/>
      <c r="BW24" s="655"/>
      <c r="BX24" s="655"/>
      <c r="BY24" s="655"/>
      <c r="BZ24" s="655"/>
      <c r="CA24" s="655"/>
      <c r="CB24" s="655"/>
      <c r="CC24" s="655"/>
      <c r="CD24" s="655"/>
      <c r="CE24" s="655"/>
      <c r="CF24" s="655"/>
      <c r="CG24" s="655"/>
      <c r="CH24" s="655"/>
      <c r="CI24" s="655"/>
      <c r="CJ24" s="655"/>
      <c r="CK24" s="655"/>
      <c r="CL24" s="655"/>
      <c r="CM24" s="656"/>
      <c r="CQ24" s="3" ph="1"/>
      <c r="CR24" s="3" ph="1"/>
      <c r="CS24" s="3" ph="1"/>
      <c r="CT24" s="3" ph="1"/>
      <c r="CU24" s="3" ph="1"/>
      <c r="CV24" s="3" ph="1"/>
    </row>
    <row r="25" spans="1:100" ht="17.25" customHeight="1" x14ac:dyDescent="0.15">
      <c r="A25" s="328"/>
      <c r="B25" s="328"/>
      <c r="C25" s="328"/>
      <c r="D25" s="328"/>
      <c r="E25" s="328"/>
      <c r="F25" s="336" t="s">
        <v>1308</v>
      </c>
      <c r="G25" s="337"/>
      <c r="H25" s="337"/>
      <c r="I25" s="337"/>
      <c r="J25" s="337"/>
      <c r="K25" s="337"/>
      <c r="L25" s="337"/>
      <c r="M25" s="338"/>
      <c r="N25" s="523"/>
      <c r="O25" s="1031"/>
      <c r="P25" s="1031"/>
      <c r="Q25" s="355">
        <v>26192</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16</v>
      </c>
      <c r="AO25" s="556" t="s">
        <v>1429</v>
      </c>
      <c r="AP25" s="556"/>
      <c r="AQ25" s="556"/>
      <c r="AR25" s="556"/>
      <c r="AS25" s="556"/>
      <c r="AT25" s="556"/>
      <c r="AU25" s="556"/>
      <c r="AV25" s="556"/>
      <c r="AW25" s="556"/>
      <c r="AX25" s="556"/>
      <c r="AY25" s="556"/>
      <c r="AZ25" s="556"/>
      <c r="BA25" s="556"/>
      <c r="BB25" s="556"/>
      <c r="BC25" s="556"/>
      <c r="BD25" s="556"/>
      <c r="BE25" s="556"/>
      <c r="BF25" s="556"/>
      <c r="BG25" s="556"/>
      <c r="BH25" s="556"/>
      <c r="BI25" s="556"/>
      <c r="BJ25" s="556"/>
      <c r="BK25" s="556"/>
      <c r="BL25" s="556"/>
      <c r="BM25" s="556"/>
      <c r="BN25" s="556"/>
      <c r="BO25" s="556"/>
      <c r="BP25" s="556"/>
      <c r="BQ25" s="556"/>
      <c r="BR25" s="556"/>
      <c r="BS25" s="556"/>
      <c r="BT25" s="556"/>
      <c r="BU25" s="556"/>
      <c r="BV25" s="556"/>
      <c r="BW25" s="556"/>
      <c r="BX25" s="556"/>
      <c r="BY25" s="556"/>
      <c r="BZ25" s="556"/>
      <c r="CA25" s="556"/>
      <c r="CB25" s="556"/>
      <c r="CC25" s="556"/>
      <c r="CD25" s="556"/>
      <c r="CE25" s="556"/>
      <c r="CF25" s="556"/>
      <c r="CG25" s="556"/>
      <c r="CH25" s="556"/>
      <c r="CI25" s="556"/>
      <c r="CJ25" s="556"/>
      <c r="CK25" s="556"/>
      <c r="CL25" s="556"/>
      <c r="CM25" s="557"/>
      <c r="CQ25" s="3" ph="1"/>
      <c r="CR25" s="3" ph="1"/>
      <c r="CS25" s="3" ph="1"/>
      <c r="CT25" s="3" ph="1"/>
      <c r="CU25" s="3" ph="1"/>
      <c r="CV25" s="3" ph="1"/>
    </row>
    <row r="26" spans="1:100" ht="17.25" customHeight="1" x14ac:dyDescent="0.15">
      <c r="A26" s="329"/>
      <c r="B26" s="329"/>
      <c r="C26" s="329"/>
      <c r="D26" s="329"/>
      <c r="E26" s="329"/>
      <c r="F26" s="339"/>
      <c r="G26" s="340"/>
      <c r="H26" s="340"/>
      <c r="I26" s="340"/>
      <c r="J26" s="340"/>
      <c r="K26" s="340"/>
      <c r="L26" s="340"/>
      <c r="M26" s="341"/>
      <c r="N26" s="523"/>
      <c r="O26" s="428" t="s">
        <v>260</v>
      </c>
      <c r="P26" s="428"/>
      <c r="Q26" s="1340" t="s">
        <v>1051</v>
      </c>
      <c r="R26" s="1340"/>
      <c r="S26" s="1340"/>
      <c r="T26" s="1340"/>
      <c r="U26" s="1340"/>
      <c r="V26" s="1340"/>
      <c r="W26" s="1340"/>
      <c r="X26" s="1340"/>
      <c r="Y26" s="1340"/>
      <c r="Z26" s="1340"/>
      <c r="AA26" s="1340"/>
      <c r="AB26" s="1340"/>
      <c r="AC26" s="1340"/>
      <c r="AD26" s="1340"/>
      <c r="AE26" s="1340"/>
      <c r="AF26" s="1340"/>
      <c r="AG26" s="1340"/>
      <c r="AH26" s="1340"/>
      <c r="AI26" s="1340"/>
      <c r="AJ26" s="1340"/>
      <c r="AK26" s="1340"/>
      <c r="AL26" s="1340"/>
      <c r="AM26" s="5"/>
      <c r="AN26" s="37" t="s">
        <v>16</v>
      </c>
      <c r="AO26" s="783" t="s">
        <v>1202</v>
      </c>
      <c r="AP26" s="783"/>
      <c r="AQ26" s="783"/>
      <c r="AR26" s="783"/>
      <c r="AS26" s="783"/>
      <c r="AT26" s="783"/>
      <c r="AU26" s="783"/>
      <c r="AV26" s="783"/>
      <c r="AW26" s="783"/>
      <c r="AX26" s="783"/>
      <c r="AY26" s="783"/>
      <c r="AZ26" s="783"/>
      <c r="BA26" s="783"/>
      <c r="BB26" s="783"/>
      <c r="BC26" s="783"/>
      <c r="BD26" s="783"/>
      <c r="BE26" s="783"/>
      <c r="BF26" s="783"/>
      <c r="BG26" s="783"/>
      <c r="BH26" s="783"/>
      <c r="BI26" s="783"/>
      <c r="BJ26" s="783"/>
      <c r="BK26" s="783"/>
      <c r="BL26" s="783"/>
      <c r="BM26" s="783"/>
      <c r="BN26" s="783"/>
      <c r="BO26" s="783"/>
      <c r="BP26" s="783"/>
      <c r="BQ26" s="783"/>
      <c r="BR26" s="783"/>
      <c r="BS26" s="783"/>
      <c r="BT26" s="783"/>
      <c r="BU26" s="783"/>
      <c r="BV26" s="783"/>
      <c r="BW26" s="783"/>
      <c r="BX26" s="783"/>
      <c r="BY26" s="783"/>
      <c r="BZ26" s="783"/>
      <c r="CA26" s="783"/>
      <c r="CB26" s="783"/>
      <c r="CC26" s="783"/>
      <c r="CD26" s="783"/>
      <c r="CE26" s="783"/>
      <c r="CF26" s="783"/>
      <c r="CG26" s="783"/>
      <c r="CH26" s="783"/>
      <c r="CI26" s="783"/>
      <c r="CJ26" s="783"/>
      <c r="CK26" s="783"/>
      <c r="CL26" s="783"/>
      <c r="CM26" s="784"/>
      <c r="CQ26" s="3" ph="1"/>
      <c r="CR26" s="3" ph="1"/>
      <c r="CS26" s="3" ph="1"/>
      <c r="CT26" s="3" ph="1"/>
      <c r="CU26" s="3" ph="1"/>
      <c r="CV26" s="3" ph="1"/>
    </row>
    <row r="27" spans="1:100" ht="17.25" customHeight="1" x14ac:dyDescent="0.15">
      <c r="A27" s="328" t="s">
        <v>263</v>
      </c>
      <c r="B27" s="328"/>
      <c r="C27" s="328"/>
      <c r="D27" s="328"/>
      <c r="E27" s="328"/>
      <c r="F27" s="330" t="s">
        <v>1311</v>
      </c>
      <c r="G27" s="331"/>
      <c r="H27" s="331"/>
      <c r="I27" s="331"/>
      <c r="J27" s="331"/>
      <c r="K27" s="331"/>
      <c r="L27" s="331"/>
      <c r="M27" s="331"/>
      <c r="N27" s="523"/>
      <c r="O27" s="428"/>
      <c r="P27" s="428"/>
      <c r="Q27" s="355">
        <v>26192</v>
      </c>
      <c r="R27" s="355"/>
      <c r="S27" s="355"/>
      <c r="T27" s="355"/>
      <c r="U27" s="355"/>
      <c r="V27" s="355"/>
      <c r="W27" s="355"/>
      <c r="X27" s="355"/>
      <c r="Y27" s="355"/>
      <c r="Z27" s="355"/>
      <c r="AA27" s="355"/>
      <c r="AB27" s="355"/>
      <c r="AC27" s="355"/>
      <c r="AD27" s="355"/>
      <c r="AE27" s="355"/>
      <c r="AF27" s="355"/>
      <c r="AG27" s="355"/>
      <c r="AH27" s="355"/>
      <c r="AI27" s="355"/>
      <c r="AJ27" s="355"/>
      <c r="AK27" s="355"/>
      <c r="AL27" s="355"/>
      <c r="AM27" s="5"/>
      <c r="AN27" s="17" t="s">
        <v>16</v>
      </c>
      <c r="AO27" s="490" t="s">
        <v>1430</v>
      </c>
      <c r="AP27" s="490"/>
      <c r="AQ27" s="490"/>
      <c r="AR27" s="490"/>
      <c r="AS27" s="490"/>
      <c r="AT27" s="490"/>
      <c r="AU27" s="490"/>
      <c r="AV27" s="490"/>
      <c r="AW27" s="490"/>
      <c r="AX27" s="490"/>
      <c r="AY27" s="490"/>
      <c r="AZ27" s="490"/>
      <c r="BA27" s="490"/>
      <c r="BB27" s="490"/>
      <c r="BC27" s="490"/>
      <c r="BD27" s="490"/>
      <c r="BE27" s="490"/>
      <c r="BF27" s="490"/>
      <c r="BG27" s="490"/>
      <c r="BH27" s="490"/>
      <c r="BI27" s="490"/>
      <c r="BJ27" s="490"/>
      <c r="BK27" s="490"/>
      <c r="BL27" s="490"/>
      <c r="BM27" s="490"/>
      <c r="BN27" s="490"/>
      <c r="BO27" s="490"/>
      <c r="BP27" s="490"/>
      <c r="BQ27" s="490"/>
      <c r="BR27" s="490"/>
      <c r="BS27" s="490"/>
      <c r="BT27" s="490"/>
      <c r="BU27" s="490"/>
      <c r="BV27" s="490"/>
      <c r="BW27" s="490"/>
      <c r="BX27" s="490"/>
      <c r="BY27" s="490"/>
      <c r="BZ27" s="490"/>
      <c r="CA27" s="490"/>
      <c r="CB27" s="490"/>
      <c r="CC27" s="490"/>
      <c r="CD27" s="490"/>
      <c r="CE27" s="490"/>
      <c r="CF27" s="490"/>
      <c r="CG27" s="490"/>
      <c r="CH27" s="490"/>
      <c r="CI27" s="490"/>
      <c r="CJ27" s="490"/>
      <c r="CK27" s="490"/>
      <c r="CL27" s="490"/>
      <c r="CM27" s="491"/>
      <c r="CQ27" s="3" ph="1"/>
      <c r="CR27" s="3" ph="1"/>
      <c r="CS27" s="3" ph="1"/>
      <c r="CT27" s="3" ph="1"/>
      <c r="CU27" s="3" ph="1"/>
      <c r="CV27" s="3" ph="1"/>
    </row>
    <row r="28" spans="1:100" ht="17.25" customHeight="1" x14ac:dyDescent="0.15">
      <c r="A28" s="328"/>
      <c r="B28" s="328"/>
      <c r="C28" s="328"/>
      <c r="D28" s="328"/>
      <c r="E28" s="328"/>
      <c r="F28" s="336" t="s">
        <v>1310</v>
      </c>
      <c r="G28" s="337"/>
      <c r="H28" s="337"/>
      <c r="I28" s="337"/>
      <c r="J28" s="337"/>
      <c r="K28" s="337"/>
      <c r="L28" s="337"/>
      <c r="M28" s="338"/>
      <c r="N28" s="523"/>
      <c r="O28" s="428" t="s">
        <v>264</v>
      </c>
      <c r="P28" s="428"/>
      <c r="Q28" s="965" t="s">
        <v>959</v>
      </c>
      <c r="R28" s="965"/>
      <c r="S28" s="965"/>
      <c r="T28" s="965"/>
      <c r="U28" s="965"/>
      <c r="V28" s="965"/>
      <c r="W28" s="965"/>
      <c r="X28" s="965"/>
      <c r="Y28" s="965"/>
      <c r="Z28" s="965"/>
      <c r="AA28" s="965"/>
      <c r="AB28" s="965"/>
      <c r="AC28" s="965"/>
      <c r="AD28" s="965"/>
      <c r="AE28" s="965"/>
      <c r="AF28" s="965"/>
      <c r="AG28" s="965"/>
      <c r="AH28" s="965"/>
      <c r="AI28" s="965"/>
      <c r="AJ28" s="965"/>
      <c r="AK28" s="965"/>
      <c r="AL28" s="965"/>
      <c r="AM28" s="5"/>
      <c r="AN28" s="255" t="s">
        <v>261</v>
      </c>
      <c r="AO28" s="255"/>
      <c r="AP28" s="255"/>
      <c r="AQ28" s="255"/>
      <c r="AR28" s="255"/>
      <c r="AS28" s="255"/>
      <c r="AT28" s="255"/>
      <c r="AU28" s="255"/>
      <c r="AV28" s="255"/>
      <c r="AW28" s="255"/>
      <c r="AX28" s="255"/>
      <c r="AY28" s="255"/>
      <c r="AZ28" s="255"/>
      <c r="BA28" s="255"/>
      <c r="BB28" s="255"/>
      <c r="BC28" s="255"/>
      <c r="BD28" s="255"/>
      <c r="BE28" s="255"/>
      <c r="BF28" s="255"/>
      <c r="BG28" s="255"/>
      <c r="BH28" s="255"/>
      <c r="BI28" s="255"/>
      <c r="BJ28" s="255"/>
      <c r="BK28" s="255"/>
      <c r="BL28" s="255"/>
      <c r="BM28" s="255"/>
      <c r="BN28" s="255"/>
      <c r="BO28" s="255"/>
      <c r="BP28" s="255"/>
      <c r="BQ28" s="84"/>
      <c r="BR28" s="101"/>
      <c r="BS28" s="15"/>
      <c r="BT28" s="1"/>
      <c r="BU28" s="1"/>
      <c r="BV28" s="1"/>
      <c r="BW28" s="1"/>
      <c r="BX28" s="1"/>
      <c r="BY28" s="1"/>
      <c r="BZ28" s="1"/>
      <c r="CA28" s="1"/>
      <c r="CB28" s="129"/>
      <c r="CC28" s="129"/>
      <c r="CD28" s="129"/>
      <c r="CE28" s="129"/>
      <c r="CF28" s="129"/>
      <c r="CG28" s="129"/>
      <c r="CH28" s="129"/>
      <c r="CI28" s="129"/>
      <c r="CJ28" s="129"/>
      <c r="CK28" s="129"/>
      <c r="CL28" s="129"/>
      <c r="CM28" s="1"/>
      <c r="CN28" s="33"/>
      <c r="CQ28" s="3" ph="1"/>
      <c r="CR28" s="3" ph="1"/>
      <c r="CS28" s="3" ph="1"/>
      <c r="CT28" s="3" ph="1"/>
      <c r="CU28" s="3" ph="1"/>
      <c r="CV28" s="3" ph="1"/>
    </row>
    <row r="29" spans="1:100" ht="17.25" customHeight="1" x14ac:dyDescent="0.15">
      <c r="A29" s="329"/>
      <c r="B29" s="329"/>
      <c r="C29" s="329"/>
      <c r="D29" s="329"/>
      <c r="E29" s="329"/>
      <c r="F29" s="339"/>
      <c r="G29" s="340"/>
      <c r="H29" s="340"/>
      <c r="I29" s="340"/>
      <c r="J29" s="340"/>
      <c r="K29" s="340"/>
      <c r="L29" s="340"/>
      <c r="M29" s="341"/>
      <c r="N29" s="523"/>
      <c r="O29" s="428"/>
      <c r="P29" s="428"/>
      <c r="Q29" s="355">
        <v>33725</v>
      </c>
      <c r="R29" s="355"/>
      <c r="S29" s="355"/>
      <c r="T29" s="355"/>
      <c r="U29" s="355"/>
      <c r="V29" s="355"/>
      <c r="W29" s="355"/>
      <c r="X29" s="355"/>
      <c r="Y29" s="355"/>
      <c r="Z29" s="355"/>
      <c r="AA29" s="355"/>
      <c r="AB29" s="355"/>
      <c r="AC29" s="355"/>
      <c r="AD29" s="355"/>
      <c r="AE29" s="355"/>
      <c r="AF29" s="355"/>
      <c r="AG29" s="355"/>
      <c r="AH29" s="355"/>
      <c r="AI29" s="355"/>
      <c r="AJ29" s="355"/>
      <c r="AK29" s="355"/>
      <c r="AL29" s="355"/>
      <c r="AM29" s="5"/>
      <c r="AN29" s="20" t="s">
        <v>16</v>
      </c>
      <c r="AO29" s="1341" t="s">
        <v>1431</v>
      </c>
      <c r="AP29" s="1341"/>
      <c r="AQ29" s="1341"/>
      <c r="AR29" s="1341"/>
      <c r="AS29" s="1341"/>
      <c r="AT29" s="1341"/>
      <c r="AU29" s="1341"/>
      <c r="AV29" s="1341"/>
      <c r="AW29" s="1341"/>
      <c r="AX29" s="1341"/>
      <c r="AY29" s="1341"/>
      <c r="AZ29" s="1341"/>
      <c r="BA29" s="1341"/>
      <c r="BB29" s="1341"/>
      <c r="BC29" s="1341"/>
      <c r="BD29" s="1341"/>
      <c r="BE29" s="1341"/>
      <c r="BF29" s="1341"/>
      <c r="BG29" s="1341"/>
      <c r="BH29" s="1341"/>
      <c r="BI29" s="1341"/>
      <c r="BJ29" s="1341"/>
      <c r="BK29" s="1341"/>
      <c r="BL29" s="1341"/>
      <c r="BM29" s="1341"/>
      <c r="BN29" s="1341"/>
      <c r="BO29" s="1341"/>
      <c r="BP29" s="1342"/>
      <c r="BQ29" s="84"/>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388" t="s">
        <v>268</v>
      </c>
      <c r="B30" s="389"/>
      <c r="C30" s="389"/>
      <c r="D30" s="389"/>
      <c r="E30" s="389"/>
      <c r="F30" s="389"/>
      <c r="G30" s="389"/>
      <c r="H30" s="389"/>
      <c r="I30" s="389"/>
      <c r="J30" s="389"/>
      <c r="K30" s="389"/>
      <c r="L30" s="389"/>
      <c r="M30" s="389"/>
      <c r="N30" s="389"/>
      <c r="O30" s="389"/>
      <c r="P30" s="389"/>
      <c r="Q30" s="389"/>
      <c r="R30" s="389"/>
      <c r="S30" s="389"/>
      <c r="T30" s="389"/>
      <c r="U30" s="389"/>
      <c r="V30" s="389"/>
      <c r="W30" s="389"/>
      <c r="X30" s="389"/>
      <c r="Y30" s="389"/>
      <c r="Z30" s="389"/>
      <c r="AA30" s="389"/>
      <c r="AB30" s="389"/>
      <c r="AC30" s="389"/>
      <c r="AD30" s="389"/>
      <c r="AE30" s="389"/>
      <c r="AF30" s="389"/>
      <c r="AG30" s="389"/>
      <c r="AH30" s="389"/>
      <c r="AI30" s="389"/>
      <c r="AJ30" s="389"/>
      <c r="AK30" s="389"/>
      <c r="AL30" s="389"/>
      <c r="AM30" s="5"/>
      <c r="AN30" s="20" t="s">
        <v>16</v>
      </c>
      <c r="AO30" s="774" t="s">
        <v>1432</v>
      </c>
      <c r="AP30" s="774"/>
      <c r="AQ30" s="774"/>
      <c r="AR30" s="774"/>
      <c r="AS30" s="774"/>
      <c r="AT30" s="774"/>
      <c r="AU30" s="774"/>
      <c r="AV30" s="774"/>
      <c r="AW30" s="774"/>
      <c r="AX30" s="774"/>
      <c r="AY30" s="774"/>
      <c r="AZ30" s="774"/>
      <c r="BA30" s="774"/>
      <c r="BB30" s="774"/>
      <c r="BC30" s="774"/>
      <c r="BD30" s="774"/>
      <c r="BE30" s="774"/>
      <c r="BF30" s="774"/>
      <c r="BG30" s="774"/>
      <c r="BH30" s="774"/>
      <c r="BI30" s="774"/>
      <c r="BJ30" s="774"/>
      <c r="BK30" s="774"/>
      <c r="BL30" s="774"/>
      <c r="BM30" s="774"/>
      <c r="BN30" s="774"/>
      <c r="BO30" s="774"/>
      <c r="BP30" s="775"/>
      <c r="BQ30" s="84"/>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1153" t="s">
        <v>677</v>
      </c>
      <c r="B31" s="1153"/>
      <c r="C31" s="1153"/>
      <c r="D31" s="1153"/>
      <c r="E31" s="1153"/>
      <c r="F31" s="1153"/>
      <c r="G31" s="1153"/>
      <c r="H31" s="1153"/>
      <c r="I31" s="1153"/>
      <c r="J31" s="1153"/>
      <c r="K31" s="1153"/>
      <c r="L31" s="1153"/>
      <c r="M31" s="1153"/>
      <c r="N31" s="1153"/>
      <c r="O31" s="1153"/>
      <c r="P31" s="1153"/>
      <c r="Q31" s="1153"/>
      <c r="R31" s="1153"/>
      <c r="S31" s="1153"/>
      <c r="T31" s="1153"/>
      <c r="U31" s="1153"/>
      <c r="V31" s="1153"/>
      <c r="W31" s="1153"/>
      <c r="X31" s="1153"/>
      <c r="Y31" s="1153"/>
      <c r="Z31" s="1153"/>
      <c r="AA31" s="1153"/>
      <c r="AB31" s="1153"/>
      <c r="AC31" s="1153"/>
      <c r="AD31" s="1153"/>
      <c r="AE31" s="1153"/>
      <c r="AF31" s="1153"/>
      <c r="AG31" s="1153"/>
      <c r="AH31" s="1153"/>
      <c r="AI31" s="1153"/>
      <c r="AJ31" s="1153"/>
      <c r="AK31" s="1153"/>
      <c r="AL31" s="1153"/>
      <c r="AM31" s="5"/>
      <c r="AN31" s="20" t="s">
        <v>16</v>
      </c>
      <c r="AO31" s="993" t="s">
        <v>1433</v>
      </c>
      <c r="AP31" s="993"/>
      <c r="AQ31" s="993"/>
      <c r="AR31" s="993"/>
      <c r="AS31" s="993"/>
      <c r="AT31" s="993"/>
      <c r="AU31" s="993"/>
      <c r="AV31" s="993"/>
      <c r="AW31" s="993"/>
      <c r="AX31" s="993"/>
      <c r="AY31" s="993"/>
      <c r="AZ31" s="993"/>
      <c r="BA31" s="993"/>
      <c r="BB31" s="993"/>
      <c r="BC31" s="993"/>
      <c r="BD31" s="993"/>
      <c r="BE31" s="993"/>
      <c r="BF31" s="993"/>
      <c r="BG31" s="993"/>
      <c r="BH31" s="993"/>
      <c r="BI31" s="993"/>
      <c r="BJ31" s="993"/>
      <c r="BK31" s="993"/>
      <c r="BL31" s="993"/>
      <c r="BM31" s="993"/>
      <c r="BN31" s="993"/>
      <c r="BO31" s="993"/>
      <c r="BP31" s="994"/>
      <c r="BQ31" s="85"/>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1153"/>
      <c r="B32" s="1153"/>
      <c r="C32" s="1153"/>
      <c r="D32" s="1153"/>
      <c r="E32" s="1153"/>
      <c r="F32" s="1153"/>
      <c r="G32" s="1153"/>
      <c r="H32" s="1153"/>
      <c r="I32" s="1153"/>
      <c r="J32" s="1153"/>
      <c r="K32" s="1153"/>
      <c r="L32" s="1153"/>
      <c r="M32" s="1153"/>
      <c r="N32" s="1153"/>
      <c r="O32" s="1153"/>
      <c r="P32" s="1153"/>
      <c r="Q32" s="1153"/>
      <c r="R32" s="1153"/>
      <c r="S32" s="1153"/>
      <c r="T32" s="1153"/>
      <c r="U32" s="1153"/>
      <c r="V32" s="1153"/>
      <c r="W32" s="1153"/>
      <c r="X32" s="1153"/>
      <c r="Y32" s="1153"/>
      <c r="Z32" s="1153"/>
      <c r="AA32" s="1153"/>
      <c r="AB32" s="1153"/>
      <c r="AC32" s="1153"/>
      <c r="AD32" s="1153"/>
      <c r="AE32" s="1153"/>
      <c r="AF32" s="1153"/>
      <c r="AG32" s="1153"/>
      <c r="AH32" s="1153"/>
      <c r="AI32" s="1153"/>
      <c r="AJ32" s="1153"/>
      <c r="AK32" s="1153"/>
      <c r="AL32" s="1153"/>
      <c r="AM32" s="5"/>
      <c r="AN32" s="20" t="s">
        <v>16</v>
      </c>
      <c r="AO32" s="993" t="s">
        <v>1434</v>
      </c>
      <c r="AP32" s="993"/>
      <c r="AQ32" s="993"/>
      <c r="AR32" s="993"/>
      <c r="AS32" s="993"/>
      <c r="AT32" s="993"/>
      <c r="AU32" s="993"/>
      <c r="AV32" s="993"/>
      <c r="AW32" s="993"/>
      <c r="AX32" s="993"/>
      <c r="AY32" s="993"/>
      <c r="AZ32" s="993"/>
      <c r="BA32" s="993"/>
      <c r="BB32" s="993"/>
      <c r="BC32" s="993"/>
      <c r="BD32" s="993"/>
      <c r="BE32" s="993"/>
      <c r="BF32" s="993"/>
      <c r="BG32" s="993"/>
      <c r="BH32" s="993"/>
      <c r="BI32" s="993"/>
      <c r="BJ32" s="993"/>
      <c r="BK32" s="993"/>
      <c r="BL32" s="993"/>
      <c r="BM32" s="993"/>
      <c r="BN32" s="993"/>
      <c r="BO32" s="993"/>
      <c r="BP32" s="994"/>
      <c r="BQ32" s="118"/>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N32" s="33"/>
      <c r="CQ32" s="3" ph="1"/>
      <c r="CR32" s="3" ph="1"/>
      <c r="CS32" s="3" ph="1"/>
      <c r="CT32" s="3" ph="1"/>
      <c r="CU32" s="3" ph="1"/>
      <c r="CV32" s="3" ph="1"/>
    </row>
    <row r="33" spans="1:100" ht="17.25" customHeight="1" x14ac:dyDescent="0.15">
      <c r="A33" s="1153"/>
      <c r="B33" s="1153"/>
      <c r="C33" s="1153"/>
      <c r="D33" s="1153"/>
      <c r="E33" s="1153"/>
      <c r="F33" s="1153"/>
      <c r="G33" s="1153"/>
      <c r="H33" s="1153"/>
      <c r="I33" s="1153"/>
      <c r="J33" s="1153"/>
      <c r="K33" s="1153"/>
      <c r="L33" s="1153"/>
      <c r="M33" s="1153"/>
      <c r="N33" s="1153"/>
      <c r="O33" s="1153"/>
      <c r="P33" s="1153"/>
      <c r="Q33" s="1153"/>
      <c r="R33" s="1153"/>
      <c r="S33" s="1153"/>
      <c r="T33" s="1153"/>
      <c r="U33" s="1153"/>
      <c r="V33" s="1153"/>
      <c r="W33" s="1153"/>
      <c r="X33" s="1153"/>
      <c r="Y33" s="1153"/>
      <c r="Z33" s="1153"/>
      <c r="AA33" s="1153"/>
      <c r="AB33" s="1153"/>
      <c r="AC33" s="1153"/>
      <c r="AD33" s="1153"/>
      <c r="AE33" s="1153"/>
      <c r="AF33" s="1153"/>
      <c r="AG33" s="1153"/>
      <c r="AH33" s="1153"/>
      <c r="AI33" s="1153"/>
      <c r="AJ33" s="1153"/>
      <c r="AK33" s="1153"/>
      <c r="AL33" s="1153"/>
      <c r="AM33" s="5"/>
      <c r="AN33" s="21" t="s">
        <v>16</v>
      </c>
      <c r="AO33" s="1001" t="s">
        <v>1435</v>
      </c>
      <c r="AP33" s="1001"/>
      <c r="AQ33" s="1001"/>
      <c r="AR33" s="1001"/>
      <c r="AS33" s="1001"/>
      <c r="AT33" s="1001"/>
      <c r="AU33" s="1001"/>
      <c r="AV33" s="1001"/>
      <c r="AW33" s="1001"/>
      <c r="AX33" s="1001"/>
      <c r="AY33" s="1001"/>
      <c r="AZ33" s="1001"/>
      <c r="BA33" s="1001"/>
      <c r="BB33" s="1001"/>
      <c r="BC33" s="1001"/>
      <c r="BD33" s="1001"/>
      <c r="BE33" s="1001"/>
      <c r="BF33" s="1001"/>
      <c r="BG33" s="1001"/>
      <c r="BH33" s="1001"/>
      <c r="BI33" s="1001"/>
      <c r="BJ33" s="1001"/>
      <c r="BK33" s="1001"/>
      <c r="BL33" s="1001"/>
      <c r="BM33" s="1001"/>
      <c r="BN33" s="1001"/>
      <c r="BO33" s="1001"/>
      <c r="BP33" s="1002"/>
      <c r="BQ33" s="118"/>
      <c r="BR33" s="292" t="s">
        <v>267</v>
      </c>
      <c r="BS33" s="293"/>
      <c r="BT33" s="293"/>
      <c r="BU33" s="293"/>
      <c r="BV33" s="293"/>
      <c r="BW33" s="293"/>
      <c r="BX33" s="294"/>
      <c r="BY33" s="284">
        <v>322</v>
      </c>
      <c r="BZ33" s="285"/>
      <c r="CA33" s="285"/>
      <c r="CB33" s="285"/>
      <c r="CC33" s="285"/>
      <c r="CD33" s="285"/>
      <c r="CE33" s="285"/>
      <c r="CF33" s="285"/>
      <c r="CG33" s="288"/>
      <c r="CH33" s="286">
        <v>1.6586799999999999</v>
      </c>
      <c r="CI33" s="286"/>
      <c r="CJ33" s="286"/>
      <c r="CK33" s="286"/>
      <c r="CL33" s="286"/>
      <c r="CM33" s="286"/>
      <c r="CN33" s="33"/>
      <c r="CQ33" s="3" ph="1"/>
      <c r="CR33" s="3" ph="1"/>
      <c r="CS33" s="3" ph="1"/>
      <c r="CT33" s="3" ph="1"/>
      <c r="CU33" s="3" ph="1"/>
      <c r="CV33" s="3" ph="1"/>
    </row>
    <row r="34" spans="1:100" ht="17.25" customHeight="1" x14ac:dyDescent="0.15">
      <c r="A34" s="1153"/>
      <c r="B34" s="1153"/>
      <c r="C34" s="1153"/>
      <c r="D34" s="1153"/>
      <c r="E34" s="1153"/>
      <c r="F34" s="1153"/>
      <c r="G34" s="1153"/>
      <c r="H34" s="1153"/>
      <c r="I34" s="1153"/>
      <c r="J34" s="1153"/>
      <c r="K34" s="1153"/>
      <c r="L34" s="1153"/>
      <c r="M34" s="1153"/>
      <c r="N34" s="1153"/>
      <c r="O34" s="1153"/>
      <c r="P34" s="1153"/>
      <c r="Q34" s="1153"/>
      <c r="R34" s="1153"/>
      <c r="S34" s="1153"/>
      <c r="T34" s="1153"/>
      <c r="U34" s="1153"/>
      <c r="V34" s="1153"/>
      <c r="W34" s="1153"/>
      <c r="X34" s="1153"/>
      <c r="Y34" s="1153"/>
      <c r="Z34" s="1153"/>
      <c r="AA34" s="1153"/>
      <c r="AB34" s="1153"/>
      <c r="AC34" s="1153"/>
      <c r="AD34" s="1153"/>
      <c r="AE34" s="1153"/>
      <c r="AF34" s="1153"/>
      <c r="AG34" s="1153"/>
      <c r="AH34" s="1153"/>
      <c r="AI34" s="1153"/>
      <c r="AJ34" s="1153"/>
      <c r="AK34" s="1153"/>
      <c r="AL34" s="1153"/>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c r="CR34" s="3" ph="1"/>
      <c r="CS34" s="3" ph="1"/>
      <c r="CT34" s="3" ph="1"/>
      <c r="CU34" s="3" ph="1"/>
      <c r="CV34" s="3" ph="1"/>
    </row>
    <row r="35" spans="1:100" ht="17.25" customHeight="1" x14ac:dyDescent="0.15">
      <c r="A35" s="1153"/>
      <c r="B35" s="1153"/>
      <c r="C35" s="1153"/>
      <c r="D35" s="1153"/>
      <c r="E35" s="1153"/>
      <c r="F35" s="1153"/>
      <c r="G35" s="1153"/>
      <c r="H35" s="1153"/>
      <c r="I35" s="1153"/>
      <c r="J35" s="1153"/>
      <c r="K35" s="1153"/>
      <c r="L35" s="1153"/>
      <c r="M35" s="1153"/>
      <c r="N35" s="1153"/>
      <c r="O35" s="1153"/>
      <c r="P35" s="1153"/>
      <c r="Q35" s="1153"/>
      <c r="R35" s="1153"/>
      <c r="S35" s="1153"/>
      <c r="T35" s="1153"/>
      <c r="U35" s="1153"/>
      <c r="V35" s="1153"/>
      <c r="W35" s="1153"/>
      <c r="X35" s="1153"/>
      <c r="Y35" s="1153"/>
      <c r="Z35" s="1153"/>
      <c r="AA35" s="1153"/>
      <c r="AB35" s="1153"/>
      <c r="AC35" s="1153"/>
      <c r="AD35" s="1153"/>
      <c r="AE35" s="1153"/>
      <c r="AF35" s="1153"/>
      <c r="AG35" s="1153"/>
      <c r="AH35" s="1153"/>
      <c r="AI35" s="1153"/>
      <c r="AJ35" s="1153"/>
      <c r="AK35" s="1153"/>
      <c r="AL35" s="1153"/>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7360</v>
      </c>
      <c r="BZ35" s="681"/>
      <c r="CA35" s="682"/>
      <c r="CB35" s="682"/>
      <c r="CC35" s="682"/>
      <c r="CD35" s="682"/>
      <c r="CE35" s="682"/>
      <c r="CF35" s="682"/>
      <c r="CG35" s="682"/>
      <c r="CH35" s="683">
        <v>37.912739999999999</v>
      </c>
      <c r="CI35" s="683"/>
      <c r="CJ35" s="683"/>
      <c r="CK35" s="683"/>
      <c r="CL35" s="683"/>
      <c r="CM35" s="683"/>
      <c r="CQ35" s="3" ph="1"/>
      <c r="CR35" s="3" ph="1"/>
      <c r="CS35" s="3" ph="1"/>
      <c r="CT35" s="3" ph="1"/>
      <c r="CU35" s="3" ph="1"/>
      <c r="CV35" s="3" ph="1"/>
    </row>
    <row r="36" spans="1:100" ht="17.25" customHeight="1" x14ac:dyDescent="0.15">
      <c r="A36" s="255" t="s">
        <v>274</v>
      </c>
      <c r="B36" s="255"/>
      <c r="C36" s="255"/>
      <c r="D36" s="255"/>
      <c r="E36" s="255"/>
      <c r="F36" s="255"/>
      <c r="G36" s="255"/>
      <c r="H36" s="255"/>
      <c r="I36" s="255"/>
      <c r="J36" s="255"/>
      <c r="K36" s="255"/>
      <c r="L36" s="255"/>
      <c r="M36" s="255"/>
      <c r="N36" s="129"/>
      <c r="O36" s="255" t="s">
        <v>275</v>
      </c>
      <c r="P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11" t="s">
        <v>678</v>
      </c>
      <c r="B37" s="312"/>
      <c r="C37" s="312"/>
      <c r="D37" s="312"/>
      <c r="E37" s="312"/>
      <c r="F37" s="312"/>
      <c r="G37" s="312"/>
      <c r="H37" s="312"/>
      <c r="I37" s="312"/>
      <c r="J37" s="312"/>
      <c r="K37" s="312"/>
      <c r="L37" s="312"/>
      <c r="M37" s="313"/>
      <c r="N37" s="129"/>
      <c r="O37" s="973" t="s">
        <v>144</v>
      </c>
      <c r="P37" s="974"/>
      <c r="Q37" s="974"/>
      <c r="R37" s="974"/>
      <c r="S37" s="974"/>
      <c r="T37" s="974"/>
      <c r="U37" s="974"/>
      <c r="V37" s="974"/>
      <c r="W37" s="974"/>
      <c r="X37" s="974"/>
      <c r="Y37" s="974"/>
      <c r="Z37" s="974"/>
      <c r="AA37" s="974"/>
      <c r="AB37" s="974"/>
      <c r="AC37" s="974"/>
      <c r="AD37" s="974"/>
      <c r="AE37" s="974"/>
      <c r="AF37" s="974"/>
      <c r="AG37" s="974"/>
      <c r="AH37" s="974"/>
      <c r="AI37" s="974"/>
      <c r="AJ37" s="974"/>
      <c r="AK37" s="974"/>
      <c r="AL37" s="975"/>
      <c r="AM37" s="5"/>
      <c r="AN37" s="287" t="s">
        <v>399</v>
      </c>
      <c r="AO37" s="287"/>
      <c r="AP37" s="287"/>
      <c r="AQ37" s="287"/>
      <c r="AR37" s="287"/>
      <c r="AS37" s="287"/>
      <c r="AT37" s="287"/>
      <c r="AU37" s="287"/>
      <c r="AV37" s="287"/>
      <c r="AW37" s="681">
        <v>40343</v>
      </c>
      <c r="AX37" s="681"/>
      <c r="AY37" s="681"/>
      <c r="AZ37" s="681"/>
      <c r="BA37" s="681"/>
      <c r="BB37" s="681"/>
      <c r="BC37" s="681"/>
      <c r="BD37" s="681"/>
      <c r="BE37" s="681"/>
      <c r="BF37" s="681"/>
      <c r="BG37" s="681">
        <v>16067</v>
      </c>
      <c r="BH37" s="681"/>
      <c r="BI37" s="681"/>
      <c r="BJ37" s="681"/>
      <c r="BK37" s="681"/>
      <c r="BL37" s="681"/>
      <c r="BM37" s="681"/>
      <c r="BN37" s="681"/>
      <c r="BO37" s="681"/>
      <c r="BP37" s="681"/>
      <c r="BQ37" s="149"/>
      <c r="BR37" s="680" t="s">
        <v>273</v>
      </c>
      <c r="BS37" s="680"/>
      <c r="BT37" s="680"/>
      <c r="BU37" s="680"/>
      <c r="BV37" s="680"/>
      <c r="BW37" s="680"/>
      <c r="BX37" s="680"/>
      <c r="BY37" s="681">
        <v>11731</v>
      </c>
      <c r="BZ37" s="681"/>
      <c r="CA37" s="682"/>
      <c r="CB37" s="682"/>
      <c r="CC37" s="682"/>
      <c r="CD37" s="682"/>
      <c r="CE37" s="682"/>
      <c r="CF37" s="682"/>
      <c r="CG37" s="682"/>
      <c r="CH37" s="683">
        <v>60.428579999999997</v>
      </c>
      <c r="CI37" s="683"/>
      <c r="CJ37" s="683"/>
      <c r="CK37" s="683"/>
      <c r="CL37" s="683"/>
      <c r="CM37" s="683"/>
      <c r="CQ37" s="3" ph="1"/>
    </row>
    <row r="38" spans="1:100" ht="17.25" customHeight="1" x14ac:dyDescent="0.15">
      <c r="A38" s="251" t="s">
        <v>679</v>
      </c>
      <c r="B38" s="690"/>
      <c r="C38" s="690"/>
      <c r="D38" s="690"/>
      <c r="E38" s="690"/>
      <c r="F38" s="690"/>
      <c r="G38" s="690"/>
      <c r="H38" s="690"/>
      <c r="I38" s="690"/>
      <c r="J38" s="690"/>
      <c r="K38" s="690"/>
      <c r="L38" s="690"/>
      <c r="M38" s="691"/>
      <c r="N38" s="129"/>
      <c r="O38" s="813" t="s">
        <v>680</v>
      </c>
      <c r="P38" s="1226"/>
      <c r="Q38" s="1226"/>
      <c r="R38" s="1226"/>
      <c r="S38" s="1226"/>
      <c r="T38" s="1226"/>
      <c r="U38" s="1226"/>
      <c r="V38" s="1226"/>
      <c r="W38" s="1226"/>
      <c r="X38" s="1226"/>
      <c r="Y38" s="1226"/>
      <c r="Z38" s="1226"/>
      <c r="AA38" s="1226"/>
      <c r="AB38" s="1226"/>
      <c r="AC38" s="1226"/>
      <c r="AD38" s="1226"/>
      <c r="AE38" s="1226"/>
      <c r="AF38" s="1226"/>
      <c r="AG38" s="1226"/>
      <c r="AH38" s="1226"/>
      <c r="AI38" s="1226"/>
      <c r="AJ38" s="1226"/>
      <c r="AK38" s="1226"/>
      <c r="AL38" s="1227"/>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324" t="s">
        <v>681</v>
      </c>
      <c r="B39" s="692"/>
      <c r="C39" s="692"/>
      <c r="D39" s="692"/>
      <c r="E39" s="692"/>
      <c r="F39" s="692"/>
      <c r="G39" s="692"/>
      <c r="H39" s="692"/>
      <c r="I39" s="692"/>
      <c r="J39" s="692"/>
      <c r="K39" s="692"/>
      <c r="L39" s="692"/>
      <c r="M39" s="693"/>
      <c r="N39" s="129"/>
      <c r="O39" s="813" t="s">
        <v>230</v>
      </c>
      <c r="P39" s="1226"/>
      <c r="Q39" s="1226"/>
      <c r="R39" s="1226"/>
      <c r="S39" s="1226"/>
      <c r="T39" s="1226"/>
      <c r="U39" s="1226"/>
      <c r="V39" s="1226"/>
      <c r="W39" s="1226"/>
      <c r="X39" s="1226"/>
      <c r="Y39" s="1226"/>
      <c r="Z39" s="1226"/>
      <c r="AA39" s="1226"/>
      <c r="AB39" s="1226"/>
      <c r="AC39" s="1226"/>
      <c r="AD39" s="1226"/>
      <c r="AE39" s="1226"/>
      <c r="AF39" s="1226"/>
      <c r="AG39" s="1226"/>
      <c r="AH39" s="1226"/>
      <c r="AI39" s="1226"/>
      <c r="AJ39" s="1226"/>
      <c r="AK39" s="1226"/>
      <c r="AL39" s="1227"/>
      <c r="AM39" s="5"/>
      <c r="AN39" s="300" t="s">
        <v>1059</v>
      </c>
      <c r="AO39" s="300"/>
      <c r="AP39" s="300"/>
      <c r="AQ39" s="300"/>
      <c r="AR39" s="300"/>
      <c r="AS39" s="300"/>
      <c r="AT39" s="300"/>
      <c r="AU39" s="300"/>
      <c r="AV39" s="300"/>
      <c r="AW39" s="681">
        <v>39869</v>
      </c>
      <c r="AX39" s="681"/>
      <c r="AY39" s="681"/>
      <c r="AZ39" s="682"/>
      <c r="BA39" s="682"/>
      <c r="BB39" s="682"/>
      <c r="BC39" s="682"/>
      <c r="BD39" s="682"/>
      <c r="BE39" s="682"/>
      <c r="BF39" s="682"/>
      <c r="BG39" s="681">
        <v>17099</v>
      </c>
      <c r="BH39" s="681"/>
      <c r="BI39" s="681"/>
      <c r="BJ39" s="681"/>
      <c r="BK39" s="681"/>
      <c r="BL39" s="681"/>
      <c r="BM39" s="681"/>
      <c r="BN39" s="681"/>
      <c r="BO39" s="681"/>
      <c r="BP39" s="681"/>
      <c r="BQ39" s="149"/>
      <c r="BR39" s="301" t="s">
        <v>1119</v>
      </c>
      <c r="BS39" s="293"/>
      <c r="BT39" s="293"/>
      <c r="BU39" s="293"/>
      <c r="BV39" s="293"/>
      <c r="BW39" s="293"/>
      <c r="BX39" s="294"/>
      <c r="BY39" s="681">
        <v>19813</v>
      </c>
      <c r="BZ39" s="681"/>
      <c r="CA39" s="682"/>
      <c r="CB39" s="682"/>
      <c r="CC39" s="682"/>
      <c r="CD39" s="682"/>
      <c r="CE39" s="682"/>
      <c r="CF39" s="682"/>
      <c r="CG39" s="682"/>
      <c r="CH39" s="683">
        <v>100</v>
      </c>
      <c r="CI39" s="683"/>
      <c r="CJ39" s="683"/>
      <c r="CK39" s="683"/>
      <c r="CL39" s="683"/>
      <c r="CM39" s="683"/>
      <c r="CQ39" s="3" ph="1"/>
    </row>
    <row r="40" spans="1:100" ht="17.25" customHeight="1" x14ac:dyDescent="0.15">
      <c r="A40" s="251">
        <v>34926</v>
      </c>
      <c r="B40" s="690"/>
      <c r="C40" s="690"/>
      <c r="D40" s="690"/>
      <c r="E40" s="690"/>
      <c r="F40" s="690"/>
      <c r="G40" s="690"/>
      <c r="H40" s="690"/>
      <c r="I40" s="690"/>
      <c r="J40" s="690"/>
      <c r="K40" s="690"/>
      <c r="L40" s="690"/>
      <c r="M40" s="691"/>
      <c r="N40" s="150"/>
      <c r="O40" s="782" t="s">
        <v>209</v>
      </c>
      <c r="P40" s="783"/>
      <c r="Q40" s="783"/>
      <c r="R40" s="783"/>
      <c r="S40" s="783"/>
      <c r="T40" s="783"/>
      <c r="U40" s="783"/>
      <c r="V40" s="783"/>
      <c r="W40" s="783"/>
      <c r="X40" s="783"/>
      <c r="Y40" s="783"/>
      <c r="Z40" s="783"/>
      <c r="AA40" s="783"/>
      <c r="AB40" s="783"/>
      <c r="AC40" s="783"/>
      <c r="AD40" s="783"/>
      <c r="AE40" s="783"/>
      <c r="AF40" s="783"/>
      <c r="AG40" s="783"/>
      <c r="AH40" s="783"/>
      <c r="AI40" s="783"/>
      <c r="AJ40" s="783"/>
      <c r="AK40" s="783"/>
      <c r="AL40" s="784"/>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c r="CQ40" s="3" ph="1"/>
    </row>
    <row r="41" spans="1:100" ht="17.25" customHeight="1" x14ac:dyDescent="0.15">
      <c r="A41" s="216" t="s">
        <v>682</v>
      </c>
      <c r="B41" s="692"/>
      <c r="C41" s="692"/>
      <c r="D41" s="692"/>
      <c r="E41" s="692"/>
      <c r="F41" s="692"/>
      <c r="G41" s="692"/>
      <c r="H41" s="692"/>
      <c r="I41" s="692"/>
      <c r="J41" s="692"/>
      <c r="K41" s="692"/>
      <c r="L41" s="692"/>
      <c r="M41" s="693"/>
      <c r="N41" s="144"/>
      <c r="O41" s="80" t="s">
        <v>146</v>
      </c>
      <c r="P41" s="130"/>
      <c r="Q41" s="130"/>
      <c r="R41" s="130"/>
      <c r="S41" s="130"/>
      <c r="T41" s="130"/>
      <c r="U41" s="130"/>
      <c r="V41" s="130"/>
      <c r="W41" s="130"/>
      <c r="X41" s="130"/>
      <c r="Y41" s="130"/>
      <c r="Z41" s="130"/>
      <c r="AA41" s="130"/>
      <c r="AB41" s="130"/>
      <c r="AC41" s="130"/>
      <c r="AD41" s="130"/>
      <c r="AE41" s="130"/>
      <c r="AF41" s="130"/>
      <c r="AG41" s="130"/>
      <c r="AH41" s="130"/>
      <c r="AI41" s="130"/>
      <c r="AJ41" s="130"/>
      <c r="AK41" s="130"/>
      <c r="AL41" s="131"/>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v>37027</v>
      </c>
      <c r="B42" s="690"/>
      <c r="C42" s="690"/>
      <c r="D42" s="690"/>
      <c r="E42" s="690"/>
      <c r="F42" s="690"/>
      <c r="G42" s="690"/>
      <c r="H42" s="690"/>
      <c r="I42" s="690"/>
      <c r="J42" s="690"/>
      <c r="K42" s="690"/>
      <c r="L42" s="690"/>
      <c r="M42" s="691"/>
      <c r="N42" s="143"/>
      <c r="O42" s="80" t="s">
        <v>318</v>
      </c>
      <c r="P42" s="130"/>
      <c r="Q42" s="130"/>
      <c r="R42" s="130"/>
      <c r="S42" s="130"/>
      <c r="T42" s="130"/>
      <c r="U42" s="130"/>
      <c r="V42" s="130"/>
      <c r="W42" s="130"/>
      <c r="X42" s="130"/>
      <c r="Y42" s="130"/>
      <c r="Z42" s="130"/>
      <c r="AA42" s="130"/>
      <c r="AB42" s="130"/>
      <c r="AC42" s="130"/>
      <c r="AD42" s="130"/>
      <c r="AE42" s="130"/>
      <c r="AF42" s="130"/>
      <c r="AG42" s="130"/>
      <c r="AH42" s="130"/>
      <c r="AI42" s="130"/>
      <c r="AJ42" s="130"/>
      <c r="AK42" s="130"/>
      <c r="AL42" s="131"/>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t="s">
        <v>683</v>
      </c>
      <c r="B43" s="692"/>
      <c r="C43" s="692"/>
      <c r="D43" s="692"/>
      <c r="E43" s="692"/>
      <c r="F43" s="692"/>
      <c r="G43" s="692"/>
      <c r="H43" s="692"/>
      <c r="I43" s="692"/>
      <c r="J43" s="692"/>
      <c r="K43" s="692"/>
      <c r="L43" s="692"/>
      <c r="M43" s="693"/>
      <c r="N43" s="143"/>
      <c r="O43" s="80" t="s">
        <v>1052</v>
      </c>
      <c r="P43" s="41"/>
      <c r="Q43" s="41"/>
      <c r="R43" s="41"/>
      <c r="S43" s="41"/>
      <c r="T43" s="41"/>
      <c r="U43" s="41"/>
      <c r="V43" s="41"/>
      <c r="W43" s="41"/>
      <c r="X43" s="41"/>
      <c r="Y43" s="41"/>
      <c r="Z43" s="41"/>
      <c r="AA43" s="41"/>
      <c r="AB43" s="41"/>
      <c r="AC43" s="41"/>
      <c r="AD43" s="41"/>
      <c r="AE43" s="41"/>
      <c r="AF43" s="41"/>
      <c r="AG43" s="41"/>
      <c r="AH43" s="41"/>
      <c r="AI43" s="41"/>
      <c r="AJ43" s="41"/>
      <c r="AK43" s="41"/>
      <c r="AL43" s="42"/>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51">
        <v>42554</v>
      </c>
      <c r="B44" s="690"/>
      <c r="C44" s="690"/>
      <c r="D44" s="690"/>
      <c r="E44" s="690"/>
      <c r="F44" s="690"/>
      <c r="G44" s="690"/>
      <c r="H44" s="690"/>
      <c r="I44" s="690"/>
      <c r="J44" s="690"/>
      <c r="K44" s="690"/>
      <c r="L44" s="690"/>
      <c r="M44" s="691"/>
      <c r="N44" s="143"/>
      <c r="O44" s="782" t="s">
        <v>502</v>
      </c>
      <c r="P44" s="706"/>
      <c r="Q44" s="706"/>
      <c r="R44" s="706"/>
      <c r="S44" s="706"/>
      <c r="T44" s="706"/>
      <c r="U44" s="706"/>
      <c r="V44" s="706"/>
      <c r="W44" s="706"/>
      <c r="X44" s="706"/>
      <c r="Y44" s="706"/>
      <c r="Z44" s="706"/>
      <c r="AA44" s="706"/>
      <c r="AB44" s="706"/>
      <c r="AC44" s="706"/>
      <c r="AD44" s="706"/>
      <c r="AE44" s="706"/>
      <c r="AF44" s="706"/>
      <c r="AG44" s="706"/>
      <c r="AH44" s="706"/>
      <c r="AI44" s="706"/>
      <c r="AJ44" s="706"/>
      <c r="AK44" s="706"/>
      <c r="AL44" s="707"/>
      <c r="AM44" s="5"/>
      <c r="AN44" s="957">
        <v>1163</v>
      </c>
      <c r="AO44" s="958"/>
      <c r="AP44" s="958"/>
      <c r="AQ44" s="958"/>
      <c r="AR44" s="958"/>
      <c r="AS44" s="727" t="s">
        <v>383</v>
      </c>
      <c r="AT44" s="727"/>
      <c r="AU44" s="727"/>
      <c r="AV44" s="728"/>
      <c r="AW44" s="710">
        <v>30.3</v>
      </c>
      <c r="AX44" s="711"/>
      <c r="AY44" s="711"/>
      <c r="AZ44" s="711"/>
      <c r="BA44" s="711"/>
      <c r="BB44" s="711"/>
      <c r="BC44" s="706" t="s">
        <v>384</v>
      </c>
      <c r="BD44" s="706"/>
      <c r="BE44" s="706"/>
      <c r="BF44" s="707"/>
      <c r="BG44" s="710">
        <v>102.7</v>
      </c>
      <c r="BH44" s="711"/>
      <c r="BI44" s="711"/>
      <c r="BJ44" s="711"/>
      <c r="BK44" s="711"/>
      <c r="BL44" s="711"/>
      <c r="BM44" s="706" t="s">
        <v>384</v>
      </c>
      <c r="BN44" s="706"/>
      <c r="BO44" s="706"/>
      <c r="BP44" s="707"/>
      <c r="BQ44" s="130"/>
      <c r="BR44" s="714">
        <v>34.28</v>
      </c>
      <c r="BS44" s="715"/>
      <c r="BT44" s="715"/>
      <c r="BU44" s="715"/>
      <c r="BV44" s="715"/>
      <c r="BW44" s="715"/>
      <c r="BX44" s="715"/>
      <c r="BY44" s="696" t="s">
        <v>385</v>
      </c>
      <c r="BZ44" s="696"/>
      <c r="CA44" s="696"/>
      <c r="CB44" s="697"/>
      <c r="CC44" s="718">
        <v>855</v>
      </c>
      <c r="CD44" s="719"/>
      <c r="CE44" s="719"/>
      <c r="CF44" s="719"/>
      <c r="CG44" s="719"/>
      <c r="CH44" s="719"/>
      <c r="CI44" s="719"/>
      <c r="CJ44" s="696" t="s">
        <v>386</v>
      </c>
      <c r="CK44" s="696"/>
      <c r="CL44" s="696"/>
      <c r="CM44" s="697"/>
    </row>
    <row r="45" spans="1:100" ht="17.25" customHeight="1" x14ac:dyDescent="0.15">
      <c r="A45" s="216"/>
      <c r="B45" s="692"/>
      <c r="C45" s="692"/>
      <c r="D45" s="692"/>
      <c r="E45" s="692"/>
      <c r="F45" s="692"/>
      <c r="G45" s="692"/>
      <c r="H45" s="692"/>
      <c r="I45" s="692"/>
      <c r="J45" s="692"/>
      <c r="K45" s="692"/>
      <c r="L45" s="692"/>
      <c r="M45" s="693"/>
      <c r="N45" s="144"/>
      <c r="O45" s="782"/>
      <c r="P45" s="706"/>
      <c r="Q45" s="706"/>
      <c r="R45" s="706"/>
      <c r="S45" s="706"/>
      <c r="T45" s="706"/>
      <c r="U45" s="706"/>
      <c r="V45" s="706"/>
      <c r="W45" s="706"/>
      <c r="X45" s="706"/>
      <c r="Y45" s="706"/>
      <c r="Z45" s="706"/>
      <c r="AA45" s="706"/>
      <c r="AB45" s="706"/>
      <c r="AC45" s="706"/>
      <c r="AD45" s="706"/>
      <c r="AE45" s="706"/>
      <c r="AF45" s="706"/>
      <c r="AG45" s="706"/>
      <c r="AH45" s="706"/>
      <c r="AI45" s="706"/>
      <c r="AJ45" s="706"/>
      <c r="AK45" s="706"/>
      <c r="AL45" s="707"/>
      <c r="AM45" s="5"/>
      <c r="AN45" s="959"/>
      <c r="AO45" s="960"/>
      <c r="AP45" s="960"/>
      <c r="AQ45" s="960"/>
      <c r="AR45" s="960"/>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c r="B46" s="690"/>
      <c r="C46" s="690"/>
      <c r="D46" s="690"/>
      <c r="E46" s="690"/>
      <c r="F46" s="690"/>
      <c r="G46" s="690"/>
      <c r="H46" s="690"/>
      <c r="I46" s="690"/>
      <c r="J46" s="690"/>
      <c r="K46" s="690"/>
      <c r="L46" s="690"/>
      <c r="M46" s="691"/>
      <c r="N46" s="143"/>
      <c r="O46" s="771"/>
      <c r="P46" s="772"/>
      <c r="Q46" s="772"/>
      <c r="R46" s="772"/>
      <c r="S46" s="772"/>
      <c r="T46" s="772"/>
      <c r="U46" s="772"/>
      <c r="V46" s="772"/>
      <c r="W46" s="772"/>
      <c r="X46" s="772"/>
      <c r="Y46" s="772"/>
      <c r="Z46" s="772"/>
      <c r="AA46" s="772"/>
      <c r="AB46" s="772"/>
      <c r="AC46" s="772"/>
      <c r="AD46" s="772"/>
      <c r="AE46" s="772"/>
      <c r="AF46" s="772"/>
      <c r="AG46" s="772"/>
      <c r="AH46" s="772"/>
      <c r="AI46" s="772"/>
      <c r="AJ46" s="772"/>
      <c r="AK46" s="772"/>
      <c r="AL46" s="773"/>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692"/>
      <c r="C47" s="692"/>
      <c r="D47" s="692"/>
      <c r="E47" s="692"/>
      <c r="F47" s="692"/>
      <c r="G47" s="692"/>
      <c r="H47" s="692"/>
      <c r="I47" s="692"/>
      <c r="J47" s="692"/>
      <c r="K47" s="692"/>
      <c r="L47" s="692"/>
      <c r="M47" s="693"/>
      <c r="N47" s="144"/>
      <c r="O47" s="771"/>
      <c r="P47" s="772"/>
      <c r="Q47" s="772"/>
      <c r="R47" s="772"/>
      <c r="S47" s="772"/>
      <c r="T47" s="772"/>
      <c r="U47" s="772"/>
      <c r="V47" s="772"/>
      <c r="W47" s="772"/>
      <c r="X47" s="772"/>
      <c r="Y47" s="772"/>
      <c r="Z47" s="772"/>
      <c r="AA47" s="772"/>
      <c r="AB47" s="772"/>
      <c r="AC47" s="772"/>
      <c r="AD47" s="772"/>
      <c r="AE47" s="772"/>
      <c r="AF47" s="772"/>
      <c r="AG47" s="772"/>
      <c r="AH47" s="772"/>
      <c r="AI47" s="772"/>
      <c r="AJ47" s="772"/>
      <c r="AK47" s="772"/>
      <c r="AL47" s="773"/>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690"/>
      <c r="C48" s="690"/>
      <c r="D48" s="690"/>
      <c r="E48" s="690"/>
      <c r="F48" s="690"/>
      <c r="G48" s="690"/>
      <c r="H48" s="690"/>
      <c r="I48" s="690"/>
      <c r="J48" s="690"/>
      <c r="K48" s="690"/>
      <c r="L48" s="690"/>
      <c r="M48" s="691"/>
      <c r="N48" s="143"/>
      <c r="O48" s="771"/>
      <c r="P48" s="772"/>
      <c r="Q48" s="772"/>
      <c r="R48" s="772"/>
      <c r="S48" s="772"/>
      <c r="T48" s="772"/>
      <c r="U48" s="772"/>
      <c r="V48" s="772"/>
      <c r="W48" s="772"/>
      <c r="X48" s="772"/>
      <c r="Y48" s="772"/>
      <c r="Z48" s="772"/>
      <c r="AA48" s="772"/>
      <c r="AB48" s="772"/>
      <c r="AC48" s="772"/>
      <c r="AD48" s="772"/>
      <c r="AE48" s="772"/>
      <c r="AF48" s="772"/>
      <c r="AG48" s="772"/>
      <c r="AH48" s="772"/>
      <c r="AI48" s="772"/>
      <c r="AJ48" s="772"/>
      <c r="AK48" s="772"/>
      <c r="AL48" s="773"/>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144"/>
      <c r="O49" s="771"/>
      <c r="P49" s="772"/>
      <c r="Q49" s="772"/>
      <c r="R49" s="772"/>
      <c r="S49" s="772"/>
      <c r="T49" s="772"/>
      <c r="U49" s="772"/>
      <c r="V49" s="772"/>
      <c r="W49" s="772"/>
      <c r="X49" s="772"/>
      <c r="Y49" s="772"/>
      <c r="Z49" s="772"/>
      <c r="AA49" s="772"/>
      <c r="AB49" s="772"/>
      <c r="AC49" s="772"/>
      <c r="AD49" s="772"/>
      <c r="AE49" s="772"/>
      <c r="AF49" s="772"/>
      <c r="AG49" s="772"/>
      <c r="AH49" s="772"/>
      <c r="AI49" s="772"/>
      <c r="AJ49" s="772"/>
      <c r="AK49" s="772"/>
      <c r="AL49" s="773"/>
      <c r="AM49" s="5"/>
      <c r="AN49" s="223">
        <v>9004.7150000000001</v>
      </c>
      <c r="AO49" s="224"/>
      <c r="AP49" s="224"/>
      <c r="AQ49" s="224"/>
      <c r="AR49" s="224"/>
      <c r="AS49" s="224"/>
      <c r="AT49" s="225"/>
      <c r="AU49" s="229">
        <v>0.96199999999999997</v>
      </c>
      <c r="AV49" s="230"/>
      <c r="AW49" s="230"/>
      <c r="AX49" s="230"/>
      <c r="AY49" s="231"/>
      <c r="AZ49" s="210">
        <v>6.8</v>
      </c>
      <c r="BA49" s="211"/>
      <c r="BB49" s="211"/>
      <c r="BC49" s="211"/>
      <c r="BD49" s="212"/>
      <c r="BE49" s="210">
        <v>0.8</v>
      </c>
      <c r="BF49" s="211"/>
      <c r="BG49" s="211"/>
      <c r="BH49" s="211"/>
      <c r="BI49" s="212"/>
      <c r="BJ49" s="210" t="s">
        <v>227</v>
      </c>
      <c r="BK49" s="211"/>
      <c r="BL49" s="211"/>
      <c r="BM49" s="211"/>
      <c r="BN49" s="212"/>
      <c r="BO49" s="210">
        <v>6.2</v>
      </c>
      <c r="BP49" s="211"/>
      <c r="BQ49" s="211"/>
      <c r="BR49" s="211"/>
      <c r="BS49" s="212"/>
      <c r="BT49" s="210">
        <v>95.3</v>
      </c>
      <c r="BU49" s="211"/>
      <c r="BV49" s="211"/>
      <c r="BW49" s="211"/>
      <c r="BX49" s="212"/>
      <c r="BY49" s="210">
        <v>14.3</v>
      </c>
      <c r="BZ49" s="211"/>
      <c r="CA49" s="211"/>
      <c r="CB49" s="211"/>
      <c r="CC49" s="212"/>
      <c r="CD49" s="210">
        <v>51.9</v>
      </c>
      <c r="CE49" s="211"/>
      <c r="CF49" s="211"/>
      <c r="CG49" s="211"/>
      <c r="CH49" s="212"/>
      <c r="CI49" s="210">
        <v>64.599999999999994</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143"/>
      <c r="O50" s="342" t="s">
        <v>520</v>
      </c>
      <c r="P50" s="343"/>
      <c r="Q50" s="343"/>
      <c r="R50" s="343"/>
      <c r="S50" s="343"/>
      <c r="T50" s="343"/>
      <c r="U50" s="343"/>
      <c r="V50" s="343"/>
      <c r="W50" s="343"/>
      <c r="X50" s="343"/>
      <c r="Y50" s="343"/>
      <c r="Z50" s="343"/>
      <c r="AA50" s="343"/>
      <c r="AB50" s="343"/>
      <c r="AC50" s="343"/>
      <c r="AD50" s="343"/>
      <c r="AE50" s="343"/>
      <c r="AF50" s="343"/>
      <c r="AG50" s="343"/>
      <c r="AH50" s="343"/>
      <c r="AI50" s="343"/>
      <c r="AJ50" s="343"/>
      <c r="AK50" s="343"/>
      <c r="AL50" s="344"/>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1">
    <mergeCell ref="AN1:CM1"/>
    <mergeCell ref="AN2:CM11"/>
    <mergeCell ref="A5:D5"/>
    <mergeCell ref="E5:H5"/>
    <mergeCell ref="N5:AL5"/>
    <mergeCell ref="A6:H7"/>
    <mergeCell ref="I6:AL7"/>
    <mergeCell ref="A8:D9"/>
    <mergeCell ref="F8:K8"/>
    <mergeCell ref="L8:Y8"/>
    <mergeCell ref="Z8:AB9"/>
    <mergeCell ref="AC8:AL9"/>
    <mergeCell ref="E9:Y9"/>
    <mergeCell ref="A1:H4"/>
    <mergeCell ref="I1:M5"/>
    <mergeCell ref="N1:AL4"/>
    <mergeCell ref="A10:D12"/>
    <mergeCell ref="E10:AL12"/>
    <mergeCell ref="AN12:CM12"/>
    <mergeCell ref="A13:D13"/>
    <mergeCell ref="E13:AL13"/>
    <mergeCell ref="AN13:AS14"/>
    <mergeCell ref="AT13:CM14"/>
    <mergeCell ref="A14:E15"/>
    <mergeCell ref="F14:M14"/>
    <mergeCell ref="N14:N29"/>
    <mergeCell ref="AN15:AS16"/>
    <mergeCell ref="AT15:CM16"/>
    <mergeCell ref="A16:E16"/>
    <mergeCell ref="Q16:T16"/>
    <mergeCell ref="U16:X16"/>
    <mergeCell ref="Y16:AL17"/>
    <mergeCell ref="A17:E17"/>
    <mergeCell ref="F17:M17"/>
    <mergeCell ref="Q17:T17"/>
    <mergeCell ref="U17:X17"/>
    <mergeCell ref="O14:P23"/>
    <mergeCell ref="Q14:T14"/>
    <mergeCell ref="U14:X14"/>
    <mergeCell ref="Y14:AL14"/>
    <mergeCell ref="F15:M16"/>
    <mergeCell ref="Q15:T15"/>
    <mergeCell ref="U15:X15"/>
    <mergeCell ref="Y15:AL15"/>
    <mergeCell ref="Y19:AL19"/>
    <mergeCell ref="F22:M23"/>
    <mergeCell ref="F21:M21"/>
    <mergeCell ref="Q21:T21"/>
    <mergeCell ref="U21:X21"/>
    <mergeCell ref="Y21:AL21"/>
    <mergeCell ref="AN17:AS18"/>
    <mergeCell ref="AT17:CM18"/>
    <mergeCell ref="AN22:CM22"/>
    <mergeCell ref="AO23:CM23"/>
    <mergeCell ref="AN19:AS21"/>
    <mergeCell ref="AT19:CM21"/>
    <mergeCell ref="A18:E23"/>
    <mergeCell ref="F18:M18"/>
    <mergeCell ref="Q18:T18"/>
    <mergeCell ref="U18:X18"/>
    <mergeCell ref="Y18:AL18"/>
    <mergeCell ref="F19:M20"/>
    <mergeCell ref="Q19:T19"/>
    <mergeCell ref="U19:X19"/>
    <mergeCell ref="Q22:T22"/>
    <mergeCell ref="U22:X22"/>
    <mergeCell ref="Y22:AL22"/>
    <mergeCell ref="Q23:AL23"/>
    <mergeCell ref="Q20:T20"/>
    <mergeCell ref="U20:X20"/>
    <mergeCell ref="Y20:AL20"/>
    <mergeCell ref="AO26:CM26"/>
    <mergeCell ref="A27:E29"/>
    <mergeCell ref="F27:M27"/>
    <mergeCell ref="Q27:AL27"/>
    <mergeCell ref="AO27:CM27"/>
    <mergeCell ref="F28:M29"/>
    <mergeCell ref="O28:P29"/>
    <mergeCell ref="Q28:AL28"/>
    <mergeCell ref="AN28:BP28"/>
    <mergeCell ref="Q29:AL29"/>
    <mergeCell ref="A24:E26"/>
    <mergeCell ref="F24:M24"/>
    <mergeCell ref="O24:P25"/>
    <mergeCell ref="Q24:AL24"/>
    <mergeCell ref="AO24:CM24"/>
    <mergeCell ref="F25:M26"/>
    <mergeCell ref="Q25:AL25"/>
    <mergeCell ref="AO25:CM25"/>
    <mergeCell ref="O26:P27"/>
    <mergeCell ref="Q26:AL26"/>
    <mergeCell ref="AO29:BP29"/>
    <mergeCell ref="A30:AL30"/>
    <mergeCell ref="AO30:BP30"/>
    <mergeCell ref="BY30:CI30"/>
    <mergeCell ref="A31:AL35"/>
    <mergeCell ref="AO31:BP31"/>
    <mergeCell ref="BR31:BX32"/>
    <mergeCell ref="BY31:CG32"/>
    <mergeCell ref="CH31:CM32"/>
    <mergeCell ref="AO32:BP32"/>
    <mergeCell ref="AO33:BP33"/>
    <mergeCell ref="BR33:BX34"/>
    <mergeCell ref="BY33:CG34"/>
    <mergeCell ref="CH33:CM34"/>
    <mergeCell ref="AN34:BO34"/>
    <mergeCell ref="AN35:AV36"/>
    <mergeCell ref="AW35:BF36"/>
    <mergeCell ref="BG35:BP36"/>
    <mergeCell ref="BR35:BX36"/>
    <mergeCell ref="BY35:CG36"/>
    <mergeCell ref="CH35:CM36"/>
    <mergeCell ref="A36:M36"/>
    <mergeCell ref="O36:AL36"/>
    <mergeCell ref="CH37:CM38"/>
    <mergeCell ref="A38:M38"/>
    <mergeCell ref="O38:AL38"/>
    <mergeCell ref="A39:M39"/>
    <mergeCell ref="O39:AL39"/>
    <mergeCell ref="AN39:AV40"/>
    <mergeCell ref="AW39:BF40"/>
    <mergeCell ref="BG39:BP40"/>
    <mergeCell ref="BR39:BX40"/>
    <mergeCell ref="BY39:CG40"/>
    <mergeCell ref="A37:M37"/>
    <mergeCell ref="O37:AL37"/>
    <mergeCell ref="AN37:AV38"/>
    <mergeCell ref="AW37:BF38"/>
    <mergeCell ref="BG37:BP38"/>
    <mergeCell ref="BR37:BX38"/>
    <mergeCell ref="BY37:CG38"/>
    <mergeCell ref="CH39:CM40"/>
    <mergeCell ref="A40:M40"/>
    <mergeCell ref="O40:AL40"/>
    <mergeCell ref="A42:M42"/>
    <mergeCell ref="AN42:AV43"/>
    <mergeCell ref="AW42:BF43"/>
    <mergeCell ref="BG42:BP43"/>
    <mergeCell ref="A43:M43"/>
    <mergeCell ref="BR42:CB43"/>
    <mergeCell ref="CC42:CM43"/>
    <mergeCell ref="A41:M41"/>
    <mergeCell ref="AU41:BE41"/>
    <mergeCell ref="BR41:CM41"/>
    <mergeCell ref="BG44:BL45"/>
    <mergeCell ref="BM44:BP45"/>
    <mergeCell ref="BR44:BX45"/>
    <mergeCell ref="BY44:CB45"/>
    <mergeCell ref="CC44:CI45"/>
    <mergeCell ref="CJ44:CM45"/>
    <mergeCell ref="A44:M44"/>
    <mergeCell ref="O44:AL44"/>
    <mergeCell ref="AN44:AR45"/>
    <mergeCell ref="AS44:AV45"/>
    <mergeCell ref="AW44:BB45"/>
    <mergeCell ref="BC44:BF45"/>
    <mergeCell ref="A45:M45"/>
    <mergeCell ref="O45:AL45"/>
    <mergeCell ref="A46:M46"/>
    <mergeCell ref="O46:AL46"/>
    <mergeCell ref="AN46:AV46"/>
    <mergeCell ref="AW46:BD46"/>
    <mergeCell ref="CD46:CM46"/>
    <mergeCell ref="A47:M47"/>
    <mergeCell ref="O47:AL47"/>
    <mergeCell ref="AN47:AT48"/>
    <mergeCell ref="AU47:AY48"/>
    <mergeCell ref="AZ47:BD48"/>
    <mergeCell ref="BO49:BS50"/>
    <mergeCell ref="BT49:BX50"/>
    <mergeCell ref="BY49:CC50"/>
    <mergeCell ref="CD49:CH50"/>
    <mergeCell ref="CI49:CM50"/>
    <mergeCell ref="A50:M50"/>
    <mergeCell ref="O50:AL50"/>
    <mergeCell ref="CI47:CM48"/>
    <mergeCell ref="A48:M48"/>
    <mergeCell ref="O48:AL48"/>
    <mergeCell ref="A49:M49"/>
    <mergeCell ref="O49:AL49"/>
    <mergeCell ref="AN49:AT50"/>
    <mergeCell ref="AU49:AY50"/>
    <mergeCell ref="AZ49:BD50"/>
    <mergeCell ref="BE49:BI50"/>
    <mergeCell ref="BJ49:BN50"/>
    <mergeCell ref="BE47:BI48"/>
    <mergeCell ref="BJ47:BN48"/>
    <mergeCell ref="BO47:BS48"/>
    <mergeCell ref="BT47:BX48"/>
    <mergeCell ref="BY47:CC48"/>
    <mergeCell ref="CD47:CH48"/>
  </mergeCells>
  <phoneticPr fontId="3"/>
  <hyperlinks>
    <hyperlink ref="E13:AL13" r:id="rId1" display="http://www.town.aikaw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32―</oddFooter>
  </headerFooter>
  <drawing r:id="rId3"/>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19"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501" t="s" ph="1">
        <v>684</v>
      </c>
      <c r="B1" s="502"/>
      <c r="C1" s="502"/>
      <c r="D1" s="502"/>
      <c r="E1" s="502"/>
      <c r="F1" s="502"/>
      <c r="G1" s="502"/>
      <c r="H1" s="503"/>
      <c r="I1" s="902"/>
      <c r="J1" s="903"/>
      <c r="K1" s="903"/>
      <c r="L1" s="903"/>
      <c r="M1" s="904"/>
      <c r="N1" s="466" t="s">
        <v>685</v>
      </c>
      <c r="O1" s="467"/>
      <c r="P1" s="467"/>
      <c r="Q1" s="467"/>
      <c r="R1" s="467"/>
      <c r="S1" s="467"/>
      <c r="T1" s="467"/>
      <c r="U1" s="467"/>
      <c r="V1" s="467"/>
      <c r="W1" s="467"/>
      <c r="X1" s="467"/>
      <c r="Y1" s="467"/>
      <c r="Z1" s="467"/>
      <c r="AA1" s="467"/>
      <c r="AB1" s="467"/>
      <c r="AC1" s="467"/>
      <c r="AD1" s="467"/>
      <c r="AE1" s="467"/>
      <c r="AF1" s="467"/>
      <c r="AG1" s="467"/>
      <c r="AH1" s="467"/>
      <c r="AI1" s="467"/>
      <c r="AJ1" s="467"/>
      <c r="AK1" s="467"/>
      <c r="AL1" s="468"/>
      <c r="AM1" s="93"/>
      <c r="AN1" s="457" t="s">
        <v>686</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504"/>
      <c r="B2" s="505"/>
      <c r="C2" s="505"/>
      <c r="D2" s="505"/>
      <c r="E2" s="505"/>
      <c r="F2" s="505"/>
      <c r="G2" s="505"/>
      <c r="H2" s="506"/>
      <c r="I2" s="905"/>
      <c r="J2" s="906"/>
      <c r="K2" s="906"/>
      <c r="L2" s="906"/>
      <c r="M2" s="907"/>
      <c r="N2" s="469"/>
      <c r="O2" s="470"/>
      <c r="P2" s="470"/>
      <c r="Q2" s="470"/>
      <c r="R2" s="470"/>
      <c r="S2" s="470"/>
      <c r="T2" s="470"/>
      <c r="U2" s="470"/>
      <c r="V2" s="470"/>
      <c r="W2" s="470"/>
      <c r="X2" s="470"/>
      <c r="Y2" s="470"/>
      <c r="Z2" s="470"/>
      <c r="AA2" s="470"/>
      <c r="AB2" s="470"/>
      <c r="AC2" s="470"/>
      <c r="AD2" s="470"/>
      <c r="AE2" s="470"/>
      <c r="AF2" s="470"/>
      <c r="AG2" s="470"/>
      <c r="AH2" s="470"/>
      <c r="AI2" s="470"/>
      <c r="AJ2" s="470"/>
      <c r="AK2" s="470"/>
      <c r="AL2" s="471"/>
      <c r="AM2" s="5"/>
      <c r="AN2" s="302" t="s">
        <v>765</v>
      </c>
      <c r="AO2" s="303"/>
      <c r="AP2" s="303"/>
      <c r="AQ2" s="303"/>
      <c r="AR2" s="303"/>
      <c r="AS2" s="303"/>
      <c r="AT2" s="303"/>
      <c r="AU2" s="303"/>
      <c r="AV2" s="303"/>
      <c r="AW2" s="303"/>
      <c r="AX2" s="303"/>
      <c r="AY2" s="303"/>
      <c r="AZ2" s="303"/>
      <c r="BA2" s="303"/>
      <c r="BB2" s="303"/>
      <c r="BC2" s="303"/>
      <c r="BD2" s="303"/>
      <c r="BE2" s="303"/>
      <c r="BF2" s="303"/>
      <c r="BG2" s="303"/>
      <c r="BH2" s="303"/>
      <c r="BI2" s="303"/>
      <c r="BJ2" s="303"/>
      <c r="BK2" s="303"/>
      <c r="BL2" s="303"/>
      <c r="BM2" s="303"/>
      <c r="BN2" s="303"/>
      <c r="BO2" s="303"/>
      <c r="BP2" s="303"/>
      <c r="BQ2" s="303"/>
      <c r="BR2" s="303"/>
      <c r="BS2" s="303"/>
      <c r="BT2" s="303"/>
      <c r="BU2" s="303"/>
      <c r="BV2" s="303"/>
      <c r="BW2" s="303"/>
      <c r="BX2" s="303"/>
      <c r="BY2" s="303"/>
      <c r="BZ2" s="303"/>
      <c r="CA2" s="303"/>
      <c r="CB2" s="303"/>
      <c r="CC2" s="303"/>
      <c r="CD2" s="303"/>
      <c r="CE2" s="303"/>
      <c r="CF2" s="303"/>
      <c r="CG2" s="303"/>
      <c r="CH2" s="303"/>
      <c r="CI2" s="303"/>
      <c r="CJ2" s="303"/>
      <c r="CK2" s="303"/>
      <c r="CL2" s="303"/>
      <c r="CM2" s="304"/>
      <c r="CQ2" s="3" ph="1"/>
    </row>
    <row r="3" spans="1:100" ht="17.25" customHeight="1" x14ac:dyDescent="0.15">
      <c r="A3" s="504"/>
      <c r="B3" s="505"/>
      <c r="C3" s="505"/>
      <c r="D3" s="505"/>
      <c r="E3" s="505"/>
      <c r="F3" s="505"/>
      <c r="G3" s="505"/>
      <c r="H3" s="506"/>
      <c r="I3" s="905"/>
      <c r="J3" s="906"/>
      <c r="K3" s="906"/>
      <c r="L3" s="906"/>
      <c r="M3" s="907"/>
      <c r="N3" s="469"/>
      <c r="O3" s="470"/>
      <c r="P3" s="470"/>
      <c r="Q3" s="470"/>
      <c r="R3" s="470"/>
      <c r="S3" s="470"/>
      <c r="T3" s="470"/>
      <c r="U3" s="470"/>
      <c r="V3" s="470"/>
      <c r="W3" s="470"/>
      <c r="X3" s="470"/>
      <c r="Y3" s="470"/>
      <c r="Z3" s="470"/>
      <c r="AA3" s="470"/>
      <c r="AB3" s="470"/>
      <c r="AC3" s="470"/>
      <c r="AD3" s="470"/>
      <c r="AE3" s="470"/>
      <c r="AF3" s="470"/>
      <c r="AG3" s="470"/>
      <c r="AH3" s="470"/>
      <c r="AI3" s="470"/>
      <c r="AJ3" s="470"/>
      <c r="AK3" s="470"/>
      <c r="AL3" s="471"/>
      <c r="AM3" s="5"/>
      <c r="AN3" s="305"/>
      <c r="AO3" s="306"/>
      <c r="AP3" s="306"/>
      <c r="AQ3" s="306"/>
      <c r="AR3" s="306"/>
      <c r="AS3" s="306"/>
      <c r="AT3" s="306"/>
      <c r="AU3" s="306"/>
      <c r="AV3" s="306"/>
      <c r="AW3" s="306"/>
      <c r="AX3" s="306"/>
      <c r="AY3" s="306"/>
      <c r="AZ3" s="306"/>
      <c r="BA3" s="306"/>
      <c r="BB3" s="306"/>
      <c r="BC3" s="306"/>
      <c r="BD3" s="306"/>
      <c r="BE3" s="306"/>
      <c r="BF3" s="306"/>
      <c r="BG3" s="306"/>
      <c r="BH3" s="306"/>
      <c r="BI3" s="306"/>
      <c r="BJ3" s="306"/>
      <c r="BK3" s="306"/>
      <c r="BL3" s="306"/>
      <c r="BM3" s="306"/>
      <c r="BN3" s="306"/>
      <c r="BO3" s="306"/>
      <c r="BP3" s="306"/>
      <c r="BQ3" s="306"/>
      <c r="BR3" s="306"/>
      <c r="BS3" s="306"/>
      <c r="BT3" s="306"/>
      <c r="BU3" s="306"/>
      <c r="BV3" s="306"/>
      <c r="BW3" s="306"/>
      <c r="BX3" s="306"/>
      <c r="BY3" s="306"/>
      <c r="BZ3" s="306"/>
      <c r="CA3" s="306"/>
      <c r="CB3" s="306"/>
      <c r="CC3" s="306"/>
      <c r="CD3" s="306"/>
      <c r="CE3" s="306"/>
      <c r="CF3" s="306"/>
      <c r="CG3" s="306"/>
      <c r="CH3" s="306"/>
      <c r="CI3" s="306"/>
      <c r="CJ3" s="306"/>
      <c r="CK3" s="306"/>
      <c r="CL3" s="306"/>
      <c r="CM3" s="307"/>
      <c r="CQ3" s="3" ph="1"/>
    </row>
    <row r="4" spans="1:100" ht="17.25" customHeight="1" x14ac:dyDescent="0.15">
      <c r="A4" s="507"/>
      <c r="B4" s="508"/>
      <c r="C4" s="508"/>
      <c r="D4" s="508"/>
      <c r="E4" s="508"/>
      <c r="F4" s="508"/>
      <c r="G4" s="508"/>
      <c r="H4" s="509"/>
      <c r="I4" s="905"/>
      <c r="J4" s="906"/>
      <c r="K4" s="906"/>
      <c r="L4" s="906"/>
      <c r="M4" s="907"/>
      <c r="N4" s="469"/>
      <c r="O4" s="470"/>
      <c r="P4" s="470"/>
      <c r="Q4" s="470"/>
      <c r="R4" s="470"/>
      <c r="S4" s="470"/>
      <c r="T4" s="470"/>
      <c r="U4" s="470"/>
      <c r="V4" s="470"/>
      <c r="W4" s="470"/>
      <c r="X4" s="470"/>
      <c r="Y4" s="470"/>
      <c r="Z4" s="470"/>
      <c r="AA4" s="470"/>
      <c r="AB4" s="470"/>
      <c r="AC4" s="470"/>
      <c r="AD4" s="470"/>
      <c r="AE4" s="470"/>
      <c r="AF4" s="470"/>
      <c r="AG4" s="470"/>
      <c r="AH4" s="470"/>
      <c r="AI4" s="470"/>
      <c r="AJ4" s="470"/>
      <c r="AK4" s="470"/>
      <c r="AL4" s="471"/>
      <c r="AM4" s="5"/>
      <c r="AN4" s="305"/>
      <c r="AO4" s="306"/>
      <c r="AP4" s="306"/>
      <c r="AQ4" s="306"/>
      <c r="AR4" s="306"/>
      <c r="AS4" s="306"/>
      <c r="AT4" s="306"/>
      <c r="AU4" s="306"/>
      <c r="AV4" s="306"/>
      <c r="AW4" s="306"/>
      <c r="AX4" s="306"/>
      <c r="AY4" s="306"/>
      <c r="AZ4" s="306"/>
      <c r="BA4" s="306"/>
      <c r="BB4" s="306"/>
      <c r="BC4" s="306"/>
      <c r="BD4" s="306"/>
      <c r="BE4" s="306"/>
      <c r="BF4" s="306"/>
      <c r="BG4" s="306"/>
      <c r="BH4" s="306"/>
      <c r="BI4" s="306"/>
      <c r="BJ4" s="306"/>
      <c r="BK4" s="306"/>
      <c r="BL4" s="306"/>
      <c r="BM4" s="306"/>
      <c r="BN4" s="306"/>
      <c r="BO4" s="306"/>
      <c r="BP4" s="306"/>
      <c r="BQ4" s="306"/>
      <c r="BR4" s="306"/>
      <c r="BS4" s="306"/>
      <c r="BT4" s="306"/>
      <c r="BU4" s="306"/>
      <c r="BV4" s="306"/>
      <c r="BW4" s="306"/>
      <c r="BX4" s="306"/>
      <c r="BY4" s="306"/>
      <c r="BZ4" s="306"/>
      <c r="CA4" s="306"/>
      <c r="CB4" s="306"/>
      <c r="CC4" s="306"/>
      <c r="CD4" s="306"/>
      <c r="CE4" s="306"/>
      <c r="CF4" s="306"/>
      <c r="CG4" s="306"/>
      <c r="CH4" s="306"/>
      <c r="CI4" s="306"/>
      <c r="CJ4" s="306"/>
      <c r="CK4" s="306"/>
      <c r="CL4" s="306"/>
      <c r="CM4" s="307"/>
    </row>
    <row r="5" spans="1:100" ht="17.25" customHeight="1" x14ac:dyDescent="0.15">
      <c r="A5" s="641" t="s">
        <v>236</v>
      </c>
      <c r="B5" s="641"/>
      <c r="C5" s="641"/>
      <c r="D5" s="641"/>
      <c r="E5" s="458">
        <v>144029</v>
      </c>
      <c r="F5" s="458"/>
      <c r="G5" s="458"/>
      <c r="H5" s="458"/>
      <c r="I5" s="908"/>
      <c r="J5" s="909"/>
      <c r="K5" s="909"/>
      <c r="L5" s="909"/>
      <c r="M5" s="910"/>
      <c r="N5" s="459" t="s">
        <v>687</v>
      </c>
      <c r="O5" s="459"/>
      <c r="P5" s="459"/>
      <c r="Q5" s="459"/>
      <c r="R5" s="459"/>
      <c r="S5" s="459"/>
      <c r="T5" s="459"/>
      <c r="U5" s="459"/>
      <c r="V5" s="459"/>
      <c r="W5" s="459"/>
      <c r="X5" s="459"/>
      <c r="Y5" s="459"/>
      <c r="Z5" s="459"/>
      <c r="AA5" s="459"/>
      <c r="AB5" s="459"/>
      <c r="AC5" s="459"/>
      <c r="AD5" s="459"/>
      <c r="AE5" s="459"/>
      <c r="AF5" s="459"/>
      <c r="AG5" s="459"/>
      <c r="AH5" s="459"/>
      <c r="AI5" s="459"/>
      <c r="AJ5" s="459"/>
      <c r="AK5" s="459"/>
      <c r="AL5" s="459"/>
      <c r="AM5" s="5"/>
      <c r="AN5" s="305"/>
      <c r="AO5" s="306"/>
      <c r="AP5" s="306"/>
      <c r="AQ5" s="306"/>
      <c r="AR5" s="306"/>
      <c r="AS5" s="306"/>
      <c r="AT5" s="306"/>
      <c r="AU5" s="306"/>
      <c r="AV5" s="306"/>
      <c r="AW5" s="306"/>
      <c r="AX5" s="306"/>
      <c r="AY5" s="306"/>
      <c r="AZ5" s="306"/>
      <c r="BA5" s="306"/>
      <c r="BB5" s="306"/>
      <c r="BC5" s="306"/>
      <c r="BD5" s="306"/>
      <c r="BE5" s="306"/>
      <c r="BF5" s="306"/>
      <c r="BG5" s="306"/>
      <c r="BH5" s="306"/>
      <c r="BI5" s="306"/>
      <c r="BJ5" s="306"/>
      <c r="BK5" s="306"/>
      <c r="BL5" s="306"/>
      <c r="BM5" s="306"/>
      <c r="BN5" s="306"/>
      <c r="BO5" s="306"/>
      <c r="BP5" s="306"/>
      <c r="BQ5" s="306"/>
      <c r="BR5" s="306"/>
      <c r="BS5" s="306"/>
      <c r="BT5" s="306"/>
      <c r="BU5" s="306"/>
      <c r="BV5" s="306"/>
      <c r="BW5" s="306"/>
      <c r="BX5" s="306"/>
      <c r="BY5" s="306"/>
      <c r="BZ5" s="306"/>
      <c r="CA5" s="306"/>
      <c r="CB5" s="306"/>
      <c r="CC5" s="306"/>
      <c r="CD5" s="306"/>
      <c r="CE5" s="306"/>
      <c r="CF5" s="306"/>
      <c r="CG5" s="306"/>
      <c r="CH5" s="306"/>
      <c r="CI5" s="306"/>
      <c r="CJ5" s="306"/>
      <c r="CK5" s="306"/>
      <c r="CL5" s="306"/>
      <c r="CM5" s="307"/>
    </row>
    <row r="6" spans="1:100" ht="17.25" customHeight="1" x14ac:dyDescent="0.15">
      <c r="A6" s="382" t="s">
        <v>237</v>
      </c>
      <c r="B6" s="484"/>
      <c r="C6" s="484"/>
      <c r="D6" s="484"/>
      <c r="E6" s="484"/>
      <c r="F6" s="484"/>
      <c r="G6" s="484"/>
      <c r="H6" s="485"/>
      <c r="I6" s="486" t="s">
        <v>1328</v>
      </c>
      <c r="J6" s="487"/>
      <c r="K6" s="487"/>
      <c r="L6" s="487"/>
      <c r="M6" s="487"/>
      <c r="N6" s="487"/>
      <c r="O6" s="487"/>
      <c r="P6" s="487"/>
      <c r="Q6" s="487"/>
      <c r="R6" s="487"/>
      <c r="S6" s="487"/>
      <c r="T6" s="487"/>
      <c r="U6" s="487"/>
      <c r="V6" s="487"/>
      <c r="W6" s="487"/>
      <c r="X6" s="487"/>
      <c r="Y6" s="487"/>
      <c r="Z6" s="487"/>
      <c r="AA6" s="487"/>
      <c r="AB6" s="487"/>
      <c r="AC6" s="487"/>
      <c r="AD6" s="487"/>
      <c r="AE6" s="487"/>
      <c r="AF6" s="487"/>
      <c r="AG6" s="487"/>
      <c r="AH6" s="487"/>
      <c r="AI6" s="487"/>
      <c r="AJ6" s="487"/>
      <c r="AK6" s="487"/>
      <c r="AL6" s="488"/>
      <c r="AM6" s="5"/>
      <c r="AN6" s="305"/>
      <c r="AO6" s="306"/>
      <c r="AP6" s="306"/>
      <c r="AQ6" s="306"/>
      <c r="AR6" s="306"/>
      <c r="AS6" s="306"/>
      <c r="AT6" s="306"/>
      <c r="AU6" s="306"/>
      <c r="AV6" s="306"/>
      <c r="AW6" s="306"/>
      <c r="AX6" s="306"/>
      <c r="AY6" s="306"/>
      <c r="AZ6" s="306"/>
      <c r="BA6" s="306"/>
      <c r="BB6" s="306"/>
      <c r="BC6" s="306"/>
      <c r="BD6" s="306"/>
      <c r="BE6" s="306"/>
      <c r="BF6" s="306"/>
      <c r="BG6" s="306"/>
      <c r="BH6" s="306"/>
      <c r="BI6" s="306"/>
      <c r="BJ6" s="306"/>
      <c r="BK6" s="306"/>
      <c r="BL6" s="306"/>
      <c r="BM6" s="306"/>
      <c r="BN6" s="306"/>
      <c r="BO6" s="306"/>
      <c r="BP6" s="306"/>
      <c r="BQ6" s="306"/>
      <c r="BR6" s="306"/>
      <c r="BS6" s="306"/>
      <c r="BT6" s="306"/>
      <c r="BU6" s="306"/>
      <c r="BV6" s="306"/>
      <c r="BW6" s="306"/>
      <c r="BX6" s="306"/>
      <c r="BY6" s="306"/>
      <c r="BZ6" s="306"/>
      <c r="CA6" s="306"/>
      <c r="CB6" s="306"/>
      <c r="CC6" s="306"/>
      <c r="CD6" s="306"/>
      <c r="CE6" s="306"/>
      <c r="CF6" s="306"/>
      <c r="CG6" s="306"/>
      <c r="CH6" s="306"/>
      <c r="CI6" s="306"/>
      <c r="CJ6" s="306"/>
      <c r="CK6" s="306"/>
      <c r="CL6" s="306"/>
      <c r="CM6" s="307"/>
    </row>
    <row r="7" spans="1:100" ht="17.25" customHeight="1" x14ac:dyDescent="0.15">
      <c r="A7" s="364"/>
      <c r="B7" s="365"/>
      <c r="C7" s="365"/>
      <c r="D7" s="365"/>
      <c r="E7" s="365"/>
      <c r="F7" s="365"/>
      <c r="G7" s="365"/>
      <c r="H7" s="366"/>
      <c r="I7" s="489"/>
      <c r="J7" s="490"/>
      <c r="K7" s="490"/>
      <c r="L7" s="490"/>
      <c r="M7" s="490"/>
      <c r="N7" s="490"/>
      <c r="O7" s="490"/>
      <c r="P7" s="490"/>
      <c r="Q7" s="490"/>
      <c r="R7" s="490"/>
      <c r="S7" s="490"/>
      <c r="T7" s="490"/>
      <c r="U7" s="490"/>
      <c r="V7" s="490"/>
      <c r="W7" s="490"/>
      <c r="X7" s="490"/>
      <c r="Y7" s="490"/>
      <c r="Z7" s="490"/>
      <c r="AA7" s="490"/>
      <c r="AB7" s="490"/>
      <c r="AC7" s="490"/>
      <c r="AD7" s="490"/>
      <c r="AE7" s="490"/>
      <c r="AF7" s="490"/>
      <c r="AG7" s="490"/>
      <c r="AH7" s="490"/>
      <c r="AI7" s="490"/>
      <c r="AJ7" s="490"/>
      <c r="AK7" s="490"/>
      <c r="AL7" s="491"/>
      <c r="AM7" s="5"/>
      <c r="AN7" s="305"/>
      <c r="AO7" s="306"/>
      <c r="AP7" s="306"/>
      <c r="AQ7" s="306"/>
      <c r="AR7" s="306"/>
      <c r="AS7" s="306"/>
      <c r="AT7" s="306"/>
      <c r="AU7" s="306"/>
      <c r="AV7" s="306"/>
      <c r="AW7" s="306"/>
      <c r="AX7" s="306"/>
      <c r="AY7" s="306"/>
      <c r="AZ7" s="306"/>
      <c r="BA7" s="306"/>
      <c r="BB7" s="306"/>
      <c r="BC7" s="306"/>
      <c r="BD7" s="306"/>
      <c r="BE7" s="306"/>
      <c r="BF7" s="306"/>
      <c r="BG7" s="306"/>
      <c r="BH7" s="306"/>
      <c r="BI7" s="306"/>
      <c r="BJ7" s="306"/>
      <c r="BK7" s="306"/>
      <c r="BL7" s="306"/>
      <c r="BM7" s="306"/>
      <c r="BN7" s="306"/>
      <c r="BO7" s="306"/>
      <c r="BP7" s="306"/>
      <c r="BQ7" s="306"/>
      <c r="BR7" s="306"/>
      <c r="BS7" s="306"/>
      <c r="BT7" s="306"/>
      <c r="BU7" s="306"/>
      <c r="BV7" s="306"/>
      <c r="BW7" s="306"/>
      <c r="BX7" s="306"/>
      <c r="BY7" s="306"/>
      <c r="BZ7" s="306"/>
      <c r="CA7" s="306"/>
      <c r="CB7" s="306"/>
      <c r="CC7" s="306"/>
      <c r="CD7" s="306"/>
      <c r="CE7" s="306"/>
      <c r="CF7" s="306"/>
      <c r="CG7" s="306"/>
      <c r="CH7" s="306"/>
      <c r="CI7" s="306"/>
      <c r="CJ7" s="306"/>
      <c r="CK7" s="306"/>
      <c r="CL7" s="306"/>
      <c r="CM7" s="307"/>
    </row>
    <row r="8" spans="1:100" ht="17.25" customHeight="1" x14ac:dyDescent="0.15">
      <c r="A8" s="292" t="s">
        <v>238</v>
      </c>
      <c r="B8" s="293"/>
      <c r="C8" s="293"/>
      <c r="D8" s="294"/>
      <c r="E8" s="65" t="s">
        <v>0</v>
      </c>
      <c r="F8" s="1345" t="s">
        <v>688</v>
      </c>
      <c r="G8" s="1345"/>
      <c r="H8" s="1345"/>
      <c r="I8" s="1345"/>
      <c r="J8" s="1345"/>
      <c r="K8" s="1345"/>
      <c r="L8" s="1345"/>
      <c r="M8" s="1345"/>
      <c r="N8" s="1345"/>
      <c r="O8" s="1345"/>
      <c r="P8" s="1345"/>
      <c r="Q8" s="1345"/>
      <c r="R8" s="1345"/>
      <c r="S8" s="1345"/>
      <c r="T8" s="1345"/>
      <c r="U8" s="1345"/>
      <c r="V8" s="1345"/>
      <c r="W8" s="1345"/>
      <c r="X8" s="1345"/>
      <c r="Y8" s="1346"/>
      <c r="Z8" s="382" t="s">
        <v>239</v>
      </c>
      <c r="AA8" s="484"/>
      <c r="AB8" s="485"/>
      <c r="AC8" s="895" t="s">
        <v>689</v>
      </c>
      <c r="AD8" s="896"/>
      <c r="AE8" s="896"/>
      <c r="AF8" s="896"/>
      <c r="AG8" s="896"/>
      <c r="AH8" s="896"/>
      <c r="AI8" s="896"/>
      <c r="AJ8" s="896"/>
      <c r="AK8" s="896"/>
      <c r="AL8" s="897"/>
      <c r="AM8" s="5"/>
      <c r="AN8" s="305"/>
      <c r="AO8" s="306"/>
      <c r="AP8" s="306"/>
      <c r="AQ8" s="306"/>
      <c r="AR8" s="306"/>
      <c r="AS8" s="306"/>
      <c r="AT8" s="306"/>
      <c r="AU8" s="306"/>
      <c r="AV8" s="306"/>
      <c r="AW8" s="306"/>
      <c r="AX8" s="306"/>
      <c r="AY8" s="306"/>
      <c r="AZ8" s="306"/>
      <c r="BA8" s="306"/>
      <c r="BB8" s="306"/>
      <c r="BC8" s="306"/>
      <c r="BD8" s="306"/>
      <c r="BE8" s="306"/>
      <c r="BF8" s="306"/>
      <c r="BG8" s="306"/>
      <c r="BH8" s="306"/>
      <c r="BI8" s="306"/>
      <c r="BJ8" s="306"/>
      <c r="BK8" s="306"/>
      <c r="BL8" s="306"/>
      <c r="BM8" s="306"/>
      <c r="BN8" s="306"/>
      <c r="BO8" s="306"/>
      <c r="BP8" s="306"/>
      <c r="BQ8" s="306"/>
      <c r="BR8" s="306"/>
      <c r="BS8" s="306"/>
      <c r="BT8" s="306"/>
      <c r="BU8" s="306"/>
      <c r="BV8" s="306"/>
      <c r="BW8" s="306"/>
      <c r="BX8" s="306"/>
      <c r="BY8" s="306"/>
      <c r="BZ8" s="306"/>
      <c r="CA8" s="306"/>
      <c r="CB8" s="306"/>
      <c r="CC8" s="306"/>
      <c r="CD8" s="306"/>
      <c r="CE8" s="306"/>
      <c r="CF8" s="306"/>
      <c r="CG8" s="306"/>
      <c r="CH8" s="306"/>
      <c r="CI8" s="306"/>
      <c r="CJ8" s="306"/>
      <c r="CK8" s="306"/>
      <c r="CL8" s="306"/>
      <c r="CM8" s="307"/>
    </row>
    <row r="9" spans="1:100" ht="17.25" customHeight="1" x14ac:dyDescent="0.15">
      <c r="A9" s="295"/>
      <c r="B9" s="296"/>
      <c r="C9" s="296"/>
      <c r="D9" s="297"/>
      <c r="E9" s="489" t="s">
        <v>690</v>
      </c>
      <c r="F9" s="490"/>
      <c r="G9" s="490"/>
      <c r="H9" s="490"/>
      <c r="I9" s="490"/>
      <c r="J9" s="490"/>
      <c r="K9" s="490"/>
      <c r="L9" s="490"/>
      <c r="M9" s="490"/>
      <c r="N9" s="490"/>
      <c r="O9" s="490"/>
      <c r="P9" s="490"/>
      <c r="Q9" s="490"/>
      <c r="R9" s="490"/>
      <c r="S9" s="490"/>
      <c r="T9" s="490"/>
      <c r="U9" s="490"/>
      <c r="V9" s="490"/>
      <c r="W9" s="490"/>
      <c r="X9" s="490"/>
      <c r="Y9" s="491"/>
      <c r="Z9" s="364"/>
      <c r="AA9" s="365"/>
      <c r="AB9" s="366"/>
      <c r="AC9" s="898"/>
      <c r="AD9" s="899"/>
      <c r="AE9" s="899"/>
      <c r="AF9" s="899"/>
      <c r="AG9" s="899"/>
      <c r="AH9" s="899"/>
      <c r="AI9" s="899"/>
      <c r="AJ9" s="899"/>
      <c r="AK9" s="899"/>
      <c r="AL9" s="900"/>
      <c r="AM9" s="5"/>
      <c r="AN9" s="518" t="s">
        <v>245</v>
      </c>
      <c r="AO9" s="518"/>
      <c r="AP9" s="518"/>
      <c r="AQ9" s="518"/>
      <c r="AR9" s="518"/>
      <c r="AS9" s="518"/>
      <c r="AT9" s="518"/>
      <c r="AU9" s="518"/>
      <c r="AV9" s="518"/>
      <c r="AW9" s="518"/>
      <c r="AX9" s="518"/>
      <c r="AY9" s="518"/>
      <c r="AZ9" s="518"/>
      <c r="BA9" s="518"/>
      <c r="BB9" s="518"/>
      <c r="BC9" s="518"/>
      <c r="BD9" s="518"/>
      <c r="BE9" s="518"/>
      <c r="BF9" s="518"/>
      <c r="BG9" s="518"/>
      <c r="BH9" s="518"/>
      <c r="BI9" s="518"/>
      <c r="BJ9" s="518"/>
      <c r="BK9" s="518"/>
      <c r="BL9" s="518"/>
      <c r="BM9" s="518"/>
      <c r="BN9" s="518"/>
      <c r="BO9" s="518"/>
      <c r="BP9" s="518"/>
      <c r="BQ9" s="518"/>
      <c r="BR9" s="518"/>
      <c r="BS9" s="518"/>
      <c r="BT9" s="518"/>
      <c r="BU9" s="518"/>
      <c r="BV9" s="518"/>
      <c r="BW9" s="518"/>
      <c r="BX9" s="518"/>
      <c r="BY9" s="518"/>
      <c r="BZ9" s="518"/>
      <c r="CA9" s="518"/>
      <c r="CB9" s="518"/>
      <c r="CC9" s="518"/>
      <c r="CD9" s="518"/>
      <c r="CE9" s="518"/>
      <c r="CF9" s="518"/>
      <c r="CG9" s="518"/>
      <c r="CH9" s="518"/>
      <c r="CI9" s="518"/>
      <c r="CJ9" s="518"/>
      <c r="CK9" s="518"/>
      <c r="CL9" s="518"/>
      <c r="CM9" s="518"/>
    </row>
    <row r="10" spans="1:100" ht="17.25" customHeight="1" x14ac:dyDescent="0.15">
      <c r="A10" s="292" t="s">
        <v>240</v>
      </c>
      <c r="B10" s="293"/>
      <c r="C10" s="293"/>
      <c r="D10" s="294"/>
      <c r="E10" s="460" t="s">
        <v>691</v>
      </c>
      <c r="F10" s="349"/>
      <c r="G10" s="349"/>
      <c r="H10" s="349"/>
      <c r="I10" s="349"/>
      <c r="J10" s="349"/>
      <c r="K10" s="349"/>
      <c r="L10" s="349"/>
      <c r="M10" s="349"/>
      <c r="N10" s="349"/>
      <c r="O10" s="349"/>
      <c r="P10" s="349"/>
      <c r="Q10" s="349"/>
      <c r="R10" s="349"/>
      <c r="S10" s="349"/>
      <c r="T10" s="349"/>
      <c r="U10" s="349"/>
      <c r="V10" s="349"/>
      <c r="W10" s="349"/>
      <c r="X10" s="349"/>
      <c r="Y10" s="349"/>
      <c r="Z10" s="349"/>
      <c r="AA10" s="349"/>
      <c r="AB10" s="349"/>
      <c r="AC10" s="349"/>
      <c r="AD10" s="349"/>
      <c r="AE10" s="349"/>
      <c r="AF10" s="349"/>
      <c r="AG10" s="349"/>
      <c r="AH10" s="349"/>
      <c r="AI10" s="349"/>
      <c r="AJ10" s="349"/>
      <c r="AK10" s="349"/>
      <c r="AL10" s="350"/>
      <c r="AM10" s="5"/>
      <c r="AN10" s="292" t="s">
        <v>219</v>
      </c>
      <c r="AO10" s="293"/>
      <c r="AP10" s="293"/>
      <c r="AQ10" s="293"/>
      <c r="AR10" s="293"/>
      <c r="AS10" s="294"/>
      <c r="AT10" s="392" t="s">
        <v>694</v>
      </c>
      <c r="AU10" s="393"/>
      <c r="AV10" s="393"/>
      <c r="AW10" s="393"/>
      <c r="AX10" s="393"/>
      <c r="AY10" s="393"/>
      <c r="AZ10" s="393"/>
      <c r="BA10" s="393"/>
      <c r="BB10" s="393"/>
      <c r="BC10" s="393"/>
      <c r="BD10" s="393"/>
      <c r="BE10" s="393"/>
      <c r="BF10" s="393"/>
      <c r="BG10" s="393"/>
      <c r="BH10" s="393"/>
      <c r="BI10" s="393"/>
      <c r="BJ10" s="393"/>
      <c r="BK10" s="393"/>
      <c r="BL10" s="393"/>
      <c r="BM10" s="393"/>
      <c r="BN10" s="393"/>
      <c r="BO10" s="393"/>
      <c r="BP10" s="393"/>
      <c r="BQ10" s="393"/>
      <c r="BR10" s="393"/>
      <c r="BS10" s="393"/>
      <c r="BT10" s="393"/>
      <c r="BU10" s="393"/>
      <c r="BV10" s="393"/>
      <c r="BW10" s="393"/>
      <c r="BX10" s="393"/>
      <c r="BY10" s="393"/>
      <c r="BZ10" s="393"/>
      <c r="CA10" s="393"/>
      <c r="CB10" s="393"/>
      <c r="CC10" s="393"/>
      <c r="CD10" s="393"/>
      <c r="CE10" s="393"/>
      <c r="CF10" s="393"/>
      <c r="CG10" s="393"/>
      <c r="CH10" s="393"/>
      <c r="CI10" s="393"/>
      <c r="CJ10" s="393"/>
      <c r="CK10" s="393"/>
      <c r="CL10" s="393"/>
      <c r="CM10" s="394"/>
    </row>
    <row r="11" spans="1:100" ht="17.25" customHeight="1" x14ac:dyDescent="0.15">
      <c r="A11" s="295"/>
      <c r="B11" s="296"/>
      <c r="C11" s="296"/>
      <c r="D11" s="297"/>
      <c r="E11" s="901"/>
      <c r="F11" s="353"/>
      <c r="G11" s="353"/>
      <c r="H11" s="353"/>
      <c r="I11" s="353"/>
      <c r="J11" s="353"/>
      <c r="K11" s="353"/>
      <c r="L11" s="353"/>
      <c r="M11" s="353"/>
      <c r="N11" s="353"/>
      <c r="O11" s="353"/>
      <c r="P11" s="353"/>
      <c r="Q11" s="353"/>
      <c r="R11" s="353"/>
      <c r="S11" s="353"/>
      <c r="T11" s="353"/>
      <c r="U11" s="353"/>
      <c r="V11" s="353"/>
      <c r="W11" s="353"/>
      <c r="X11" s="353"/>
      <c r="Y11" s="353"/>
      <c r="Z11" s="353"/>
      <c r="AA11" s="353"/>
      <c r="AB11" s="353"/>
      <c r="AC11" s="353"/>
      <c r="AD11" s="353"/>
      <c r="AE11" s="353"/>
      <c r="AF11" s="353"/>
      <c r="AG11" s="353"/>
      <c r="AH11" s="353"/>
      <c r="AI11" s="353"/>
      <c r="AJ11" s="353"/>
      <c r="AK11" s="353"/>
      <c r="AL11" s="354"/>
      <c r="AM11" s="5"/>
      <c r="AN11" s="436"/>
      <c r="AO11" s="437"/>
      <c r="AP11" s="437"/>
      <c r="AQ11" s="437"/>
      <c r="AR11" s="437"/>
      <c r="AS11" s="438"/>
      <c r="AT11" s="402"/>
      <c r="AU11" s="403"/>
      <c r="AV11" s="403"/>
      <c r="AW11" s="403"/>
      <c r="AX11" s="403"/>
      <c r="AY11" s="403"/>
      <c r="AZ11" s="403"/>
      <c r="BA11" s="403"/>
      <c r="BB11" s="403"/>
      <c r="BC11" s="403"/>
      <c r="BD11" s="403"/>
      <c r="BE11" s="403"/>
      <c r="BF11" s="403"/>
      <c r="BG11" s="403"/>
      <c r="BH11" s="403"/>
      <c r="BI11" s="403"/>
      <c r="BJ11" s="403"/>
      <c r="BK11" s="403"/>
      <c r="BL11" s="403"/>
      <c r="BM11" s="403"/>
      <c r="BN11" s="403"/>
      <c r="BO11" s="403"/>
      <c r="BP11" s="403"/>
      <c r="BQ11" s="403"/>
      <c r="BR11" s="403"/>
      <c r="BS11" s="403"/>
      <c r="BT11" s="403"/>
      <c r="BU11" s="403"/>
      <c r="BV11" s="403"/>
      <c r="BW11" s="403"/>
      <c r="BX11" s="403"/>
      <c r="BY11" s="403"/>
      <c r="BZ11" s="403"/>
      <c r="CA11" s="403"/>
      <c r="CB11" s="403"/>
      <c r="CC11" s="403"/>
      <c r="CD11" s="403"/>
      <c r="CE11" s="403"/>
      <c r="CF11" s="403"/>
      <c r="CG11" s="403"/>
      <c r="CH11" s="403"/>
      <c r="CI11" s="403"/>
      <c r="CJ11" s="403"/>
      <c r="CK11" s="403"/>
      <c r="CL11" s="403"/>
      <c r="CM11" s="404"/>
    </row>
    <row r="12" spans="1:100" ht="17.25" customHeight="1" x14ac:dyDescent="0.15">
      <c r="A12" s="405" t="s">
        <v>37</v>
      </c>
      <c r="B12" s="406"/>
      <c r="C12" s="406"/>
      <c r="D12" s="407"/>
      <c r="E12" s="615" t="s">
        <v>1053</v>
      </c>
      <c r="F12" s="616"/>
      <c r="G12" s="616"/>
      <c r="H12" s="616"/>
      <c r="I12" s="616"/>
      <c r="J12" s="616"/>
      <c r="K12" s="616"/>
      <c r="L12" s="616"/>
      <c r="M12" s="616"/>
      <c r="N12" s="616"/>
      <c r="O12" s="616"/>
      <c r="P12" s="616"/>
      <c r="Q12" s="616"/>
      <c r="R12" s="616"/>
      <c r="S12" s="616"/>
      <c r="T12" s="616"/>
      <c r="U12" s="616"/>
      <c r="V12" s="616"/>
      <c r="W12" s="616"/>
      <c r="X12" s="616"/>
      <c r="Y12" s="616"/>
      <c r="Z12" s="616"/>
      <c r="AA12" s="616"/>
      <c r="AB12" s="616"/>
      <c r="AC12" s="616"/>
      <c r="AD12" s="616"/>
      <c r="AE12" s="616"/>
      <c r="AF12" s="616"/>
      <c r="AG12" s="616"/>
      <c r="AH12" s="616"/>
      <c r="AI12" s="616"/>
      <c r="AJ12" s="616"/>
      <c r="AK12" s="616"/>
      <c r="AL12" s="618"/>
      <c r="AM12" s="5"/>
      <c r="AN12" s="295"/>
      <c r="AO12" s="296"/>
      <c r="AP12" s="296"/>
      <c r="AQ12" s="296"/>
      <c r="AR12" s="296"/>
      <c r="AS12" s="297"/>
      <c r="AT12" s="395"/>
      <c r="AU12" s="396"/>
      <c r="AV12" s="396"/>
      <c r="AW12" s="396"/>
      <c r="AX12" s="396"/>
      <c r="AY12" s="396"/>
      <c r="AZ12" s="396"/>
      <c r="BA12" s="396"/>
      <c r="BB12" s="396"/>
      <c r="BC12" s="396"/>
      <c r="BD12" s="396"/>
      <c r="BE12" s="396"/>
      <c r="BF12" s="396"/>
      <c r="BG12" s="396"/>
      <c r="BH12" s="396"/>
      <c r="BI12" s="396"/>
      <c r="BJ12" s="396"/>
      <c r="BK12" s="396"/>
      <c r="BL12" s="396"/>
      <c r="BM12" s="396"/>
      <c r="BN12" s="396"/>
      <c r="BO12" s="396"/>
      <c r="BP12" s="396"/>
      <c r="BQ12" s="396"/>
      <c r="BR12" s="396"/>
      <c r="BS12" s="396"/>
      <c r="BT12" s="396"/>
      <c r="BU12" s="396"/>
      <c r="BV12" s="396"/>
      <c r="BW12" s="396"/>
      <c r="BX12" s="396"/>
      <c r="BY12" s="396"/>
      <c r="BZ12" s="396"/>
      <c r="CA12" s="396"/>
      <c r="CB12" s="396"/>
      <c r="CC12" s="396"/>
      <c r="CD12" s="396"/>
      <c r="CE12" s="396"/>
      <c r="CF12" s="396"/>
      <c r="CG12" s="396"/>
      <c r="CH12" s="396"/>
      <c r="CI12" s="396"/>
      <c r="CJ12" s="396"/>
      <c r="CK12" s="396"/>
      <c r="CL12" s="396"/>
      <c r="CM12" s="397"/>
      <c r="CQ12" s="3" ph="1"/>
      <c r="CR12" s="3" ph="1"/>
      <c r="CS12" s="3" ph="1"/>
      <c r="CT12" s="3" ph="1"/>
      <c r="CU12" s="3" ph="1"/>
      <c r="CV12" s="3" ph="1"/>
    </row>
    <row r="13" spans="1:100" ht="17.25" customHeight="1" x14ac:dyDescent="0.15">
      <c r="A13" s="382" t="s">
        <v>692</v>
      </c>
      <c r="B13" s="484"/>
      <c r="C13" s="484"/>
      <c r="D13" s="484"/>
      <c r="E13" s="485"/>
      <c r="F13" s="345" t="s">
        <v>1054</v>
      </c>
      <c r="G13" s="346"/>
      <c r="H13" s="346"/>
      <c r="I13" s="346"/>
      <c r="J13" s="346"/>
      <c r="K13" s="346"/>
      <c r="L13" s="346"/>
      <c r="M13" s="346"/>
      <c r="N13" s="522"/>
      <c r="O13" s="416" t="s">
        <v>1055</v>
      </c>
      <c r="P13" s="417"/>
      <c r="Q13" s="534">
        <v>20728</v>
      </c>
      <c r="R13" s="423"/>
      <c r="S13" s="423"/>
      <c r="T13" s="423"/>
      <c r="U13" s="424" t="s">
        <v>148</v>
      </c>
      <c r="V13" s="423"/>
      <c r="W13" s="423"/>
      <c r="X13" s="423"/>
      <c r="Y13" s="424" t="s">
        <v>693</v>
      </c>
      <c r="Z13" s="423"/>
      <c r="AA13" s="423"/>
      <c r="AB13" s="423"/>
      <c r="AC13" s="423"/>
      <c r="AD13" s="423"/>
      <c r="AE13" s="423"/>
      <c r="AF13" s="423"/>
      <c r="AG13" s="423"/>
      <c r="AH13" s="423"/>
      <c r="AI13" s="423"/>
      <c r="AJ13" s="423"/>
      <c r="AK13" s="423"/>
      <c r="AL13" s="425"/>
      <c r="AM13" s="5"/>
      <c r="AN13" s="292" t="s">
        <v>220</v>
      </c>
      <c r="AO13" s="293"/>
      <c r="AP13" s="293"/>
      <c r="AQ13" s="293"/>
      <c r="AR13" s="293"/>
      <c r="AS13" s="294"/>
      <c r="AT13" s="392" t="s">
        <v>696</v>
      </c>
      <c r="AU13" s="393"/>
      <c r="AV13" s="393"/>
      <c r="AW13" s="393"/>
      <c r="AX13" s="393"/>
      <c r="AY13" s="393"/>
      <c r="AZ13" s="393"/>
      <c r="BA13" s="393"/>
      <c r="BB13" s="393"/>
      <c r="BC13" s="393"/>
      <c r="BD13" s="393"/>
      <c r="BE13" s="393"/>
      <c r="BF13" s="393"/>
      <c r="BG13" s="393"/>
      <c r="BH13" s="393"/>
      <c r="BI13" s="393"/>
      <c r="BJ13" s="393"/>
      <c r="BK13" s="393"/>
      <c r="BL13" s="393"/>
      <c r="BM13" s="393"/>
      <c r="BN13" s="393"/>
      <c r="BO13" s="393"/>
      <c r="BP13" s="393"/>
      <c r="BQ13" s="393"/>
      <c r="BR13" s="393"/>
      <c r="BS13" s="393"/>
      <c r="BT13" s="393"/>
      <c r="BU13" s="393"/>
      <c r="BV13" s="393"/>
      <c r="BW13" s="393"/>
      <c r="BX13" s="393"/>
      <c r="BY13" s="393"/>
      <c r="BZ13" s="393"/>
      <c r="CA13" s="393"/>
      <c r="CB13" s="393"/>
      <c r="CC13" s="393"/>
      <c r="CD13" s="393"/>
      <c r="CE13" s="393"/>
      <c r="CF13" s="393"/>
      <c r="CG13" s="393"/>
      <c r="CH13" s="393"/>
      <c r="CI13" s="393"/>
      <c r="CJ13" s="393"/>
      <c r="CK13" s="393"/>
      <c r="CL13" s="393"/>
      <c r="CM13" s="394"/>
      <c r="CQ13" s="3" ph="1"/>
      <c r="CR13" s="3" ph="1"/>
      <c r="CS13" s="3" ph="1"/>
      <c r="CT13" s="3" ph="1"/>
      <c r="CU13" s="3" ph="1"/>
      <c r="CV13" s="3" ph="1"/>
    </row>
    <row r="14" spans="1:100" ht="17.25" customHeight="1" x14ac:dyDescent="0.15">
      <c r="A14" s="361"/>
      <c r="B14" s="362"/>
      <c r="C14" s="362"/>
      <c r="D14" s="362"/>
      <c r="E14" s="363"/>
      <c r="F14" s="336" t="s">
        <v>695</v>
      </c>
      <c r="G14" s="337"/>
      <c r="H14" s="337"/>
      <c r="I14" s="337"/>
      <c r="J14" s="337"/>
      <c r="K14" s="337"/>
      <c r="L14" s="337"/>
      <c r="M14" s="338"/>
      <c r="N14" s="523"/>
      <c r="O14" s="418"/>
      <c r="P14" s="419"/>
      <c r="Q14" s="376"/>
      <c r="R14" s="220"/>
      <c r="S14" s="220"/>
      <c r="T14" s="220"/>
      <c r="U14" s="371"/>
      <c r="V14" s="220"/>
      <c r="W14" s="220"/>
      <c r="X14" s="220"/>
      <c r="Y14" s="371"/>
      <c r="Z14" s="220"/>
      <c r="AA14" s="220"/>
      <c r="AB14" s="220"/>
      <c r="AC14" s="220"/>
      <c r="AD14" s="220"/>
      <c r="AE14" s="220"/>
      <c r="AF14" s="220"/>
      <c r="AG14" s="220"/>
      <c r="AH14" s="220"/>
      <c r="AI14" s="220"/>
      <c r="AJ14" s="220"/>
      <c r="AK14" s="220"/>
      <c r="AL14" s="372"/>
      <c r="AM14" s="5"/>
      <c r="AN14" s="295"/>
      <c r="AO14" s="296"/>
      <c r="AP14" s="296"/>
      <c r="AQ14" s="296"/>
      <c r="AR14" s="296"/>
      <c r="AS14" s="297"/>
      <c r="AT14" s="395"/>
      <c r="AU14" s="396"/>
      <c r="AV14" s="396"/>
      <c r="AW14" s="396"/>
      <c r="AX14" s="396"/>
      <c r="AY14" s="396"/>
      <c r="AZ14" s="396"/>
      <c r="BA14" s="396"/>
      <c r="BB14" s="396"/>
      <c r="BC14" s="396"/>
      <c r="BD14" s="396"/>
      <c r="BE14" s="396"/>
      <c r="BF14" s="396"/>
      <c r="BG14" s="396"/>
      <c r="BH14" s="396"/>
      <c r="BI14" s="396"/>
      <c r="BJ14" s="396"/>
      <c r="BK14" s="396"/>
      <c r="BL14" s="396"/>
      <c r="BM14" s="396"/>
      <c r="BN14" s="396"/>
      <c r="BO14" s="396"/>
      <c r="BP14" s="396"/>
      <c r="BQ14" s="396"/>
      <c r="BR14" s="396"/>
      <c r="BS14" s="396"/>
      <c r="BT14" s="396"/>
      <c r="BU14" s="396"/>
      <c r="BV14" s="396"/>
      <c r="BW14" s="396"/>
      <c r="BX14" s="396"/>
      <c r="BY14" s="396"/>
      <c r="BZ14" s="396"/>
      <c r="CA14" s="396"/>
      <c r="CB14" s="396"/>
      <c r="CC14" s="396"/>
      <c r="CD14" s="396"/>
      <c r="CE14" s="396"/>
      <c r="CF14" s="396"/>
      <c r="CG14" s="396"/>
      <c r="CH14" s="396"/>
      <c r="CI14" s="396"/>
      <c r="CJ14" s="396"/>
      <c r="CK14" s="396"/>
      <c r="CL14" s="396"/>
      <c r="CM14" s="397"/>
      <c r="CQ14" s="3" ph="1"/>
      <c r="CR14" s="3" ph="1"/>
      <c r="CS14" s="3" ph="1"/>
      <c r="CT14" s="3" ph="1"/>
      <c r="CU14" s="3" ph="1"/>
      <c r="CV14" s="3" ph="1"/>
    </row>
    <row r="15" spans="1:100" ht="17.25" customHeight="1" x14ac:dyDescent="0.15">
      <c r="A15" s="426">
        <v>2</v>
      </c>
      <c r="B15" s="651"/>
      <c r="C15" s="651"/>
      <c r="D15" s="651"/>
      <c r="E15" s="651"/>
      <c r="F15" s="339"/>
      <c r="G15" s="340"/>
      <c r="H15" s="340"/>
      <c r="I15" s="340"/>
      <c r="J15" s="340"/>
      <c r="K15" s="340"/>
      <c r="L15" s="340"/>
      <c r="M15" s="341"/>
      <c r="N15" s="523"/>
      <c r="O15" s="418"/>
      <c r="P15" s="419"/>
      <c r="Q15" s="376"/>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92" t="s">
        <v>221</v>
      </c>
      <c r="AO15" s="293"/>
      <c r="AP15" s="293"/>
      <c r="AQ15" s="293"/>
      <c r="AR15" s="293"/>
      <c r="AS15" s="294"/>
      <c r="AT15" s="392" t="s">
        <v>1327</v>
      </c>
      <c r="AU15" s="393"/>
      <c r="AV15" s="393"/>
      <c r="AW15" s="393"/>
      <c r="AX15" s="393"/>
      <c r="AY15" s="393"/>
      <c r="AZ15" s="393"/>
      <c r="BA15" s="393"/>
      <c r="BB15" s="393"/>
      <c r="BC15" s="393"/>
      <c r="BD15" s="393"/>
      <c r="BE15" s="393"/>
      <c r="BF15" s="393"/>
      <c r="BG15" s="393"/>
      <c r="BH15" s="393"/>
      <c r="BI15" s="393"/>
      <c r="BJ15" s="393"/>
      <c r="BK15" s="393"/>
      <c r="BL15" s="393"/>
      <c r="BM15" s="393"/>
      <c r="BN15" s="393"/>
      <c r="BO15" s="393"/>
      <c r="BP15" s="393"/>
      <c r="BQ15" s="393"/>
      <c r="BR15" s="393"/>
      <c r="BS15" s="393"/>
      <c r="BT15" s="393"/>
      <c r="BU15" s="393"/>
      <c r="BV15" s="393"/>
      <c r="BW15" s="393"/>
      <c r="BX15" s="393"/>
      <c r="BY15" s="393"/>
      <c r="BZ15" s="393"/>
      <c r="CA15" s="393"/>
      <c r="CB15" s="393"/>
      <c r="CC15" s="393"/>
      <c r="CD15" s="393"/>
      <c r="CE15" s="393"/>
      <c r="CF15" s="393"/>
      <c r="CG15" s="393"/>
      <c r="CH15" s="393"/>
      <c r="CI15" s="393"/>
      <c r="CJ15" s="393"/>
      <c r="CK15" s="393"/>
      <c r="CL15" s="393"/>
      <c r="CM15" s="394"/>
    </row>
    <row r="16" spans="1:100" ht="17.25" customHeight="1" x14ac:dyDescent="0.15">
      <c r="A16" s="428" t="s">
        <v>246</v>
      </c>
      <c r="B16" s="428"/>
      <c r="C16" s="428"/>
      <c r="D16" s="428"/>
      <c r="E16" s="428"/>
      <c r="F16" s="429">
        <v>46434</v>
      </c>
      <c r="G16" s="430"/>
      <c r="H16" s="430"/>
      <c r="I16" s="430"/>
      <c r="J16" s="430"/>
      <c r="K16" s="430"/>
      <c r="L16" s="430"/>
      <c r="M16" s="430"/>
      <c r="N16" s="523"/>
      <c r="O16" s="418"/>
      <c r="P16" s="419"/>
      <c r="Q16" s="376"/>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95"/>
      <c r="AO16" s="296"/>
      <c r="AP16" s="296"/>
      <c r="AQ16" s="296"/>
      <c r="AR16" s="296"/>
      <c r="AS16" s="297"/>
      <c r="AT16" s="395"/>
      <c r="AU16" s="396"/>
      <c r="AV16" s="396"/>
      <c r="AW16" s="396"/>
      <c r="AX16" s="396"/>
      <c r="AY16" s="396"/>
      <c r="AZ16" s="396"/>
      <c r="BA16" s="396"/>
      <c r="BB16" s="396"/>
      <c r="BC16" s="396"/>
      <c r="BD16" s="396"/>
      <c r="BE16" s="396"/>
      <c r="BF16" s="396"/>
      <c r="BG16" s="396"/>
      <c r="BH16" s="396"/>
      <c r="BI16" s="396"/>
      <c r="BJ16" s="396"/>
      <c r="BK16" s="396"/>
      <c r="BL16" s="396"/>
      <c r="BM16" s="396"/>
      <c r="BN16" s="396"/>
      <c r="BO16" s="396"/>
      <c r="BP16" s="396"/>
      <c r="BQ16" s="396"/>
      <c r="BR16" s="396"/>
      <c r="BS16" s="396"/>
      <c r="BT16" s="396"/>
      <c r="BU16" s="396"/>
      <c r="BV16" s="396"/>
      <c r="BW16" s="396"/>
      <c r="BX16" s="396"/>
      <c r="BY16" s="396"/>
      <c r="BZ16" s="396"/>
      <c r="CA16" s="396"/>
      <c r="CB16" s="396"/>
      <c r="CC16" s="396"/>
      <c r="CD16" s="396"/>
      <c r="CE16" s="396"/>
      <c r="CF16" s="396"/>
      <c r="CG16" s="396"/>
      <c r="CH16" s="396"/>
      <c r="CI16" s="396"/>
      <c r="CJ16" s="396"/>
      <c r="CK16" s="396"/>
      <c r="CL16" s="396"/>
      <c r="CM16" s="397"/>
      <c r="CQ16" s="3" ph="1"/>
      <c r="CR16" s="3" ph="1"/>
      <c r="CS16" s="3" ph="1"/>
      <c r="CT16" s="3" ph="1"/>
      <c r="CU16" s="3" ph="1"/>
      <c r="CV16" s="3" ph="1"/>
    </row>
    <row r="17" spans="1:100" ht="17.25" customHeight="1" x14ac:dyDescent="0.15">
      <c r="A17" s="382" t="s">
        <v>697</v>
      </c>
      <c r="B17" s="484"/>
      <c r="C17" s="484"/>
      <c r="D17" s="484"/>
      <c r="E17" s="485"/>
      <c r="F17" s="519" t="s">
        <v>1141</v>
      </c>
      <c r="G17" s="520"/>
      <c r="H17" s="520"/>
      <c r="I17" s="520"/>
      <c r="J17" s="520"/>
      <c r="K17" s="520"/>
      <c r="L17" s="520"/>
      <c r="M17" s="521"/>
      <c r="N17" s="523"/>
      <c r="O17" s="418"/>
      <c r="P17" s="419"/>
      <c r="Q17" s="376"/>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92" t="s">
        <v>222</v>
      </c>
      <c r="AO17" s="293"/>
      <c r="AP17" s="293"/>
      <c r="AQ17" s="293"/>
      <c r="AR17" s="293"/>
      <c r="AS17" s="294"/>
      <c r="AT17" s="392" t="s">
        <v>1056</v>
      </c>
      <c r="AU17" s="393"/>
      <c r="AV17" s="393"/>
      <c r="AW17" s="393"/>
      <c r="AX17" s="393"/>
      <c r="AY17" s="393"/>
      <c r="AZ17" s="393"/>
      <c r="BA17" s="393"/>
      <c r="BB17" s="393"/>
      <c r="BC17" s="393"/>
      <c r="BD17" s="393"/>
      <c r="BE17" s="393"/>
      <c r="BF17" s="393"/>
      <c r="BG17" s="393"/>
      <c r="BH17" s="393"/>
      <c r="BI17" s="393"/>
      <c r="BJ17" s="393"/>
      <c r="BK17" s="393"/>
      <c r="BL17" s="393"/>
      <c r="BM17" s="393"/>
      <c r="BN17" s="393"/>
      <c r="BO17" s="393"/>
      <c r="BP17" s="393"/>
      <c r="BQ17" s="393"/>
      <c r="BR17" s="393"/>
      <c r="BS17" s="393"/>
      <c r="BT17" s="393"/>
      <c r="BU17" s="393"/>
      <c r="BV17" s="393"/>
      <c r="BW17" s="393"/>
      <c r="BX17" s="393"/>
      <c r="BY17" s="393"/>
      <c r="BZ17" s="393"/>
      <c r="CA17" s="393"/>
      <c r="CB17" s="393"/>
      <c r="CC17" s="393"/>
      <c r="CD17" s="393"/>
      <c r="CE17" s="393"/>
      <c r="CF17" s="393"/>
      <c r="CG17" s="393"/>
      <c r="CH17" s="393"/>
      <c r="CI17" s="393"/>
      <c r="CJ17" s="393"/>
      <c r="CK17" s="393"/>
      <c r="CL17" s="393"/>
      <c r="CM17" s="394"/>
      <c r="CQ17" s="3" ph="1"/>
      <c r="CR17" s="3" ph="1"/>
      <c r="CS17" s="3" ph="1"/>
      <c r="CT17" s="3" ph="1"/>
      <c r="CU17" s="3" ph="1"/>
      <c r="CV17" s="3" ph="1"/>
    </row>
    <row r="18" spans="1:100" ht="17.25" customHeight="1" x14ac:dyDescent="0.15">
      <c r="A18" s="361"/>
      <c r="B18" s="362"/>
      <c r="C18" s="362"/>
      <c r="D18" s="362"/>
      <c r="E18" s="363"/>
      <c r="F18" s="336" t="s">
        <v>1140</v>
      </c>
      <c r="G18" s="337"/>
      <c r="H18" s="337"/>
      <c r="I18" s="337"/>
      <c r="J18" s="337"/>
      <c r="K18" s="337"/>
      <c r="L18" s="337"/>
      <c r="M18" s="338"/>
      <c r="N18" s="523"/>
      <c r="O18" s="418"/>
      <c r="P18" s="419"/>
      <c r="Q18" s="376"/>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95"/>
      <c r="AO18" s="296"/>
      <c r="AP18" s="296"/>
      <c r="AQ18" s="296"/>
      <c r="AR18" s="296"/>
      <c r="AS18" s="297"/>
      <c r="AT18" s="395"/>
      <c r="AU18" s="396"/>
      <c r="AV18" s="396"/>
      <c r="AW18" s="396"/>
      <c r="AX18" s="396"/>
      <c r="AY18" s="396"/>
      <c r="AZ18" s="396"/>
      <c r="BA18" s="396"/>
      <c r="BB18" s="396"/>
      <c r="BC18" s="396"/>
      <c r="BD18" s="396"/>
      <c r="BE18" s="396"/>
      <c r="BF18" s="396"/>
      <c r="BG18" s="396"/>
      <c r="BH18" s="396"/>
      <c r="BI18" s="396"/>
      <c r="BJ18" s="396"/>
      <c r="BK18" s="396"/>
      <c r="BL18" s="396"/>
      <c r="BM18" s="396"/>
      <c r="BN18" s="396"/>
      <c r="BO18" s="396"/>
      <c r="BP18" s="396"/>
      <c r="BQ18" s="396"/>
      <c r="BR18" s="396"/>
      <c r="BS18" s="396"/>
      <c r="BT18" s="396"/>
      <c r="BU18" s="396"/>
      <c r="BV18" s="396"/>
      <c r="BW18" s="396"/>
      <c r="BX18" s="396"/>
      <c r="BY18" s="396"/>
      <c r="BZ18" s="396"/>
      <c r="CA18" s="396"/>
      <c r="CB18" s="396"/>
      <c r="CC18" s="396"/>
      <c r="CD18" s="396"/>
      <c r="CE18" s="396"/>
      <c r="CF18" s="396"/>
      <c r="CG18" s="396"/>
      <c r="CH18" s="396"/>
      <c r="CI18" s="396"/>
      <c r="CJ18" s="396"/>
      <c r="CK18" s="396"/>
      <c r="CL18" s="396"/>
      <c r="CM18" s="397"/>
      <c r="CQ18" s="3" ph="1"/>
      <c r="CR18" s="3" ph="1"/>
      <c r="CS18" s="3" ph="1"/>
      <c r="CT18" s="3" ph="1"/>
      <c r="CU18" s="3" ph="1"/>
      <c r="CV18" s="3" ph="1"/>
    </row>
    <row r="19" spans="1:100" ht="17.25" customHeight="1" x14ac:dyDescent="0.15">
      <c r="A19" s="361"/>
      <c r="B19" s="362"/>
      <c r="C19" s="362"/>
      <c r="D19" s="362"/>
      <c r="E19" s="363"/>
      <c r="F19" s="339"/>
      <c r="G19" s="340"/>
      <c r="H19" s="340"/>
      <c r="I19" s="340"/>
      <c r="J19" s="340"/>
      <c r="K19" s="340"/>
      <c r="L19" s="340"/>
      <c r="M19" s="341"/>
      <c r="N19" s="523"/>
      <c r="O19" s="418"/>
      <c r="P19" s="419"/>
      <c r="Q19" s="376"/>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518" t="s">
        <v>257</v>
      </c>
      <c r="AO19" s="518"/>
      <c r="AP19" s="518"/>
      <c r="AQ19" s="518"/>
      <c r="AR19" s="518"/>
      <c r="AS19" s="518"/>
      <c r="AT19" s="518"/>
      <c r="AU19" s="518"/>
      <c r="AV19" s="518"/>
      <c r="AW19" s="518"/>
      <c r="AX19" s="518"/>
      <c r="AY19" s="518"/>
      <c r="AZ19" s="518"/>
      <c r="BA19" s="518"/>
      <c r="BB19" s="518"/>
      <c r="BC19" s="518"/>
      <c r="BD19" s="518"/>
      <c r="BE19" s="518"/>
      <c r="BF19" s="518"/>
      <c r="BG19" s="518"/>
      <c r="BH19" s="518"/>
      <c r="BI19" s="518"/>
      <c r="BJ19" s="518"/>
      <c r="BK19" s="518"/>
      <c r="BL19" s="518"/>
      <c r="BM19" s="518"/>
      <c r="BN19" s="518"/>
      <c r="BO19" s="518"/>
      <c r="BP19" s="518"/>
      <c r="BQ19" s="518"/>
      <c r="BR19" s="518"/>
      <c r="BS19" s="518"/>
      <c r="BT19" s="518"/>
      <c r="BU19" s="518"/>
      <c r="BV19" s="518"/>
      <c r="BW19" s="518"/>
      <c r="BX19" s="518"/>
      <c r="BY19" s="518"/>
      <c r="BZ19" s="518"/>
      <c r="CA19" s="518"/>
      <c r="CB19" s="518"/>
      <c r="CC19" s="518"/>
      <c r="CD19" s="518"/>
      <c r="CE19" s="518"/>
      <c r="CF19" s="518"/>
      <c r="CG19" s="518"/>
      <c r="CH19" s="518"/>
      <c r="CI19" s="518"/>
      <c r="CJ19" s="518"/>
      <c r="CK19" s="518"/>
      <c r="CL19" s="518"/>
      <c r="CM19" s="518"/>
      <c r="CQ19" s="3" ph="1"/>
      <c r="CR19" s="3" ph="1"/>
      <c r="CS19" s="3" ph="1"/>
      <c r="CT19" s="3" ph="1"/>
      <c r="CU19" s="3" ph="1"/>
      <c r="CV19" s="3" ph="1"/>
    </row>
    <row r="20" spans="1:100" ht="17.25" customHeight="1" x14ac:dyDescent="0.15">
      <c r="A20" s="361"/>
      <c r="B20" s="362"/>
      <c r="C20" s="362"/>
      <c r="D20" s="362"/>
      <c r="E20" s="363"/>
      <c r="F20" s="519" t="s">
        <v>520</v>
      </c>
      <c r="G20" s="520"/>
      <c r="H20" s="520"/>
      <c r="I20" s="520"/>
      <c r="J20" s="520"/>
      <c r="K20" s="520"/>
      <c r="L20" s="520"/>
      <c r="M20" s="521"/>
      <c r="N20" s="523"/>
      <c r="O20" s="418"/>
      <c r="P20" s="419"/>
      <c r="Q20" s="376"/>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 t="s">
        <v>16</v>
      </c>
      <c r="AO20" s="127" t="s">
        <v>1523</v>
      </c>
      <c r="AP20" s="66"/>
      <c r="AQ20" s="66"/>
      <c r="AR20" s="66"/>
      <c r="AS20" s="66"/>
      <c r="AT20" s="66"/>
      <c r="AU20" s="66"/>
      <c r="AV20" s="66"/>
      <c r="AW20" s="66"/>
      <c r="AX20" s="66"/>
      <c r="AY20" s="66"/>
      <c r="AZ20" s="66"/>
      <c r="BA20" s="66"/>
      <c r="BB20" s="66"/>
      <c r="BC20" s="66"/>
      <c r="BD20" s="66"/>
      <c r="BE20" s="66"/>
      <c r="BF20" s="66"/>
      <c r="BG20" s="66"/>
      <c r="BH20" s="66"/>
      <c r="BI20" s="66"/>
      <c r="BJ20" s="66"/>
      <c r="BK20" s="66"/>
      <c r="BL20" s="66"/>
      <c r="BM20" s="66"/>
      <c r="BN20" s="66"/>
      <c r="BO20" s="66"/>
      <c r="BP20" s="66"/>
      <c r="BQ20" s="66"/>
      <c r="BR20" s="66"/>
      <c r="BS20" s="66"/>
      <c r="BT20" s="66"/>
      <c r="BU20" s="66"/>
      <c r="BV20" s="66"/>
      <c r="BW20" s="66"/>
      <c r="BX20" s="66"/>
      <c r="BY20" s="66"/>
      <c r="BZ20" s="66"/>
      <c r="CA20" s="66"/>
      <c r="CB20" s="66"/>
      <c r="CC20" s="66"/>
      <c r="CD20" s="66"/>
      <c r="CE20" s="66"/>
      <c r="CF20" s="66"/>
      <c r="CG20" s="66"/>
      <c r="CH20" s="66"/>
      <c r="CI20" s="66"/>
      <c r="CJ20" s="66"/>
      <c r="CK20" s="66"/>
      <c r="CL20" s="66"/>
      <c r="CM20" s="67"/>
      <c r="CQ20" s="3" ph="1"/>
      <c r="CR20" s="3" ph="1"/>
      <c r="CS20" s="3" ph="1"/>
      <c r="CT20" s="3" ph="1"/>
      <c r="CU20" s="3" ph="1"/>
      <c r="CV20" s="3" ph="1"/>
    </row>
    <row r="21" spans="1:100" ht="17.25" customHeight="1" x14ac:dyDescent="0.15">
      <c r="A21" s="361"/>
      <c r="B21" s="362"/>
      <c r="C21" s="362"/>
      <c r="D21" s="362"/>
      <c r="E21" s="363"/>
      <c r="F21" s="336" t="s">
        <v>520</v>
      </c>
      <c r="G21" s="337"/>
      <c r="H21" s="337"/>
      <c r="I21" s="337"/>
      <c r="J21" s="337"/>
      <c r="K21" s="337"/>
      <c r="L21" s="337"/>
      <c r="M21" s="338"/>
      <c r="N21" s="523"/>
      <c r="O21" s="418"/>
      <c r="P21" s="419"/>
      <c r="Q21" s="376"/>
      <c r="R21" s="220"/>
      <c r="S21" s="220"/>
      <c r="T21" s="220"/>
      <c r="U21" s="371"/>
      <c r="V21" s="220"/>
      <c r="W21" s="220"/>
      <c r="X21" s="220"/>
      <c r="Y21" s="371"/>
      <c r="Z21" s="220"/>
      <c r="AA21" s="220"/>
      <c r="AB21" s="220"/>
      <c r="AC21" s="220"/>
      <c r="AD21" s="220"/>
      <c r="AE21" s="220"/>
      <c r="AF21" s="220"/>
      <c r="AG21" s="220"/>
      <c r="AH21" s="220"/>
      <c r="AI21" s="220"/>
      <c r="AJ21" s="220"/>
      <c r="AK21" s="220"/>
      <c r="AL21" s="372"/>
      <c r="AM21" s="5"/>
      <c r="AN21" s="37" t="s">
        <v>16</v>
      </c>
      <c r="AO21" s="46" t="s">
        <v>1326</v>
      </c>
      <c r="AP21" s="76"/>
      <c r="AQ21" s="76"/>
      <c r="AR21" s="76"/>
      <c r="AS21" s="76"/>
      <c r="AT21" s="76"/>
      <c r="AU21" s="76"/>
      <c r="AV21" s="76"/>
      <c r="AW21" s="76"/>
      <c r="AX21" s="76"/>
      <c r="AY21" s="76"/>
      <c r="AZ21" s="76"/>
      <c r="BA21" s="76"/>
      <c r="BB21" s="76"/>
      <c r="BC21" s="76"/>
      <c r="BD21" s="76"/>
      <c r="BE21" s="76"/>
      <c r="BF21" s="76"/>
      <c r="BG21" s="76"/>
      <c r="BH21" s="76"/>
      <c r="BI21" s="76"/>
      <c r="BJ21" s="76"/>
      <c r="BK21" s="76"/>
      <c r="BL21" s="76"/>
      <c r="BM21" s="76"/>
      <c r="BN21" s="76"/>
      <c r="BO21" s="76"/>
      <c r="BP21" s="76"/>
      <c r="BQ21" s="76"/>
      <c r="BR21" s="76"/>
      <c r="BS21" s="76"/>
      <c r="BT21" s="76"/>
      <c r="BU21" s="76"/>
      <c r="BV21" s="76"/>
      <c r="BW21" s="76"/>
      <c r="BX21" s="76"/>
      <c r="BY21" s="76"/>
      <c r="BZ21" s="76"/>
      <c r="CA21" s="76"/>
      <c r="CB21" s="76"/>
      <c r="CC21" s="76"/>
      <c r="CD21" s="76"/>
      <c r="CE21" s="76"/>
      <c r="CF21" s="76"/>
      <c r="CG21" s="76"/>
      <c r="CH21" s="76"/>
      <c r="CI21" s="76"/>
      <c r="CJ21" s="76"/>
      <c r="CK21" s="76"/>
      <c r="CL21" s="76"/>
      <c r="CM21" s="77"/>
      <c r="CQ21" s="3" ph="1"/>
      <c r="CR21" s="3" ph="1"/>
      <c r="CS21" s="3" ph="1"/>
      <c r="CT21" s="3" ph="1"/>
      <c r="CU21" s="3" ph="1"/>
      <c r="CV21" s="3" ph="1"/>
    </row>
    <row r="22" spans="1:100" ht="17.25" customHeight="1" x14ac:dyDescent="0.15">
      <c r="A22" s="361"/>
      <c r="B22" s="362"/>
      <c r="C22" s="362"/>
      <c r="D22" s="362"/>
      <c r="E22" s="363"/>
      <c r="F22" s="339"/>
      <c r="G22" s="340"/>
      <c r="H22" s="340"/>
      <c r="I22" s="340"/>
      <c r="J22" s="340"/>
      <c r="K22" s="340"/>
      <c r="L22" s="340"/>
      <c r="M22" s="341"/>
      <c r="N22" s="523"/>
      <c r="O22" s="420"/>
      <c r="P22" s="421"/>
      <c r="Q22" s="376"/>
      <c r="R22" s="220"/>
      <c r="S22" s="220"/>
      <c r="T22" s="220"/>
      <c r="U22" s="371"/>
      <c r="V22" s="220"/>
      <c r="W22" s="220"/>
      <c r="X22" s="220"/>
      <c r="Y22" s="371"/>
      <c r="Z22" s="220"/>
      <c r="AA22" s="220"/>
      <c r="AB22" s="220"/>
      <c r="AC22" s="220"/>
      <c r="AD22" s="220"/>
      <c r="AE22" s="220"/>
      <c r="AF22" s="220"/>
      <c r="AG22" s="220"/>
      <c r="AH22" s="220"/>
      <c r="AI22" s="220"/>
      <c r="AJ22" s="220"/>
      <c r="AK22" s="220"/>
      <c r="AL22" s="372"/>
      <c r="AM22" s="5"/>
      <c r="AN22" s="37" t="s">
        <v>16</v>
      </c>
      <c r="AO22" s="68" t="s">
        <v>1524</v>
      </c>
      <c r="AP22" s="68"/>
      <c r="AQ22" s="68"/>
      <c r="AR22" s="68"/>
      <c r="AS22" s="68"/>
      <c r="AT22" s="68"/>
      <c r="AU22" s="68"/>
      <c r="AV22" s="68"/>
      <c r="AW22" s="68"/>
      <c r="AX22" s="68"/>
      <c r="AY22" s="68"/>
      <c r="AZ22" s="68"/>
      <c r="BA22" s="68"/>
      <c r="BB22" s="68"/>
      <c r="BC22" s="68"/>
      <c r="BD22" s="68"/>
      <c r="BE22" s="68"/>
      <c r="BF22" s="68"/>
      <c r="BG22" s="68"/>
      <c r="BH22" s="68"/>
      <c r="BI22" s="68"/>
      <c r="BJ22" s="68"/>
      <c r="BK22" s="68"/>
      <c r="BL22" s="68"/>
      <c r="BM22" s="68"/>
      <c r="BN22" s="68"/>
      <c r="BO22" s="68"/>
      <c r="BP22" s="68"/>
      <c r="BQ22" s="68"/>
      <c r="BR22" s="68"/>
      <c r="BS22" s="68"/>
      <c r="BT22" s="68"/>
      <c r="BU22" s="68"/>
      <c r="BV22" s="68"/>
      <c r="BW22" s="68"/>
      <c r="BX22" s="68"/>
      <c r="BY22" s="68"/>
      <c r="BZ22" s="68"/>
      <c r="CA22" s="68"/>
      <c r="CB22" s="68"/>
      <c r="CC22" s="68"/>
      <c r="CD22" s="68"/>
      <c r="CE22" s="68"/>
      <c r="CF22" s="68"/>
      <c r="CG22" s="68"/>
      <c r="CH22" s="68"/>
      <c r="CI22" s="68"/>
      <c r="CJ22" s="68"/>
      <c r="CK22" s="68"/>
      <c r="CL22" s="68"/>
      <c r="CM22" s="69"/>
      <c r="CQ22" s="3" ph="1"/>
      <c r="CR22" s="3" ph="1"/>
      <c r="CS22" s="3" ph="1"/>
      <c r="CT22" s="3" ph="1"/>
      <c r="CU22" s="3" ph="1"/>
      <c r="CV22" s="3" ph="1"/>
    </row>
    <row r="23" spans="1:100" ht="17.25" customHeight="1" x14ac:dyDescent="0.15">
      <c r="A23" s="382" t="s">
        <v>259</v>
      </c>
      <c r="B23" s="484"/>
      <c r="C23" s="484"/>
      <c r="D23" s="484"/>
      <c r="E23" s="485"/>
      <c r="F23" s="519" t="s">
        <v>1619</v>
      </c>
      <c r="G23" s="520"/>
      <c r="H23" s="520"/>
      <c r="I23" s="520"/>
      <c r="J23" s="520"/>
      <c r="K23" s="520"/>
      <c r="L23" s="520"/>
      <c r="M23" s="521"/>
      <c r="N23" s="523"/>
      <c r="O23" s="382" t="s">
        <v>258</v>
      </c>
      <c r="P23" s="485"/>
      <c r="Q23" s="486" t="s">
        <v>698</v>
      </c>
      <c r="R23" s="487"/>
      <c r="S23" s="487"/>
      <c r="T23" s="487"/>
      <c r="U23" s="487"/>
      <c r="V23" s="487"/>
      <c r="W23" s="487"/>
      <c r="X23" s="487"/>
      <c r="Y23" s="487"/>
      <c r="Z23" s="487"/>
      <c r="AA23" s="487"/>
      <c r="AB23" s="487"/>
      <c r="AC23" s="487"/>
      <c r="AD23" s="487"/>
      <c r="AE23" s="487"/>
      <c r="AF23" s="487"/>
      <c r="AG23" s="487"/>
      <c r="AH23" s="487"/>
      <c r="AI23" s="487"/>
      <c r="AJ23" s="487"/>
      <c r="AK23" s="487"/>
      <c r="AL23" s="488"/>
      <c r="AM23" s="5"/>
      <c r="AN23" s="37" t="s">
        <v>16</v>
      </c>
      <c r="AO23" s="68" t="s">
        <v>1525</v>
      </c>
      <c r="AP23" s="68"/>
      <c r="AQ23" s="68"/>
      <c r="AR23" s="68"/>
      <c r="AS23" s="68"/>
      <c r="AT23" s="68"/>
      <c r="AU23" s="68"/>
      <c r="AV23" s="68"/>
      <c r="AW23" s="68"/>
      <c r="AX23" s="68"/>
      <c r="AY23" s="68"/>
      <c r="AZ23" s="68"/>
      <c r="BA23" s="68"/>
      <c r="BB23" s="68"/>
      <c r="BC23" s="68"/>
      <c r="BD23" s="68"/>
      <c r="BE23" s="68"/>
      <c r="BF23" s="68"/>
      <c r="BG23" s="68"/>
      <c r="BH23" s="68"/>
      <c r="BI23" s="68"/>
      <c r="BJ23" s="68"/>
      <c r="BK23" s="68"/>
      <c r="BL23" s="68"/>
      <c r="BM23" s="68"/>
      <c r="BN23" s="68"/>
      <c r="BO23" s="68"/>
      <c r="BP23" s="68"/>
      <c r="BQ23" s="68"/>
      <c r="BR23" s="68"/>
      <c r="BS23" s="68"/>
      <c r="BT23" s="68"/>
      <c r="BU23" s="68"/>
      <c r="BV23" s="68"/>
      <c r="BW23" s="68"/>
      <c r="BX23" s="68"/>
      <c r="BY23" s="68"/>
      <c r="BZ23" s="68"/>
      <c r="CA23" s="68"/>
      <c r="CB23" s="68"/>
      <c r="CC23" s="68"/>
      <c r="CD23" s="68"/>
      <c r="CE23" s="68"/>
      <c r="CF23" s="68"/>
      <c r="CG23" s="68"/>
      <c r="CH23" s="68"/>
      <c r="CI23" s="68"/>
      <c r="CJ23" s="68"/>
      <c r="CK23" s="68"/>
      <c r="CL23" s="68"/>
      <c r="CM23" s="69"/>
      <c r="CQ23" s="3" ph="1"/>
      <c r="CR23" s="3" ph="1"/>
      <c r="CS23" s="3" ph="1"/>
      <c r="CT23" s="3" ph="1"/>
      <c r="CU23" s="3" ph="1"/>
      <c r="CV23" s="3" ph="1"/>
    </row>
    <row r="24" spans="1:100" ht="17.25" customHeight="1" x14ac:dyDescent="0.15">
      <c r="A24" s="361"/>
      <c r="B24" s="362"/>
      <c r="C24" s="362"/>
      <c r="D24" s="362"/>
      <c r="E24" s="363"/>
      <c r="F24" s="336" t="s">
        <v>1618</v>
      </c>
      <c r="G24" s="337"/>
      <c r="H24" s="337"/>
      <c r="I24" s="337"/>
      <c r="J24" s="337"/>
      <c r="K24" s="337"/>
      <c r="L24" s="337"/>
      <c r="M24" s="338"/>
      <c r="N24" s="523"/>
      <c r="O24" s="364"/>
      <c r="P24" s="366"/>
      <c r="Q24" s="342">
        <v>30255</v>
      </c>
      <c r="R24" s="343"/>
      <c r="S24" s="343"/>
      <c r="T24" s="343"/>
      <c r="U24" s="343"/>
      <c r="V24" s="343"/>
      <c r="W24" s="343"/>
      <c r="X24" s="343"/>
      <c r="Y24" s="343"/>
      <c r="Z24" s="343"/>
      <c r="AA24" s="343"/>
      <c r="AB24" s="343"/>
      <c r="AC24" s="343"/>
      <c r="AD24" s="343"/>
      <c r="AE24" s="343"/>
      <c r="AF24" s="343"/>
      <c r="AG24" s="343"/>
      <c r="AH24" s="343"/>
      <c r="AI24" s="343"/>
      <c r="AJ24" s="343"/>
      <c r="AK24" s="343"/>
      <c r="AL24" s="344"/>
      <c r="AM24" s="5"/>
      <c r="AN24" s="17" t="s">
        <v>16</v>
      </c>
      <c r="AO24" s="47" t="s">
        <v>1526</v>
      </c>
      <c r="AP24" s="70"/>
      <c r="AQ24" s="70"/>
      <c r="AR24" s="70"/>
      <c r="AS24" s="70"/>
      <c r="AT24" s="70"/>
      <c r="AU24" s="70"/>
      <c r="AV24" s="70"/>
      <c r="AW24" s="70"/>
      <c r="AX24" s="70"/>
      <c r="AY24" s="70"/>
      <c r="AZ24" s="70"/>
      <c r="BA24" s="70"/>
      <c r="BB24" s="70"/>
      <c r="BC24" s="70"/>
      <c r="BD24" s="70"/>
      <c r="BE24" s="70"/>
      <c r="BF24" s="70"/>
      <c r="BG24" s="70"/>
      <c r="BH24" s="70"/>
      <c r="BI24" s="70"/>
      <c r="BJ24" s="70"/>
      <c r="BK24" s="70"/>
      <c r="BL24" s="70"/>
      <c r="BM24" s="70"/>
      <c r="BN24" s="70"/>
      <c r="BO24" s="70"/>
      <c r="BP24" s="70"/>
      <c r="BQ24" s="70"/>
      <c r="BR24" s="70"/>
      <c r="BS24" s="70"/>
      <c r="BT24" s="70"/>
      <c r="BU24" s="70"/>
      <c r="BV24" s="70"/>
      <c r="BW24" s="70"/>
      <c r="BX24" s="70"/>
      <c r="BY24" s="70"/>
      <c r="BZ24" s="70"/>
      <c r="CA24" s="70"/>
      <c r="CB24" s="70"/>
      <c r="CC24" s="70"/>
      <c r="CD24" s="70"/>
      <c r="CE24" s="70"/>
      <c r="CF24" s="70"/>
      <c r="CG24" s="70"/>
      <c r="CH24" s="70"/>
      <c r="CI24" s="70"/>
      <c r="CJ24" s="70"/>
      <c r="CK24" s="70"/>
      <c r="CL24" s="70"/>
      <c r="CM24" s="71"/>
      <c r="CQ24" s="3" ph="1"/>
      <c r="CR24" s="3" ph="1"/>
      <c r="CS24" s="3" ph="1"/>
      <c r="CT24" s="3" ph="1"/>
      <c r="CU24" s="3" ph="1"/>
      <c r="CV24" s="3" ph="1"/>
    </row>
    <row r="25" spans="1:100" ht="17.25" customHeight="1" x14ac:dyDescent="0.15">
      <c r="A25" s="364"/>
      <c r="B25" s="365"/>
      <c r="C25" s="365"/>
      <c r="D25" s="365"/>
      <c r="E25" s="366"/>
      <c r="F25" s="339"/>
      <c r="G25" s="340"/>
      <c r="H25" s="340"/>
      <c r="I25" s="340"/>
      <c r="J25" s="340"/>
      <c r="K25" s="340"/>
      <c r="L25" s="340"/>
      <c r="M25" s="341"/>
      <c r="N25" s="523"/>
      <c r="O25" s="382" t="s">
        <v>260</v>
      </c>
      <c r="P25" s="485"/>
      <c r="Q25" s="486" t="s">
        <v>699</v>
      </c>
      <c r="R25" s="487"/>
      <c r="S25" s="487"/>
      <c r="T25" s="487"/>
      <c r="U25" s="487"/>
      <c r="V25" s="487"/>
      <c r="W25" s="487"/>
      <c r="X25" s="487"/>
      <c r="Y25" s="487"/>
      <c r="Z25" s="487"/>
      <c r="AA25" s="487"/>
      <c r="AB25" s="487"/>
      <c r="AC25" s="487"/>
      <c r="AD25" s="487"/>
      <c r="AE25" s="487"/>
      <c r="AF25" s="487"/>
      <c r="AG25" s="487"/>
      <c r="AH25" s="487"/>
      <c r="AI25" s="487"/>
      <c r="AJ25" s="487"/>
      <c r="AK25" s="487"/>
      <c r="AL25" s="488"/>
      <c r="AM25" s="5"/>
      <c r="AN25" s="518" t="s">
        <v>261</v>
      </c>
      <c r="AO25" s="518"/>
      <c r="AP25" s="518"/>
      <c r="AQ25" s="518"/>
      <c r="AR25" s="518"/>
      <c r="AS25" s="518"/>
      <c r="AT25" s="518"/>
      <c r="AU25" s="518"/>
      <c r="AV25" s="518"/>
      <c r="AW25" s="518"/>
      <c r="AX25" s="518"/>
      <c r="AY25" s="518"/>
      <c r="AZ25" s="518"/>
      <c r="BA25" s="518"/>
      <c r="BB25" s="518"/>
      <c r="BC25" s="518"/>
      <c r="BD25" s="518"/>
      <c r="BE25" s="518"/>
      <c r="BF25" s="518"/>
      <c r="BG25" s="518"/>
      <c r="BH25" s="518"/>
      <c r="BI25" s="518"/>
      <c r="BJ25" s="518"/>
      <c r="BK25" s="518"/>
      <c r="BL25" s="518"/>
      <c r="BM25" s="518"/>
      <c r="BN25" s="518"/>
      <c r="BO25" s="518"/>
      <c r="BP25" s="518"/>
      <c r="BQ25" s="134"/>
      <c r="BR25" s="135"/>
      <c r="BS25" s="1"/>
      <c r="BT25" s="1"/>
      <c r="BU25" s="1"/>
      <c r="BV25" s="1"/>
      <c r="BW25" s="1"/>
      <c r="BX25" s="1"/>
      <c r="BY25" s="1"/>
      <c r="BZ25" s="1"/>
      <c r="CA25" s="1"/>
      <c r="CB25" s="1"/>
      <c r="CC25" s="1"/>
      <c r="CD25" s="1"/>
      <c r="CE25" s="1"/>
      <c r="CF25" s="1"/>
      <c r="CG25" s="1"/>
      <c r="CH25" s="1"/>
      <c r="CI25" s="1"/>
      <c r="CJ25" s="1"/>
      <c r="CK25" s="1"/>
      <c r="CL25" s="1"/>
      <c r="CM25" s="1"/>
      <c r="CQ25" s="3" ph="1"/>
      <c r="CR25" s="3" ph="1"/>
      <c r="CS25" s="3" ph="1"/>
      <c r="CT25" s="3" ph="1"/>
      <c r="CU25" s="3" ph="1"/>
      <c r="CV25" s="3" ph="1"/>
    </row>
    <row r="26" spans="1:100" ht="17.25" customHeight="1" x14ac:dyDescent="0.15">
      <c r="A26" s="382" t="s">
        <v>263</v>
      </c>
      <c r="B26" s="484"/>
      <c r="C26" s="484"/>
      <c r="D26" s="484"/>
      <c r="E26" s="485"/>
      <c r="F26" s="519" t="s">
        <v>1217</v>
      </c>
      <c r="G26" s="520"/>
      <c r="H26" s="520"/>
      <c r="I26" s="520"/>
      <c r="J26" s="520"/>
      <c r="K26" s="520"/>
      <c r="L26" s="520"/>
      <c r="M26" s="521"/>
      <c r="N26" s="523"/>
      <c r="O26" s="364"/>
      <c r="P26" s="366"/>
      <c r="Q26" s="342">
        <v>30255</v>
      </c>
      <c r="R26" s="343"/>
      <c r="S26" s="343"/>
      <c r="T26" s="343"/>
      <c r="U26" s="343"/>
      <c r="V26" s="343"/>
      <c r="W26" s="343"/>
      <c r="X26" s="343"/>
      <c r="Y26" s="343"/>
      <c r="Z26" s="343"/>
      <c r="AA26" s="343"/>
      <c r="AB26" s="343"/>
      <c r="AC26" s="343"/>
      <c r="AD26" s="343"/>
      <c r="AE26" s="343"/>
      <c r="AF26" s="343"/>
      <c r="AG26" s="343"/>
      <c r="AH26" s="343"/>
      <c r="AI26" s="343"/>
      <c r="AJ26" s="343"/>
      <c r="AK26" s="343"/>
      <c r="AL26" s="344"/>
      <c r="AM26" s="5"/>
      <c r="AN26" s="79" t="s">
        <v>16</v>
      </c>
      <c r="AO26" s="312" t="s">
        <v>1527</v>
      </c>
      <c r="AP26" s="312"/>
      <c r="AQ26" s="312"/>
      <c r="AR26" s="312"/>
      <c r="AS26" s="312"/>
      <c r="AT26" s="312"/>
      <c r="AU26" s="312"/>
      <c r="AV26" s="312"/>
      <c r="AW26" s="312"/>
      <c r="AX26" s="312"/>
      <c r="AY26" s="312"/>
      <c r="AZ26" s="312"/>
      <c r="BA26" s="312"/>
      <c r="BB26" s="312"/>
      <c r="BC26" s="312"/>
      <c r="BD26" s="312"/>
      <c r="BE26" s="312"/>
      <c r="BF26" s="312"/>
      <c r="BG26" s="312"/>
      <c r="BH26" s="312"/>
      <c r="BI26" s="312"/>
      <c r="BJ26" s="312"/>
      <c r="BK26" s="312"/>
      <c r="BL26" s="312"/>
      <c r="BM26" s="312"/>
      <c r="BN26" s="312"/>
      <c r="BO26" s="312"/>
      <c r="BP26" s="313"/>
      <c r="BQ26" s="84"/>
      <c r="BR26" s="101"/>
      <c r="BS26" s="15"/>
      <c r="BT26" s="1"/>
      <c r="BU26" s="1"/>
      <c r="BV26" s="1"/>
      <c r="BW26" s="1"/>
      <c r="BX26" s="1"/>
      <c r="BY26" s="1"/>
      <c r="BZ26" s="1"/>
      <c r="CA26" s="129"/>
      <c r="CB26" s="129"/>
      <c r="CC26" s="129"/>
      <c r="CD26" s="129"/>
      <c r="CE26" s="129"/>
      <c r="CF26" s="129"/>
      <c r="CG26" s="129"/>
      <c r="CH26" s="129"/>
      <c r="CI26" s="129"/>
      <c r="CJ26" s="129"/>
      <c r="CK26" s="129"/>
      <c r="CL26" s="129"/>
      <c r="CM26" s="1"/>
      <c r="CN26" s="33"/>
      <c r="CQ26" s="3" ph="1"/>
      <c r="CR26" s="3" ph="1"/>
      <c r="CS26" s="3" ph="1"/>
      <c r="CT26" s="3" ph="1"/>
      <c r="CU26" s="3" ph="1"/>
      <c r="CV26" s="3" ph="1"/>
    </row>
    <row r="27" spans="1:100" ht="17.25" customHeight="1" x14ac:dyDescent="0.15">
      <c r="A27" s="361"/>
      <c r="B27" s="362"/>
      <c r="C27" s="362"/>
      <c r="D27" s="362"/>
      <c r="E27" s="363"/>
      <c r="F27" s="336" t="s">
        <v>1216</v>
      </c>
      <c r="G27" s="337"/>
      <c r="H27" s="337"/>
      <c r="I27" s="337"/>
      <c r="J27" s="337"/>
      <c r="K27" s="337"/>
      <c r="L27" s="337"/>
      <c r="M27" s="338"/>
      <c r="N27" s="523"/>
      <c r="O27" s="382" t="s">
        <v>264</v>
      </c>
      <c r="P27" s="485"/>
      <c r="Q27" s="486" t="s">
        <v>700</v>
      </c>
      <c r="R27" s="487"/>
      <c r="S27" s="487"/>
      <c r="T27" s="487"/>
      <c r="U27" s="487"/>
      <c r="V27" s="487"/>
      <c r="W27" s="487"/>
      <c r="X27" s="487"/>
      <c r="Y27" s="487"/>
      <c r="Z27" s="487"/>
      <c r="AA27" s="487"/>
      <c r="AB27" s="487"/>
      <c r="AC27" s="487"/>
      <c r="AD27" s="487"/>
      <c r="AE27" s="487"/>
      <c r="AF27" s="487"/>
      <c r="AG27" s="487"/>
      <c r="AH27" s="487"/>
      <c r="AI27" s="487"/>
      <c r="AJ27" s="487"/>
      <c r="AK27" s="487"/>
      <c r="AL27" s="488"/>
      <c r="AM27" s="5"/>
      <c r="AN27" s="20" t="s">
        <v>16</v>
      </c>
      <c r="AO27" s="273" t="s">
        <v>1528</v>
      </c>
      <c r="AP27" s="273"/>
      <c r="AQ27" s="273"/>
      <c r="AR27" s="273"/>
      <c r="AS27" s="273"/>
      <c r="AT27" s="273"/>
      <c r="AU27" s="273"/>
      <c r="AV27" s="273"/>
      <c r="AW27" s="273"/>
      <c r="AX27" s="273"/>
      <c r="AY27" s="273"/>
      <c r="AZ27" s="273"/>
      <c r="BA27" s="273"/>
      <c r="BB27" s="273"/>
      <c r="BC27" s="273"/>
      <c r="BD27" s="273"/>
      <c r="BE27" s="273"/>
      <c r="BF27" s="273"/>
      <c r="BG27" s="273"/>
      <c r="BH27" s="273"/>
      <c r="BI27" s="273"/>
      <c r="BJ27" s="273"/>
      <c r="BK27" s="273"/>
      <c r="BL27" s="273"/>
      <c r="BM27" s="273"/>
      <c r="BN27" s="273"/>
      <c r="BO27" s="273"/>
      <c r="BP27" s="274"/>
      <c r="BQ27" s="134"/>
      <c r="BR27" s="135"/>
      <c r="BS27" s="1"/>
      <c r="BT27" s="1"/>
      <c r="BU27" s="1"/>
      <c r="BV27" s="135"/>
      <c r="BW27" s="1"/>
      <c r="BX27" s="1"/>
      <c r="BY27" s="1"/>
      <c r="BZ27" s="1"/>
      <c r="CA27" s="1"/>
      <c r="CB27" s="1"/>
      <c r="CC27" s="1"/>
      <c r="CD27" s="1"/>
      <c r="CE27" s="1"/>
      <c r="CF27" s="1"/>
      <c r="CG27" s="1"/>
      <c r="CH27" s="1"/>
      <c r="CI27" s="1"/>
      <c r="CJ27" s="1"/>
      <c r="CK27" s="1"/>
      <c r="CL27" s="1"/>
      <c r="CM27" s="1"/>
      <c r="CN27" s="33"/>
      <c r="CQ27" s="3" ph="1"/>
      <c r="CR27" s="3" ph="1"/>
      <c r="CS27" s="3" ph="1"/>
      <c r="CT27" s="3" ph="1"/>
      <c r="CU27" s="3" ph="1"/>
      <c r="CV27" s="3" ph="1"/>
    </row>
    <row r="28" spans="1:100" ht="17.25" customHeight="1" x14ac:dyDescent="0.15">
      <c r="A28" s="364"/>
      <c r="B28" s="365"/>
      <c r="C28" s="365"/>
      <c r="D28" s="365"/>
      <c r="E28" s="366"/>
      <c r="F28" s="339"/>
      <c r="G28" s="340"/>
      <c r="H28" s="340"/>
      <c r="I28" s="340"/>
      <c r="J28" s="340"/>
      <c r="K28" s="340"/>
      <c r="L28" s="340"/>
      <c r="M28" s="341"/>
      <c r="N28" s="523"/>
      <c r="O28" s="364"/>
      <c r="P28" s="366"/>
      <c r="Q28" s="342">
        <v>30255</v>
      </c>
      <c r="R28" s="343"/>
      <c r="S28" s="343"/>
      <c r="T28" s="343"/>
      <c r="U28" s="343"/>
      <c r="V28" s="343"/>
      <c r="W28" s="343"/>
      <c r="X28" s="343"/>
      <c r="Y28" s="343"/>
      <c r="Z28" s="343"/>
      <c r="AA28" s="343"/>
      <c r="AB28" s="343"/>
      <c r="AC28" s="343"/>
      <c r="AD28" s="343"/>
      <c r="AE28" s="343"/>
      <c r="AF28" s="343"/>
      <c r="AG28" s="343"/>
      <c r="AH28" s="343"/>
      <c r="AI28" s="343"/>
      <c r="AJ28" s="343"/>
      <c r="AK28" s="343"/>
      <c r="AL28" s="344"/>
      <c r="AM28" s="5"/>
      <c r="AN28" s="20" t="s">
        <v>16</v>
      </c>
      <c r="AO28" s="273" t="s">
        <v>1529</v>
      </c>
      <c r="AP28" s="273"/>
      <c r="AQ28" s="273"/>
      <c r="AR28" s="273"/>
      <c r="AS28" s="273"/>
      <c r="AT28" s="273"/>
      <c r="AU28" s="273"/>
      <c r="AV28" s="273"/>
      <c r="AW28" s="273"/>
      <c r="AX28" s="273"/>
      <c r="AY28" s="273"/>
      <c r="AZ28" s="273"/>
      <c r="BA28" s="273"/>
      <c r="BB28" s="273"/>
      <c r="BC28" s="273"/>
      <c r="BD28" s="273"/>
      <c r="BE28" s="273"/>
      <c r="BF28" s="273"/>
      <c r="BG28" s="273"/>
      <c r="BH28" s="273"/>
      <c r="BI28" s="273"/>
      <c r="BJ28" s="273"/>
      <c r="BK28" s="273"/>
      <c r="BL28" s="273"/>
      <c r="BM28" s="273"/>
      <c r="BN28" s="273"/>
      <c r="BO28" s="273"/>
      <c r="BP28" s="274"/>
      <c r="BQ28" s="84"/>
      <c r="BR28" s="101"/>
      <c r="BS28" s="15"/>
      <c r="BT28" s="1"/>
      <c r="BU28" s="1"/>
      <c r="BV28" s="1"/>
      <c r="BW28" s="1"/>
      <c r="BX28" s="1"/>
      <c r="BY28" s="1"/>
      <c r="BZ28" s="1"/>
      <c r="CA28" s="129"/>
      <c r="CB28" s="129"/>
      <c r="CC28" s="129"/>
      <c r="CD28" s="129"/>
      <c r="CE28" s="129"/>
      <c r="CF28" s="129"/>
      <c r="CG28" s="129"/>
      <c r="CH28" s="129"/>
      <c r="CI28" s="129"/>
      <c r="CJ28" s="129"/>
      <c r="CK28" s="129"/>
      <c r="CL28" s="129"/>
      <c r="CM28" s="1"/>
      <c r="CN28" s="33"/>
      <c r="CQ28" s="3" ph="1"/>
      <c r="CR28" s="3" ph="1"/>
      <c r="CS28" s="3" ph="1"/>
      <c r="CT28" s="3" ph="1"/>
      <c r="CU28" s="3" ph="1"/>
      <c r="CV28" s="3" ph="1"/>
    </row>
    <row r="29" spans="1:100" ht="17.25" customHeight="1" x14ac:dyDescent="0.15">
      <c r="A29" s="255" t="s">
        <v>268</v>
      </c>
      <c r="B29" s="255"/>
      <c r="C29" s="255"/>
      <c r="D29" s="255"/>
      <c r="E29" s="255"/>
      <c r="F29" s="255"/>
      <c r="G29" s="255"/>
      <c r="H29" s="255"/>
      <c r="I29" s="255"/>
      <c r="J29" s="255"/>
      <c r="K29" s="255"/>
      <c r="L29" s="255"/>
      <c r="M29" s="255"/>
      <c r="N29" s="255"/>
      <c r="O29" s="255"/>
      <c r="P29" s="255"/>
      <c r="Q29" s="255"/>
      <c r="R29" s="255"/>
      <c r="S29" s="255"/>
      <c r="T29" s="255"/>
      <c r="U29" s="255"/>
      <c r="V29" s="255"/>
      <c r="W29" s="255"/>
      <c r="X29" s="255"/>
      <c r="Y29" s="255"/>
      <c r="Z29" s="255"/>
      <c r="AA29" s="255"/>
      <c r="AB29" s="255"/>
      <c r="AC29" s="255"/>
      <c r="AD29" s="255"/>
      <c r="AE29" s="255"/>
      <c r="AF29" s="255"/>
      <c r="AG29" s="255"/>
      <c r="AH29" s="255"/>
      <c r="AI29" s="255"/>
      <c r="AJ29" s="255"/>
      <c r="AK29" s="255"/>
      <c r="AL29" s="255"/>
      <c r="AM29" s="5"/>
      <c r="AN29" s="20" t="s">
        <v>16</v>
      </c>
      <c r="AO29" s="1347" t="s">
        <v>1530</v>
      </c>
      <c r="AP29" s="1347"/>
      <c r="AQ29" s="1347"/>
      <c r="AR29" s="1347"/>
      <c r="AS29" s="1347"/>
      <c r="AT29" s="1347"/>
      <c r="AU29" s="1347"/>
      <c r="AV29" s="1347"/>
      <c r="AW29" s="1347"/>
      <c r="AX29" s="1347"/>
      <c r="AY29" s="1347"/>
      <c r="AZ29" s="1347"/>
      <c r="BA29" s="1347"/>
      <c r="BB29" s="1347"/>
      <c r="BC29" s="1347"/>
      <c r="BD29" s="1347"/>
      <c r="BE29" s="1347"/>
      <c r="BF29" s="1347"/>
      <c r="BG29" s="1347"/>
      <c r="BH29" s="1347"/>
      <c r="BI29" s="1347"/>
      <c r="BJ29" s="1347"/>
      <c r="BK29" s="1347"/>
      <c r="BL29" s="1347"/>
      <c r="BM29" s="1347"/>
      <c r="BN29" s="1347"/>
      <c r="BO29" s="1347"/>
      <c r="BP29" s="1348"/>
      <c r="BQ29" s="84"/>
      <c r="BR29" s="101"/>
      <c r="BS29" s="15"/>
      <c r="BT29" s="1"/>
      <c r="BU29" s="1"/>
      <c r="BV29" s="1"/>
      <c r="BW29" s="1"/>
      <c r="BX29" s="1"/>
      <c r="BY29" s="1"/>
      <c r="BZ29" s="1"/>
      <c r="CA29" s="129"/>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1349" t="s">
        <v>515</v>
      </c>
      <c r="B30" s="1350"/>
      <c r="C30" s="1350"/>
      <c r="D30" s="1350"/>
      <c r="E30" s="1350"/>
      <c r="F30" s="1350"/>
      <c r="G30" s="1350"/>
      <c r="H30" s="1350"/>
      <c r="I30" s="1350"/>
      <c r="J30" s="1350"/>
      <c r="K30" s="1350"/>
      <c r="L30" s="1350"/>
      <c r="M30" s="1350"/>
      <c r="N30" s="1350"/>
      <c r="O30" s="1350"/>
      <c r="P30" s="1350"/>
      <c r="Q30" s="1350"/>
      <c r="R30" s="1350"/>
      <c r="S30" s="1350"/>
      <c r="T30" s="1350"/>
      <c r="U30" s="1350"/>
      <c r="V30" s="1350"/>
      <c r="W30" s="1350"/>
      <c r="X30" s="1350"/>
      <c r="Y30" s="1350"/>
      <c r="Z30" s="1350"/>
      <c r="AA30" s="1350"/>
      <c r="AB30" s="1350"/>
      <c r="AC30" s="1350"/>
      <c r="AD30" s="1350"/>
      <c r="AE30" s="1350"/>
      <c r="AF30" s="1350"/>
      <c r="AG30" s="1350"/>
      <c r="AH30" s="1350"/>
      <c r="AI30" s="1350"/>
      <c r="AJ30" s="1350"/>
      <c r="AK30" s="1350"/>
      <c r="AL30" s="1351"/>
      <c r="AM30" s="5"/>
      <c r="AN30" s="20" t="s">
        <v>16</v>
      </c>
      <c r="AO30" s="1358" t="s">
        <v>1531</v>
      </c>
      <c r="AP30" s="1358"/>
      <c r="AQ30" s="1358"/>
      <c r="AR30" s="1358"/>
      <c r="AS30" s="1358"/>
      <c r="AT30" s="1358"/>
      <c r="AU30" s="1358"/>
      <c r="AV30" s="1358"/>
      <c r="AW30" s="1358"/>
      <c r="AX30" s="1358"/>
      <c r="AY30" s="1358"/>
      <c r="AZ30" s="1358"/>
      <c r="BA30" s="1358"/>
      <c r="BB30" s="1358"/>
      <c r="BC30" s="1358"/>
      <c r="BD30" s="1358"/>
      <c r="BE30" s="1358"/>
      <c r="BF30" s="1358"/>
      <c r="BG30" s="1358"/>
      <c r="BH30" s="1358"/>
      <c r="BI30" s="1358"/>
      <c r="BJ30" s="1358"/>
      <c r="BK30" s="1358"/>
      <c r="BL30" s="1358"/>
      <c r="BM30" s="1358"/>
      <c r="BN30" s="1358"/>
      <c r="BO30" s="1358"/>
      <c r="BP30" s="1359"/>
      <c r="BQ30" s="118"/>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1352"/>
      <c r="B31" s="1353"/>
      <c r="C31" s="1353"/>
      <c r="D31" s="1353"/>
      <c r="E31" s="1353"/>
      <c r="F31" s="1353"/>
      <c r="G31" s="1353"/>
      <c r="H31" s="1353"/>
      <c r="I31" s="1353"/>
      <c r="J31" s="1353"/>
      <c r="K31" s="1353"/>
      <c r="L31" s="1353"/>
      <c r="M31" s="1353"/>
      <c r="N31" s="1353"/>
      <c r="O31" s="1353"/>
      <c r="P31" s="1353"/>
      <c r="Q31" s="1353"/>
      <c r="R31" s="1353"/>
      <c r="S31" s="1353"/>
      <c r="T31" s="1353"/>
      <c r="U31" s="1353"/>
      <c r="V31" s="1353"/>
      <c r="W31" s="1353"/>
      <c r="X31" s="1353"/>
      <c r="Y31" s="1353"/>
      <c r="Z31" s="1353"/>
      <c r="AA31" s="1353"/>
      <c r="AB31" s="1353"/>
      <c r="AC31" s="1353"/>
      <c r="AD31" s="1353"/>
      <c r="AE31" s="1353"/>
      <c r="AF31" s="1353"/>
      <c r="AG31" s="1353"/>
      <c r="AH31" s="1353"/>
      <c r="AI31" s="1353"/>
      <c r="AJ31" s="1353"/>
      <c r="AK31" s="1353"/>
      <c r="AL31" s="1354"/>
      <c r="AM31" s="5"/>
      <c r="AN31" s="20"/>
      <c r="AO31" s="217"/>
      <c r="AP31" s="217"/>
      <c r="AQ31" s="217"/>
      <c r="AR31" s="217"/>
      <c r="AS31" s="217"/>
      <c r="AT31" s="217"/>
      <c r="AU31" s="217"/>
      <c r="AV31" s="217"/>
      <c r="AW31" s="217"/>
      <c r="AX31" s="217"/>
      <c r="AY31" s="217"/>
      <c r="AZ31" s="217"/>
      <c r="BA31" s="217"/>
      <c r="BB31" s="217"/>
      <c r="BC31" s="217"/>
      <c r="BD31" s="217"/>
      <c r="BE31" s="217"/>
      <c r="BF31" s="217"/>
      <c r="BG31" s="217"/>
      <c r="BH31" s="217"/>
      <c r="BI31" s="217"/>
      <c r="BJ31" s="217"/>
      <c r="BK31" s="217"/>
      <c r="BL31" s="217"/>
      <c r="BM31" s="217"/>
      <c r="BN31" s="217"/>
      <c r="BO31" s="217"/>
      <c r="BP31" s="218"/>
      <c r="BQ31" s="85"/>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1352"/>
      <c r="B32" s="1353"/>
      <c r="C32" s="1353"/>
      <c r="D32" s="1353"/>
      <c r="E32" s="1353"/>
      <c r="F32" s="1353"/>
      <c r="G32" s="1353"/>
      <c r="H32" s="1353"/>
      <c r="I32" s="1353"/>
      <c r="J32" s="1353"/>
      <c r="K32" s="1353"/>
      <c r="L32" s="1353"/>
      <c r="M32" s="1353"/>
      <c r="N32" s="1353"/>
      <c r="O32" s="1353"/>
      <c r="P32" s="1353"/>
      <c r="Q32" s="1353"/>
      <c r="R32" s="1353"/>
      <c r="S32" s="1353"/>
      <c r="T32" s="1353"/>
      <c r="U32" s="1353"/>
      <c r="V32" s="1353"/>
      <c r="W32" s="1353"/>
      <c r="X32" s="1353"/>
      <c r="Y32" s="1353"/>
      <c r="Z32" s="1353"/>
      <c r="AA32" s="1353"/>
      <c r="AB32" s="1353"/>
      <c r="AC32" s="1353"/>
      <c r="AD32" s="1353"/>
      <c r="AE32" s="1353"/>
      <c r="AF32" s="1353"/>
      <c r="AG32" s="1353"/>
      <c r="AH32" s="1353"/>
      <c r="AI32" s="1353"/>
      <c r="AJ32" s="1353"/>
      <c r="AK32" s="1353"/>
      <c r="AL32" s="1354"/>
      <c r="AM32" s="5"/>
      <c r="AN32" s="20"/>
      <c r="AO32" s="217"/>
      <c r="AP32" s="217"/>
      <c r="AQ32" s="217"/>
      <c r="AR32" s="217"/>
      <c r="AS32" s="217"/>
      <c r="AT32" s="217"/>
      <c r="AU32" s="217"/>
      <c r="AV32" s="217"/>
      <c r="AW32" s="217"/>
      <c r="AX32" s="217"/>
      <c r="AY32" s="217"/>
      <c r="AZ32" s="217"/>
      <c r="BA32" s="217"/>
      <c r="BB32" s="217"/>
      <c r="BC32" s="217"/>
      <c r="BD32" s="217"/>
      <c r="BE32" s="217"/>
      <c r="BF32" s="217"/>
      <c r="BG32" s="217"/>
      <c r="BH32" s="217"/>
      <c r="BI32" s="217"/>
      <c r="BJ32" s="217"/>
      <c r="BK32" s="217"/>
      <c r="BL32" s="217"/>
      <c r="BM32" s="217"/>
      <c r="BN32" s="217"/>
      <c r="BO32" s="217"/>
      <c r="BP32" s="218"/>
      <c r="BQ32" s="84"/>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1352"/>
      <c r="B33" s="1353"/>
      <c r="C33" s="1353"/>
      <c r="D33" s="1353"/>
      <c r="E33" s="1353"/>
      <c r="F33" s="1353"/>
      <c r="G33" s="1353"/>
      <c r="H33" s="1353"/>
      <c r="I33" s="1353"/>
      <c r="J33" s="1353"/>
      <c r="K33" s="1353"/>
      <c r="L33" s="1353"/>
      <c r="M33" s="1353"/>
      <c r="N33" s="1353"/>
      <c r="O33" s="1353"/>
      <c r="P33" s="1353"/>
      <c r="Q33" s="1353"/>
      <c r="R33" s="1353"/>
      <c r="S33" s="1353"/>
      <c r="T33" s="1353"/>
      <c r="U33" s="1353"/>
      <c r="V33" s="1353"/>
      <c r="W33" s="1353"/>
      <c r="X33" s="1353"/>
      <c r="Y33" s="1353"/>
      <c r="Z33" s="1353"/>
      <c r="AA33" s="1353"/>
      <c r="AB33" s="1353"/>
      <c r="AC33" s="1353"/>
      <c r="AD33" s="1353"/>
      <c r="AE33" s="1353"/>
      <c r="AF33" s="1353"/>
      <c r="AG33" s="1353"/>
      <c r="AH33" s="1353"/>
      <c r="AI33" s="1353"/>
      <c r="AJ33" s="1353"/>
      <c r="AK33" s="1353"/>
      <c r="AL33" s="1354"/>
      <c r="AM33" s="5"/>
      <c r="AN33" s="21"/>
      <c r="AO33" s="1360"/>
      <c r="AP33" s="1360"/>
      <c r="AQ33" s="1360"/>
      <c r="AR33" s="1360"/>
      <c r="AS33" s="1360"/>
      <c r="AT33" s="1360"/>
      <c r="AU33" s="1360"/>
      <c r="AV33" s="1360"/>
      <c r="AW33" s="1360"/>
      <c r="AX33" s="1360"/>
      <c r="AY33" s="1360"/>
      <c r="AZ33" s="1360"/>
      <c r="BA33" s="1360"/>
      <c r="BB33" s="1360"/>
      <c r="BC33" s="1360"/>
      <c r="BD33" s="1360"/>
      <c r="BE33" s="1360"/>
      <c r="BF33" s="1360"/>
      <c r="BG33" s="1360"/>
      <c r="BH33" s="1360"/>
      <c r="BI33" s="1360"/>
      <c r="BJ33" s="1360"/>
      <c r="BK33" s="1360"/>
      <c r="BL33" s="1360"/>
      <c r="BM33" s="1360"/>
      <c r="BN33" s="1360"/>
      <c r="BO33" s="1360"/>
      <c r="BP33" s="1361"/>
      <c r="BQ33" s="118"/>
      <c r="BR33" s="292" t="s">
        <v>267</v>
      </c>
      <c r="BS33" s="293"/>
      <c r="BT33" s="293"/>
      <c r="BU33" s="293"/>
      <c r="BV33" s="293"/>
      <c r="BW33" s="293"/>
      <c r="BX33" s="294"/>
      <c r="BY33" s="284">
        <v>53</v>
      </c>
      <c r="BZ33" s="285"/>
      <c r="CA33" s="285"/>
      <c r="CB33" s="285"/>
      <c r="CC33" s="285"/>
      <c r="CD33" s="285"/>
      <c r="CE33" s="285"/>
      <c r="CF33" s="285"/>
      <c r="CG33" s="288"/>
      <c r="CH33" s="286">
        <v>4.0550899999999999</v>
      </c>
      <c r="CI33" s="286"/>
      <c r="CJ33" s="286"/>
      <c r="CK33" s="286"/>
      <c r="CL33" s="286"/>
      <c r="CM33" s="286"/>
      <c r="CQ33" s="3" ph="1"/>
      <c r="CR33" s="3" ph="1"/>
      <c r="CS33" s="3" ph="1"/>
      <c r="CT33" s="3" ph="1"/>
      <c r="CU33" s="3" ph="1"/>
      <c r="CV33" s="3" ph="1"/>
    </row>
    <row r="34" spans="1:100" ht="17.25" customHeight="1" x14ac:dyDescent="0.15">
      <c r="A34" s="1355"/>
      <c r="B34" s="1356"/>
      <c r="C34" s="1356"/>
      <c r="D34" s="1356"/>
      <c r="E34" s="1356"/>
      <c r="F34" s="1356"/>
      <c r="G34" s="1356"/>
      <c r="H34" s="1356"/>
      <c r="I34" s="1356"/>
      <c r="J34" s="1356"/>
      <c r="K34" s="1356"/>
      <c r="L34" s="1356"/>
      <c r="M34" s="1356"/>
      <c r="N34" s="1356"/>
      <c r="O34" s="1356"/>
      <c r="P34" s="1356"/>
      <c r="Q34" s="1356"/>
      <c r="R34" s="1356"/>
      <c r="S34" s="1356"/>
      <c r="T34" s="1356"/>
      <c r="U34" s="1356"/>
      <c r="V34" s="1356"/>
      <c r="W34" s="1356"/>
      <c r="X34" s="1356"/>
      <c r="Y34" s="1356"/>
      <c r="Z34" s="1356"/>
      <c r="AA34" s="1356"/>
      <c r="AB34" s="1356"/>
      <c r="AC34" s="1356"/>
      <c r="AD34" s="1356"/>
      <c r="AE34" s="1356"/>
      <c r="AF34" s="1356"/>
      <c r="AG34" s="1356"/>
      <c r="AH34" s="1356"/>
      <c r="AI34" s="1356"/>
      <c r="AJ34" s="1356"/>
      <c r="AK34" s="1356"/>
      <c r="AL34" s="1357"/>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1068" t="s">
        <v>274</v>
      </c>
      <c r="B35" s="1068"/>
      <c r="C35" s="1068"/>
      <c r="D35" s="1068"/>
      <c r="E35" s="1068"/>
      <c r="F35" s="1068"/>
      <c r="G35" s="1068"/>
      <c r="H35" s="1068"/>
      <c r="I35" s="1068"/>
      <c r="J35" s="1068"/>
      <c r="K35" s="1068"/>
      <c r="L35" s="1068"/>
      <c r="M35" s="1068"/>
      <c r="N35" s="147"/>
      <c r="O35" s="1068" t="s">
        <v>275</v>
      </c>
      <c r="P35" s="1068"/>
      <c r="Q35" s="1068"/>
      <c r="R35" s="1068"/>
      <c r="S35" s="1068"/>
      <c r="T35" s="1068"/>
      <c r="U35" s="1068"/>
      <c r="V35" s="1068"/>
      <c r="W35" s="1068"/>
      <c r="X35" s="1068"/>
      <c r="Y35" s="1068"/>
      <c r="Z35" s="1068"/>
      <c r="AA35" s="1068"/>
      <c r="AB35" s="1068"/>
      <c r="AC35" s="1068"/>
      <c r="AD35" s="1068"/>
      <c r="AE35" s="1068"/>
      <c r="AF35" s="1068"/>
      <c r="AG35" s="1068"/>
      <c r="AH35" s="1068"/>
      <c r="AI35" s="1068"/>
      <c r="AJ35" s="1068"/>
      <c r="AK35" s="1068"/>
      <c r="AL35" s="1068"/>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337</v>
      </c>
      <c r="BZ35" s="681"/>
      <c r="CA35" s="682"/>
      <c r="CB35" s="682"/>
      <c r="CC35" s="682"/>
      <c r="CD35" s="682"/>
      <c r="CE35" s="682"/>
      <c r="CF35" s="682"/>
      <c r="CG35" s="682"/>
      <c r="CH35" s="683">
        <v>25.78424</v>
      </c>
      <c r="CI35" s="683"/>
      <c r="CJ35" s="683"/>
      <c r="CK35" s="683"/>
      <c r="CL35" s="683"/>
      <c r="CM35" s="683"/>
      <c r="CQ35" s="3" ph="1"/>
    </row>
    <row r="36" spans="1:100" ht="17.25" customHeight="1" x14ac:dyDescent="0.15">
      <c r="A36" s="785" t="s">
        <v>701</v>
      </c>
      <c r="B36" s="786"/>
      <c r="C36" s="786"/>
      <c r="D36" s="786"/>
      <c r="E36" s="786"/>
      <c r="F36" s="786"/>
      <c r="G36" s="786"/>
      <c r="H36" s="786"/>
      <c r="I36" s="786"/>
      <c r="J36" s="786"/>
      <c r="K36" s="786"/>
      <c r="L36" s="786"/>
      <c r="M36" s="787"/>
      <c r="N36" s="129"/>
      <c r="O36" s="486" t="s">
        <v>144</v>
      </c>
      <c r="P36" s="487"/>
      <c r="Q36" s="487"/>
      <c r="R36" s="487"/>
      <c r="S36" s="487"/>
      <c r="T36" s="487"/>
      <c r="U36" s="487"/>
      <c r="V36" s="487"/>
      <c r="W36" s="487"/>
      <c r="X36" s="487"/>
      <c r="Y36" s="487"/>
      <c r="Z36" s="487"/>
      <c r="AA36" s="487"/>
      <c r="AB36" s="487"/>
      <c r="AC36" s="487"/>
      <c r="AD36" s="487"/>
      <c r="AE36" s="487"/>
      <c r="AF36" s="487"/>
      <c r="AG36" s="487"/>
      <c r="AH36" s="487"/>
      <c r="AI36" s="487"/>
      <c r="AJ36" s="487"/>
      <c r="AK36" s="487"/>
      <c r="AL36" s="488"/>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251">
        <v>34961</v>
      </c>
      <c r="B37" s="252"/>
      <c r="C37" s="252"/>
      <c r="D37" s="252"/>
      <c r="E37" s="252"/>
      <c r="F37" s="252"/>
      <c r="G37" s="252"/>
      <c r="H37" s="252"/>
      <c r="I37" s="252"/>
      <c r="J37" s="252"/>
      <c r="K37" s="252"/>
      <c r="L37" s="252"/>
      <c r="M37" s="253"/>
      <c r="N37" s="61"/>
      <c r="O37" s="1148" t="s">
        <v>680</v>
      </c>
      <c r="P37" s="655"/>
      <c r="Q37" s="655"/>
      <c r="R37" s="655"/>
      <c r="S37" s="655"/>
      <c r="T37" s="655"/>
      <c r="U37" s="655"/>
      <c r="V37" s="655"/>
      <c r="W37" s="655"/>
      <c r="X37" s="655"/>
      <c r="Y37" s="655"/>
      <c r="Z37" s="655"/>
      <c r="AA37" s="655"/>
      <c r="AB37" s="655"/>
      <c r="AC37" s="655"/>
      <c r="AD37" s="655"/>
      <c r="AE37" s="655"/>
      <c r="AF37" s="655"/>
      <c r="AG37" s="655"/>
      <c r="AH37" s="655"/>
      <c r="AI37" s="655"/>
      <c r="AJ37" s="655"/>
      <c r="AK37" s="655"/>
      <c r="AL37" s="656"/>
      <c r="AM37" s="5"/>
      <c r="AN37" s="287" t="s">
        <v>399</v>
      </c>
      <c r="AO37" s="287"/>
      <c r="AP37" s="287"/>
      <c r="AQ37" s="287"/>
      <c r="AR37" s="287"/>
      <c r="AS37" s="287"/>
      <c r="AT37" s="287"/>
      <c r="AU37" s="287"/>
      <c r="AV37" s="287"/>
      <c r="AW37" s="681">
        <v>3214</v>
      </c>
      <c r="AX37" s="681"/>
      <c r="AY37" s="681"/>
      <c r="AZ37" s="681"/>
      <c r="BA37" s="681"/>
      <c r="BB37" s="681"/>
      <c r="BC37" s="681"/>
      <c r="BD37" s="681"/>
      <c r="BE37" s="681"/>
      <c r="BF37" s="681"/>
      <c r="BG37" s="681">
        <v>1122</v>
      </c>
      <c r="BH37" s="681"/>
      <c r="BI37" s="681"/>
      <c r="BJ37" s="681"/>
      <c r="BK37" s="681"/>
      <c r="BL37" s="681"/>
      <c r="BM37" s="681"/>
      <c r="BN37" s="681"/>
      <c r="BO37" s="681"/>
      <c r="BP37" s="681"/>
      <c r="BQ37" s="149"/>
      <c r="BR37" s="680" t="s">
        <v>273</v>
      </c>
      <c r="BS37" s="680"/>
      <c r="BT37" s="680"/>
      <c r="BU37" s="680"/>
      <c r="BV37" s="680"/>
      <c r="BW37" s="680"/>
      <c r="BX37" s="680"/>
      <c r="BY37" s="681">
        <v>917</v>
      </c>
      <c r="BZ37" s="681"/>
      <c r="CA37" s="682"/>
      <c r="CB37" s="682"/>
      <c r="CC37" s="682"/>
      <c r="CD37" s="682"/>
      <c r="CE37" s="682"/>
      <c r="CF37" s="682"/>
      <c r="CG37" s="682"/>
      <c r="CH37" s="683">
        <v>70.160669999999996</v>
      </c>
      <c r="CI37" s="683"/>
      <c r="CJ37" s="683"/>
      <c r="CK37" s="683"/>
      <c r="CL37" s="683"/>
      <c r="CM37" s="683"/>
      <c r="CQ37" s="3" ph="1"/>
    </row>
    <row r="38" spans="1:100" ht="17.25" customHeight="1" x14ac:dyDescent="0.15">
      <c r="A38" s="761"/>
      <c r="B38" s="774"/>
      <c r="C38" s="774"/>
      <c r="D38" s="774"/>
      <c r="E38" s="774"/>
      <c r="F38" s="774"/>
      <c r="G38" s="774"/>
      <c r="H38" s="774"/>
      <c r="I38" s="774"/>
      <c r="J38" s="774"/>
      <c r="K38" s="774"/>
      <c r="L38" s="774"/>
      <c r="M38" s="775"/>
      <c r="N38" s="145"/>
      <c r="O38" s="1067" t="s">
        <v>230</v>
      </c>
      <c r="P38" s="556"/>
      <c r="Q38" s="556"/>
      <c r="R38" s="556"/>
      <c r="S38" s="556"/>
      <c r="T38" s="556"/>
      <c r="U38" s="556"/>
      <c r="V38" s="556"/>
      <c r="W38" s="556"/>
      <c r="X38" s="556"/>
      <c r="Y38" s="556"/>
      <c r="Z38" s="556"/>
      <c r="AA38" s="556"/>
      <c r="AB38" s="556"/>
      <c r="AC38" s="556"/>
      <c r="AD38" s="556"/>
      <c r="AE38" s="556"/>
      <c r="AF38" s="556"/>
      <c r="AG38" s="556"/>
      <c r="AH38" s="556"/>
      <c r="AI38" s="556"/>
      <c r="AJ38" s="556"/>
      <c r="AK38" s="556"/>
      <c r="AL38" s="557"/>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761"/>
      <c r="B39" s="774"/>
      <c r="C39" s="774"/>
      <c r="D39" s="774"/>
      <c r="E39" s="774"/>
      <c r="F39" s="774"/>
      <c r="G39" s="774"/>
      <c r="H39" s="774"/>
      <c r="I39" s="774"/>
      <c r="J39" s="774"/>
      <c r="K39" s="774"/>
      <c r="L39" s="774"/>
      <c r="M39" s="775"/>
      <c r="N39" s="7"/>
      <c r="O39" s="1148" t="s">
        <v>209</v>
      </c>
      <c r="P39" s="655"/>
      <c r="Q39" s="655"/>
      <c r="R39" s="655"/>
      <c r="S39" s="655"/>
      <c r="T39" s="655"/>
      <c r="U39" s="655"/>
      <c r="V39" s="655"/>
      <c r="W39" s="655"/>
      <c r="X39" s="655"/>
      <c r="Y39" s="655"/>
      <c r="Z39" s="655"/>
      <c r="AA39" s="655"/>
      <c r="AB39" s="655"/>
      <c r="AC39" s="655"/>
      <c r="AD39" s="655"/>
      <c r="AE39" s="655"/>
      <c r="AF39" s="655"/>
      <c r="AG39" s="655"/>
      <c r="AH39" s="655"/>
      <c r="AI39" s="655"/>
      <c r="AJ39" s="655"/>
      <c r="AK39" s="655"/>
      <c r="AL39" s="656"/>
      <c r="AM39" s="5"/>
      <c r="AN39" s="300" t="s">
        <v>1059</v>
      </c>
      <c r="AO39" s="300"/>
      <c r="AP39" s="300"/>
      <c r="AQ39" s="300"/>
      <c r="AR39" s="300"/>
      <c r="AS39" s="300"/>
      <c r="AT39" s="300"/>
      <c r="AU39" s="300"/>
      <c r="AV39" s="300"/>
      <c r="AW39" s="681">
        <v>3038</v>
      </c>
      <c r="AX39" s="681"/>
      <c r="AY39" s="681"/>
      <c r="AZ39" s="682"/>
      <c r="BA39" s="682"/>
      <c r="BB39" s="682"/>
      <c r="BC39" s="682"/>
      <c r="BD39" s="682"/>
      <c r="BE39" s="682"/>
      <c r="BF39" s="682"/>
      <c r="BG39" s="681">
        <v>1127</v>
      </c>
      <c r="BH39" s="681"/>
      <c r="BI39" s="681"/>
      <c r="BJ39" s="681"/>
      <c r="BK39" s="681"/>
      <c r="BL39" s="681"/>
      <c r="BM39" s="681"/>
      <c r="BN39" s="681"/>
      <c r="BO39" s="681"/>
      <c r="BP39" s="681"/>
      <c r="BQ39" s="149"/>
      <c r="BR39" s="301" t="s">
        <v>1119</v>
      </c>
      <c r="BS39" s="293"/>
      <c r="BT39" s="293"/>
      <c r="BU39" s="293"/>
      <c r="BV39" s="293"/>
      <c r="BW39" s="293"/>
      <c r="BX39" s="294"/>
      <c r="BY39" s="681">
        <v>1317</v>
      </c>
      <c r="BZ39" s="681"/>
      <c r="CA39" s="682"/>
      <c r="CB39" s="682"/>
      <c r="CC39" s="682"/>
      <c r="CD39" s="682"/>
      <c r="CE39" s="682"/>
      <c r="CF39" s="682"/>
      <c r="CG39" s="682"/>
      <c r="CH39" s="683">
        <v>100</v>
      </c>
      <c r="CI39" s="683"/>
      <c r="CJ39" s="683"/>
      <c r="CK39" s="683"/>
      <c r="CL39" s="683"/>
      <c r="CM39" s="683"/>
    </row>
    <row r="40" spans="1:100" ht="17.25" customHeight="1" x14ac:dyDescent="0.15">
      <c r="A40" s="761"/>
      <c r="B40" s="774"/>
      <c r="C40" s="774"/>
      <c r="D40" s="774"/>
      <c r="E40" s="774"/>
      <c r="F40" s="774"/>
      <c r="G40" s="774"/>
      <c r="H40" s="774"/>
      <c r="I40" s="774"/>
      <c r="J40" s="774"/>
      <c r="K40" s="774"/>
      <c r="L40" s="774"/>
      <c r="M40" s="775"/>
      <c r="N40" s="109"/>
      <c r="O40" s="1067" t="s">
        <v>1052</v>
      </c>
      <c r="P40" s="556"/>
      <c r="Q40" s="556"/>
      <c r="R40" s="556"/>
      <c r="S40" s="556"/>
      <c r="T40" s="556"/>
      <c r="U40" s="556"/>
      <c r="V40" s="556"/>
      <c r="W40" s="556"/>
      <c r="X40" s="556"/>
      <c r="Y40" s="556"/>
      <c r="Z40" s="556"/>
      <c r="AA40" s="556"/>
      <c r="AB40" s="556"/>
      <c r="AC40" s="556"/>
      <c r="AD40" s="556"/>
      <c r="AE40" s="556"/>
      <c r="AF40" s="556"/>
      <c r="AG40" s="556"/>
      <c r="AH40" s="556"/>
      <c r="AI40" s="556"/>
      <c r="AJ40" s="556"/>
      <c r="AK40" s="556"/>
      <c r="AL40" s="557"/>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761"/>
      <c r="B41" s="774"/>
      <c r="C41" s="774"/>
      <c r="D41" s="774"/>
      <c r="E41" s="774"/>
      <c r="F41" s="774"/>
      <c r="G41" s="774"/>
      <c r="H41" s="774"/>
      <c r="I41" s="774"/>
      <c r="J41" s="774"/>
      <c r="K41" s="774"/>
      <c r="L41" s="774"/>
      <c r="M41" s="775"/>
      <c r="N41" s="109"/>
      <c r="O41" s="1148" t="s">
        <v>146</v>
      </c>
      <c r="P41" s="655"/>
      <c r="Q41" s="655"/>
      <c r="R41" s="655"/>
      <c r="S41" s="655"/>
      <c r="T41" s="655"/>
      <c r="U41" s="655"/>
      <c r="V41" s="655"/>
      <c r="W41" s="655"/>
      <c r="X41" s="655"/>
      <c r="Y41" s="655"/>
      <c r="Z41" s="655"/>
      <c r="AA41" s="655"/>
      <c r="AB41" s="655"/>
      <c r="AC41" s="655"/>
      <c r="AD41" s="655"/>
      <c r="AE41" s="655"/>
      <c r="AF41" s="655"/>
      <c r="AG41" s="655"/>
      <c r="AH41" s="655"/>
      <c r="AI41" s="655"/>
      <c r="AJ41" s="655"/>
      <c r="AK41" s="655"/>
      <c r="AL41" s="656"/>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761"/>
      <c r="B42" s="774"/>
      <c r="C42" s="774"/>
      <c r="D42" s="774"/>
      <c r="E42" s="774"/>
      <c r="F42" s="774"/>
      <c r="G42" s="774"/>
      <c r="H42" s="774"/>
      <c r="I42" s="774"/>
      <c r="J42" s="774"/>
      <c r="K42" s="774"/>
      <c r="L42" s="774"/>
      <c r="M42" s="775"/>
      <c r="N42" s="109"/>
      <c r="O42" s="1257" t="s">
        <v>702</v>
      </c>
      <c r="P42" s="1258"/>
      <c r="Q42" s="1258"/>
      <c r="R42" s="1258"/>
      <c r="S42" s="1258"/>
      <c r="T42" s="1258"/>
      <c r="U42" s="1258"/>
      <c r="V42" s="1258"/>
      <c r="W42" s="1258"/>
      <c r="X42" s="1258"/>
      <c r="Y42" s="1258"/>
      <c r="Z42" s="1258"/>
      <c r="AA42" s="1258"/>
      <c r="AB42" s="1258"/>
      <c r="AC42" s="1258"/>
      <c r="AD42" s="1258"/>
      <c r="AE42" s="1258"/>
      <c r="AF42" s="1258"/>
      <c r="AG42" s="1258"/>
      <c r="AH42" s="1258"/>
      <c r="AI42" s="1258"/>
      <c r="AJ42" s="1258"/>
      <c r="AK42" s="1258"/>
      <c r="AL42" s="1259"/>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761"/>
      <c r="B43" s="774"/>
      <c r="C43" s="774"/>
      <c r="D43" s="774"/>
      <c r="E43" s="774"/>
      <c r="F43" s="774"/>
      <c r="G43" s="774"/>
      <c r="H43" s="774"/>
      <c r="I43" s="774"/>
      <c r="J43" s="774"/>
      <c r="K43" s="774"/>
      <c r="L43" s="774"/>
      <c r="M43" s="775"/>
      <c r="N43" s="7"/>
      <c r="O43" s="1067" t="s">
        <v>703</v>
      </c>
      <c r="P43" s="556"/>
      <c r="Q43" s="556"/>
      <c r="R43" s="556"/>
      <c r="S43" s="556"/>
      <c r="T43" s="556"/>
      <c r="U43" s="556"/>
      <c r="V43" s="556"/>
      <c r="W43" s="556"/>
      <c r="X43" s="556"/>
      <c r="Y43" s="556"/>
      <c r="Z43" s="556"/>
      <c r="AA43" s="556"/>
      <c r="AB43" s="556"/>
      <c r="AC43" s="556"/>
      <c r="AD43" s="556"/>
      <c r="AE43" s="556"/>
      <c r="AF43" s="556"/>
      <c r="AG43" s="556"/>
      <c r="AH43" s="556"/>
      <c r="AI43" s="556"/>
      <c r="AJ43" s="556"/>
      <c r="AK43" s="556"/>
      <c r="AL43" s="557"/>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761"/>
      <c r="B44" s="774"/>
      <c r="C44" s="774"/>
      <c r="D44" s="774"/>
      <c r="E44" s="774"/>
      <c r="F44" s="774"/>
      <c r="G44" s="774"/>
      <c r="H44" s="774"/>
      <c r="I44" s="774"/>
      <c r="J44" s="774"/>
      <c r="K44" s="774"/>
      <c r="L44" s="774"/>
      <c r="M44" s="775"/>
      <c r="N44" s="109"/>
      <c r="O44" s="933" t="s">
        <v>1557</v>
      </c>
      <c r="P44" s="993"/>
      <c r="Q44" s="993"/>
      <c r="R44" s="993"/>
      <c r="S44" s="993"/>
      <c r="T44" s="993"/>
      <c r="U44" s="993"/>
      <c r="V44" s="993"/>
      <c r="W44" s="993"/>
      <c r="X44" s="993"/>
      <c r="Y44" s="993"/>
      <c r="Z44" s="993"/>
      <c r="AA44" s="993"/>
      <c r="AB44" s="993"/>
      <c r="AC44" s="993"/>
      <c r="AD44" s="993"/>
      <c r="AE44" s="993"/>
      <c r="AF44" s="993"/>
      <c r="AG44" s="993"/>
      <c r="AH44" s="993"/>
      <c r="AI44" s="993"/>
      <c r="AJ44" s="993"/>
      <c r="AK44" s="993"/>
      <c r="AL44" s="994"/>
      <c r="AM44" s="5"/>
      <c r="AN44" s="710">
        <v>42.6</v>
      </c>
      <c r="AO44" s="711"/>
      <c r="AP44" s="711"/>
      <c r="AQ44" s="711"/>
      <c r="AR44" s="711"/>
      <c r="AS44" s="727" t="s">
        <v>383</v>
      </c>
      <c r="AT44" s="727"/>
      <c r="AU44" s="727"/>
      <c r="AV44" s="728"/>
      <c r="AW44" s="879">
        <v>37.200000000000003</v>
      </c>
      <c r="AX44" s="880"/>
      <c r="AY44" s="880"/>
      <c r="AZ44" s="880"/>
      <c r="BA44" s="880"/>
      <c r="BB44" s="880"/>
      <c r="BC44" s="706" t="s">
        <v>384</v>
      </c>
      <c r="BD44" s="706"/>
      <c r="BE44" s="706"/>
      <c r="BF44" s="707"/>
      <c r="BG44" s="710">
        <v>94.7</v>
      </c>
      <c r="BH44" s="711"/>
      <c r="BI44" s="711"/>
      <c r="BJ44" s="711"/>
      <c r="BK44" s="711"/>
      <c r="BL44" s="711"/>
      <c r="BM44" s="706" t="s">
        <v>384</v>
      </c>
      <c r="BN44" s="706"/>
      <c r="BO44" s="706"/>
      <c r="BP44" s="707"/>
      <c r="BQ44" s="130"/>
      <c r="BR44" s="714">
        <v>71.239999999999995</v>
      </c>
      <c r="BS44" s="715"/>
      <c r="BT44" s="715"/>
      <c r="BU44" s="715"/>
      <c r="BV44" s="715"/>
      <c r="BW44" s="715"/>
      <c r="BX44" s="715"/>
      <c r="BY44" s="696" t="s">
        <v>385</v>
      </c>
      <c r="BZ44" s="696"/>
      <c r="CA44" s="696"/>
      <c r="CB44" s="697"/>
      <c r="CC44" s="718" t="s">
        <v>628</v>
      </c>
      <c r="CD44" s="719"/>
      <c r="CE44" s="719"/>
      <c r="CF44" s="719"/>
      <c r="CG44" s="719"/>
      <c r="CH44" s="719"/>
      <c r="CI44" s="719"/>
      <c r="CJ44" s="696" t="s">
        <v>386</v>
      </c>
      <c r="CK44" s="696"/>
      <c r="CL44" s="696"/>
      <c r="CM44" s="697"/>
    </row>
    <row r="45" spans="1:100" ht="17.25" customHeight="1" x14ac:dyDescent="0.15">
      <c r="A45" s="761"/>
      <c r="B45" s="774"/>
      <c r="C45" s="774"/>
      <c r="D45" s="774"/>
      <c r="E45" s="774"/>
      <c r="F45" s="774"/>
      <c r="G45" s="774"/>
      <c r="H45" s="774"/>
      <c r="I45" s="774"/>
      <c r="J45" s="774"/>
      <c r="K45" s="774"/>
      <c r="L45" s="774"/>
      <c r="M45" s="775"/>
      <c r="N45" s="7"/>
      <c r="O45" s="883"/>
      <c r="P45" s="1364"/>
      <c r="Q45" s="1364"/>
      <c r="R45" s="1364"/>
      <c r="S45" s="1364"/>
      <c r="T45" s="1364"/>
      <c r="U45" s="1364"/>
      <c r="V45" s="1364"/>
      <c r="W45" s="1364"/>
      <c r="X45" s="1364"/>
      <c r="Y45" s="1364"/>
      <c r="Z45" s="1364"/>
      <c r="AA45" s="1364"/>
      <c r="AB45" s="1364"/>
      <c r="AC45" s="1364"/>
      <c r="AD45" s="1364"/>
      <c r="AE45" s="1364"/>
      <c r="AF45" s="1364"/>
      <c r="AG45" s="1364"/>
      <c r="AH45" s="1364"/>
      <c r="AI45" s="1364"/>
      <c r="AJ45" s="1364"/>
      <c r="AK45" s="1364"/>
      <c r="AL45" s="1365"/>
      <c r="AM45" s="5"/>
      <c r="AN45" s="712"/>
      <c r="AO45" s="713"/>
      <c r="AP45" s="713"/>
      <c r="AQ45" s="713"/>
      <c r="AR45" s="713"/>
      <c r="AS45" s="282"/>
      <c r="AT45" s="282"/>
      <c r="AU45" s="282"/>
      <c r="AV45" s="283"/>
      <c r="AW45" s="881"/>
      <c r="AX45" s="882"/>
      <c r="AY45" s="882"/>
      <c r="AZ45" s="882"/>
      <c r="BA45" s="882"/>
      <c r="BB45" s="882"/>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761"/>
      <c r="B46" s="774"/>
      <c r="C46" s="774"/>
      <c r="D46" s="774"/>
      <c r="E46" s="774"/>
      <c r="F46" s="774"/>
      <c r="G46" s="774"/>
      <c r="H46" s="774"/>
      <c r="I46" s="774"/>
      <c r="J46" s="774"/>
      <c r="K46" s="774"/>
      <c r="L46" s="774"/>
      <c r="M46" s="775"/>
      <c r="N46" s="109"/>
      <c r="O46" s="883"/>
      <c r="P46" s="1362"/>
      <c r="Q46" s="1362"/>
      <c r="R46" s="1362"/>
      <c r="S46" s="1362"/>
      <c r="T46" s="1362"/>
      <c r="U46" s="1362"/>
      <c r="V46" s="1362"/>
      <c r="W46" s="1362"/>
      <c r="X46" s="1362"/>
      <c r="Y46" s="1362"/>
      <c r="Z46" s="1362"/>
      <c r="AA46" s="1362"/>
      <c r="AB46" s="1362"/>
      <c r="AC46" s="1362"/>
      <c r="AD46" s="1362"/>
      <c r="AE46" s="1362"/>
      <c r="AF46" s="1362"/>
      <c r="AG46" s="1362"/>
      <c r="AH46" s="1362"/>
      <c r="AI46" s="1362"/>
      <c r="AJ46" s="1362"/>
      <c r="AK46" s="1362"/>
      <c r="AL46" s="1363"/>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761"/>
      <c r="B47" s="774"/>
      <c r="C47" s="774"/>
      <c r="D47" s="774"/>
      <c r="E47" s="774"/>
      <c r="F47" s="774"/>
      <c r="G47" s="774"/>
      <c r="H47" s="774"/>
      <c r="I47" s="774"/>
      <c r="J47" s="774"/>
      <c r="K47" s="774"/>
      <c r="L47" s="774"/>
      <c r="M47" s="775"/>
      <c r="N47" s="7"/>
      <c r="O47" s="782"/>
      <c r="P47" s="1226"/>
      <c r="Q47" s="1226"/>
      <c r="R47" s="1226"/>
      <c r="S47" s="1226"/>
      <c r="T47" s="1226"/>
      <c r="U47" s="1226"/>
      <c r="V47" s="1226"/>
      <c r="W47" s="1226"/>
      <c r="X47" s="1226"/>
      <c r="Y47" s="1226"/>
      <c r="Z47" s="1226"/>
      <c r="AA47" s="1226"/>
      <c r="AB47" s="1226"/>
      <c r="AC47" s="1226"/>
      <c r="AD47" s="1226"/>
      <c r="AE47" s="1226"/>
      <c r="AF47" s="1226"/>
      <c r="AG47" s="1226"/>
      <c r="AH47" s="1226"/>
      <c r="AI47" s="1226"/>
      <c r="AJ47" s="1226"/>
      <c r="AK47" s="1226"/>
      <c r="AL47" s="1227"/>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761"/>
      <c r="B48" s="774"/>
      <c r="C48" s="774"/>
      <c r="D48" s="774"/>
      <c r="E48" s="774"/>
      <c r="F48" s="774"/>
      <c r="G48" s="774"/>
      <c r="H48" s="774"/>
      <c r="I48" s="774"/>
      <c r="J48" s="774"/>
      <c r="K48" s="774"/>
      <c r="L48" s="774"/>
      <c r="M48" s="775"/>
      <c r="N48" s="109"/>
      <c r="O48" s="782" t="s">
        <v>520</v>
      </c>
      <c r="P48" s="1226"/>
      <c r="Q48" s="1226"/>
      <c r="R48" s="1226"/>
      <c r="S48" s="1226"/>
      <c r="T48" s="1226"/>
      <c r="U48" s="1226"/>
      <c r="V48" s="1226"/>
      <c r="W48" s="1226"/>
      <c r="X48" s="1226"/>
      <c r="Y48" s="1226"/>
      <c r="Z48" s="1226"/>
      <c r="AA48" s="1226"/>
      <c r="AB48" s="1226"/>
      <c r="AC48" s="1226"/>
      <c r="AD48" s="1226"/>
      <c r="AE48" s="1226"/>
      <c r="AF48" s="1226"/>
      <c r="AG48" s="1226"/>
      <c r="AH48" s="1226"/>
      <c r="AI48" s="1226"/>
      <c r="AJ48" s="1226"/>
      <c r="AK48" s="1226"/>
      <c r="AL48" s="1227"/>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779"/>
      <c r="B49" s="934"/>
      <c r="C49" s="934"/>
      <c r="D49" s="934"/>
      <c r="E49" s="934"/>
      <c r="F49" s="934"/>
      <c r="G49" s="934"/>
      <c r="H49" s="934"/>
      <c r="I49" s="934"/>
      <c r="J49" s="934"/>
      <c r="K49" s="934"/>
      <c r="L49" s="934"/>
      <c r="M49" s="935"/>
      <c r="N49" s="7"/>
      <c r="O49" s="782" t="s">
        <v>520</v>
      </c>
      <c r="P49" s="1226"/>
      <c r="Q49" s="1226"/>
      <c r="R49" s="1226"/>
      <c r="S49" s="1226"/>
      <c r="T49" s="1226"/>
      <c r="U49" s="1226"/>
      <c r="V49" s="1226"/>
      <c r="W49" s="1226"/>
      <c r="X49" s="1226"/>
      <c r="Y49" s="1226"/>
      <c r="Z49" s="1226"/>
      <c r="AA49" s="1226"/>
      <c r="AB49" s="1226"/>
      <c r="AC49" s="1226"/>
      <c r="AD49" s="1226"/>
      <c r="AE49" s="1226"/>
      <c r="AF49" s="1226"/>
      <c r="AG49" s="1226"/>
      <c r="AH49" s="1226"/>
      <c r="AI49" s="1226"/>
      <c r="AJ49" s="1226"/>
      <c r="AK49" s="1226"/>
      <c r="AL49" s="1227"/>
      <c r="AM49" s="5"/>
      <c r="AN49" s="223">
        <v>1830</v>
      </c>
      <c r="AO49" s="224"/>
      <c r="AP49" s="224"/>
      <c r="AQ49" s="224"/>
      <c r="AR49" s="224"/>
      <c r="AS49" s="224"/>
      <c r="AT49" s="225"/>
      <c r="AU49" s="229">
        <v>0.76300000000000001</v>
      </c>
      <c r="AV49" s="230"/>
      <c r="AW49" s="230"/>
      <c r="AX49" s="230"/>
      <c r="AY49" s="231"/>
      <c r="AZ49" s="210">
        <v>2.2000000000000002</v>
      </c>
      <c r="BA49" s="211"/>
      <c r="BB49" s="211"/>
      <c r="BC49" s="211"/>
      <c r="BD49" s="212"/>
      <c r="BE49" s="210">
        <v>-0.1</v>
      </c>
      <c r="BF49" s="211"/>
      <c r="BG49" s="211"/>
      <c r="BH49" s="211"/>
      <c r="BI49" s="212"/>
      <c r="BJ49" s="210" t="s">
        <v>227</v>
      </c>
      <c r="BK49" s="211"/>
      <c r="BL49" s="211"/>
      <c r="BM49" s="211"/>
      <c r="BN49" s="212"/>
      <c r="BO49" s="210">
        <v>3.9</v>
      </c>
      <c r="BP49" s="211"/>
      <c r="BQ49" s="211"/>
      <c r="BR49" s="211"/>
      <c r="BS49" s="212"/>
      <c r="BT49" s="210">
        <v>82.4</v>
      </c>
      <c r="BU49" s="211"/>
      <c r="BV49" s="211"/>
      <c r="BW49" s="211"/>
      <c r="BX49" s="212"/>
      <c r="BY49" s="210">
        <v>82.1</v>
      </c>
      <c r="BZ49" s="211"/>
      <c r="CA49" s="211"/>
      <c r="CB49" s="211"/>
      <c r="CC49" s="212"/>
      <c r="CD49" s="210">
        <v>37.1</v>
      </c>
      <c r="CE49" s="211"/>
      <c r="CF49" s="211"/>
      <c r="CG49" s="211"/>
      <c r="CH49" s="212"/>
      <c r="CI49" s="210">
        <v>62</v>
      </c>
      <c r="CJ49" s="211"/>
      <c r="CK49" s="211"/>
      <c r="CL49" s="211"/>
      <c r="CM49" s="212"/>
    </row>
    <row r="50" spans="1:91" ht="17.25" customHeight="1" x14ac:dyDescent="0.15">
      <c r="A50" s="941"/>
      <c r="B50" s="942"/>
      <c r="C50" s="942"/>
      <c r="D50" s="942"/>
      <c r="E50" s="942"/>
      <c r="F50" s="942"/>
      <c r="G50" s="942"/>
      <c r="H50" s="942"/>
      <c r="I50" s="942"/>
      <c r="J50" s="942"/>
      <c r="K50" s="942"/>
      <c r="L50" s="942"/>
      <c r="M50" s="943"/>
      <c r="N50" s="109"/>
      <c r="O50" s="433" t="s">
        <v>520</v>
      </c>
      <c r="P50" s="1228"/>
      <c r="Q50" s="1228"/>
      <c r="R50" s="1228"/>
      <c r="S50" s="1228"/>
      <c r="T50" s="1228"/>
      <c r="U50" s="1228"/>
      <c r="V50" s="1228"/>
      <c r="W50" s="1228"/>
      <c r="X50" s="1228"/>
      <c r="Y50" s="1228"/>
      <c r="Z50" s="1228"/>
      <c r="AA50" s="1228"/>
      <c r="AB50" s="1228"/>
      <c r="AC50" s="1228"/>
      <c r="AD50" s="1228"/>
      <c r="AE50" s="1228"/>
      <c r="AF50" s="1228"/>
      <c r="AG50" s="1228"/>
      <c r="AH50" s="1228"/>
      <c r="AI50" s="1228"/>
      <c r="AJ50" s="1228"/>
      <c r="AK50" s="1228"/>
      <c r="AL50" s="1229"/>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6">
    <mergeCell ref="BO49:BS50"/>
    <mergeCell ref="BT49:BX50"/>
    <mergeCell ref="BY49:CC50"/>
    <mergeCell ref="CD49:CH50"/>
    <mergeCell ref="CI49:CM50"/>
    <mergeCell ref="A50:M50"/>
    <mergeCell ref="O50:AL50"/>
    <mergeCell ref="A47:M47"/>
    <mergeCell ref="O47:AL47"/>
    <mergeCell ref="AN47:AT48"/>
    <mergeCell ref="AU47:AY48"/>
    <mergeCell ref="AZ47:BD48"/>
    <mergeCell ref="A48:M48"/>
    <mergeCell ref="O48:AL48"/>
    <mergeCell ref="A49:M49"/>
    <mergeCell ref="O49:AL49"/>
    <mergeCell ref="AN49:AT50"/>
    <mergeCell ref="AU49:AY50"/>
    <mergeCell ref="AZ49:BD50"/>
    <mergeCell ref="BE49:BI50"/>
    <mergeCell ref="BJ49:BN50"/>
    <mergeCell ref="BE47:BI48"/>
    <mergeCell ref="BJ47:BN48"/>
    <mergeCell ref="BO47:BS48"/>
    <mergeCell ref="BT47:BX48"/>
    <mergeCell ref="BM44:BP45"/>
    <mergeCell ref="BR44:BX45"/>
    <mergeCell ref="BY44:CB45"/>
    <mergeCell ref="CC44:CI45"/>
    <mergeCell ref="CJ44:CM45"/>
    <mergeCell ref="BY47:CC48"/>
    <mergeCell ref="CD47:CH48"/>
    <mergeCell ref="CI47:CM48"/>
    <mergeCell ref="A46:M46"/>
    <mergeCell ref="O46:AL46"/>
    <mergeCell ref="AN46:AV46"/>
    <mergeCell ref="AW46:BD46"/>
    <mergeCell ref="CD46:CM46"/>
    <mergeCell ref="A44:M44"/>
    <mergeCell ref="O44:AL44"/>
    <mergeCell ref="AN44:AR45"/>
    <mergeCell ref="AS44:AV45"/>
    <mergeCell ref="AW44:BB45"/>
    <mergeCell ref="BC44:BF45"/>
    <mergeCell ref="A45:M45"/>
    <mergeCell ref="O45:AL45"/>
    <mergeCell ref="BG44:BL45"/>
    <mergeCell ref="A41:M41"/>
    <mergeCell ref="AU41:BE41"/>
    <mergeCell ref="BR41:CM41"/>
    <mergeCell ref="A42:M42"/>
    <mergeCell ref="AN42:AV43"/>
    <mergeCell ref="AW42:BF43"/>
    <mergeCell ref="BG42:BP43"/>
    <mergeCell ref="A43:M43"/>
    <mergeCell ref="O43:AL43"/>
    <mergeCell ref="O41:AL41"/>
    <mergeCell ref="O42:AL42"/>
    <mergeCell ref="BR42:CB43"/>
    <mergeCell ref="CC42:CM43"/>
    <mergeCell ref="A39:M39"/>
    <mergeCell ref="O39:AL39"/>
    <mergeCell ref="AN39:AV40"/>
    <mergeCell ref="AW39:BF40"/>
    <mergeCell ref="BG39:BP40"/>
    <mergeCell ref="BR39:BX40"/>
    <mergeCell ref="BY39:CG40"/>
    <mergeCell ref="CH39:CM40"/>
    <mergeCell ref="A40:M40"/>
    <mergeCell ref="O40:AL40"/>
    <mergeCell ref="A37:M37"/>
    <mergeCell ref="O37:AL37"/>
    <mergeCell ref="AN37:AV38"/>
    <mergeCell ref="AW37:BF38"/>
    <mergeCell ref="BG37:BP38"/>
    <mergeCell ref="BR37:BX38"/>
    <mergeCell ref="BY37:CG38"/>
    <mergeCell ref="CH37:CM38"/>
    <mergeCell ref="A38:M38"/>
    <mergeCell ref="O38:AL38"/>
    <mergeCell ref="A35:M35"/>
    <mergeCell ref="O35:AL35"/>
    <mergeCell ref="AN35:AV36"/>
    <mergeCell ref="AW35:BF36"/>
    <mergeCell ref="BG35:BP36"/>
    <mergeCell ref="BR35:BX36"/>
    <mergeCell ref="BY35:CG36"/>
    <mergeCell ref="CH35:CM36"/>
    <mergeCell ref="A36:M36"/>
    <mergeCell ref="O36:AL36"/>
    <mergeCell ref="A29:AL29"/>
    <mergeCell ref="AO29:BP29"/>
    <mergeCell ref="A30:AL34"/>
    <mergeCell ref="AO30:BP30"/>
    <mergeCell ref="BY30:CI30"/>
    <mergeCell ref="AO31:BP31"/>
    <mergeCell ref="BR31:BX32"/>
    <mergeCell ref="BY31:CG32"/>
    <mergeCell ref="CH31:CM32"/>
    <mergeCell ref="AO32:BP32"/>
    <mergeCell ref="AO33:BP33"/>
    <mergeCell ref="BR33:BX34"/>
    <mergeCell ref="BY33:CG34"/>
    <mergeCell ref="CH33:CM34"/>
    <mergeCell ref="AN34:BO34"/>
    <mergeCell ref="A23:E25"/>
    <mergeCell ref="F23:M23"/>
    <mergeCell ref="O23:P24"/>
    <mergeCell ref="Q23:AL23"/>
    <mergeCell ref="F24:M25"/>
    <mergeCell ref="Q24:AL24"/>
    <mergeCell ref="O25:P26"/>
    <mergeCell ref="Q25:AL25"/>
    <mergeCell ref="AN25:BP25"/>
    <mergeCell ref="A26:E28"/>
    <mergeCell ref="F26:M26"/>
    <mergeCell ref="Q26:AL26"/>
    <mergeCell ref="AO26:BP26"/>
    <mergeCell ref="F27:M28"/>
    <mergeCell ref="O27:P28"/>
    <mergeCell ref="Q27:AL27"/>
    <mergeCell ref="AO27:BP27"/>
    <mergeCell ref="Q28:AL28"/>
    <mergeCell ref="AO28:BP28"/>
    <mergeCell ref="F20:M20"/>
    <mergeCell ref="Q20:T20"/>
    <mergeCell ref="U20:X20"/>
    <mergeCell ref="Y20:AL20"/>
    <mergeCell ref="F21:M22"/>
    <mergeCell ref="Q21:T21"/>
    <mergeCell ref="U21:X21"/>
    <mergeCell ref="Y21:AL21"/>
    <mergeCell ref="Q22:T22"/>
    <mergeCell ref="U22:X22"/>
    <mergeCell ref="Y22:AL22"/>
    <mergeCell ref="U17:X17"/>
    <mergeCell ref="Y17:AL17"/>
    <mergeCell ref="AN17:AS18"/>
    <mergeCell ref="AT17:CM18"/>
    <mergeCell ref="F18:M19"/>
    <mergeCell ref="Q18:T18"/>
    <mergeCell ref="U18:X18"/>
    <mergeCell ref="Y18:AL18"/>
    <mergeCell ref="Q19:T19"/>
    <mergeCell ref="U19:X19"/>
    <mergeCell ref="Y19:AL19"/>
    <mergeCell ref="AN19:CM19"/>
    <mergeCell ref="U15:X15"/>
    <mergeCell ref="Y15:AL15"/>
    <mergeCell ref="AN15:AS16"/>
    <mergeCell ref="AT15:CM16"/>
    <mergeCell ref="A16:E16"/>
    <mergeCell ref="F16:M16"/>
    <mergeCell ref="Q16:T16"/>
    <mergeCell ref="U16:X16"/>
    <mergeCell ref="Y16:AL16"/>
    <mergeCell ref="A10:D11"/>
    <mergeCell ref="E10:AL11"/>
    <mergeCell ref="AN10:AS12"/>
    <mergeCell ref="AT10:CM12"/>
    <mergeCell ref="A12:D12"/>
    <mergeCell ref="E12:AL12"/>
    <mergeCell ref="A13:E14"/>
    <mergeCell ref="F13:M13"/>
    <mergeCell ref="N13:N28"/>
    <mergeCell ref="O13:P22"/>
    <mergeCell ref="Q13:T13"/>
    <mergeCell ref="U13:X13"/>
    <mergeCell ref="A15:E15"/>
    <mergeCell ref="A17:E22"/>
    <mergeCell ref="F17:M17"/>
    <mergeCell ref="Q17:T17"/>
    <mergeCell ref="Y13:AL13"/>
    <mergeCell ref="AN13:AS14"/>
    <mergeCell ref="AT13:CM14"/>
    <mergeCell ref="F14:M15"/>
    <mergeCell ref="Q14:T14"/>
    <mergeCell ref="U14:X14"/>
    <mergeCell ref="Y14:AL14"/>
    <mergeCell ref="Q15:T15"/>
    <mergeCell ref="A1:H4"/>
    <mergeCell ref="I1:M5"/>
    <mergeCell ref="N1:AL4"/>
    <mergeCell ref="AN1:CM1"/>
    <mergeCell ref="AN2:CM8"/>
    <mergeCell ref="A5:D5"/>
    <mergeCell ref="E5:H5"/>
    <mergeCell ref="N5:AL5"/>
    <mergeCell ref="A6:H7"/>
    <mergeCell ref="I6:AL7"/>
    <mergeCell ref="A8:D9"/>
    <mergeCell ref="F8:Y8"/>
    <mergeCell ref="Z8:AB9"/>
    <mergeCell ref="AC8:AL9"/>
    <mergeCell ref="E9:Y9"/>
    <mergeCell ref="AN9:CM9"/>
  </mergeCells>
  <phoneticPr fontId="3"/>
  <hyperlinks>
    <hyperlink ref="E12:AL12" r:id="rId1" display="http://www.town.kiyokaw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33―</oddFooter>
  </headerFooter>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344</v>
      </c>
      <c r="B1" s="644" ph="1"/>
      <c r="C1" s="644" ph="1"/>
      <c r="D1" s="644" ph="1"/>
      <c r="E1" s="644" ph="1"/>
      <c r="F1" s="644" ph="1"/>
      <c r="G1" s="644" ph="1"/>
      <c r="H1" s="644" ph="1"/>
      <c r="I1" s="645"/>
      <c r="J1" s="645"/>
      <c r="K1" s="645"/>
      <c r="L1" s="645"/>
      <c r="M1" s="645"/>
      <c r="N1" s="454" t="s">
        <v>331</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93"/>
      <c r="AN2" s="302" t="s">
        <v>1161</v>
      </c>
      <c r="AO2" s="303"/>
      <c r="AP2" s="303"/>
      <c r="AQ2" s="303"/>
      <c r="AR2" s="303"/>
      <c r="AS2" s="303"/>
      <c r="AT2" s="303"/>
      <c r="AU2" s="303"/>
      <c r="AV2" s="303"/>
      <c r="AW2" s="303"/>
      <c r="AX2" s="303"/>
      <c r="AY2" s="303"/>
      <c r="AZ2" s="303"/>
      <c r="BA2" s="303"/>
      <c r="BB2" s="303"/>
      <c r="BC2" s="303"/>
      <c r="BD2" s="303"/>
      <c r="BE2" s="303"/>
      <c r="BF2" s="303"/>
      <c r="BG2" s="303"/>
      <c r="BH2" s="303"/>
      <c r="BI2" s="303"/>
      <c r="BJ2" s="303"/>
      <c r="BK2" s="303"/>
      <c r="BL2" s="303"/>
      <c r="BM2" s="303"/>
      <c r="BN2" s="303"/>
      <c r="BO2" s="303"/>
      <c r="BP2" s="303"/>
      <c r="BQ2" s="303"/>
      <c r="BR2" s="303"/>
      <c r="BS2" s="303"/>
      <c r="BT2" s="303"/>
      <c r="BU2" s="303"/>
      <c r="BV2" s="303"/>
      <c r="BW2" s="303"/>
      <c r="BX2" s="303"/>
      <c r="BY2" s="303"/>
      <c r="BZ2" s="303"/>
      <c r="CA2" s="303"/>
      <c r="CB2" s="303"/>
      <c r="CC2" s="303"/>
      <c r="CD2" s="303"/>
      <c r="CE2" s="303"/>
      <c r="CF2" s="303"/>
      <c r="CG2" s="303"/>
      <c r="CH2" s="303"/>
      <c r="CI2" s="303"/>
      <c r="CJ2" s="303"/>
      <c r="CK2" s="303"/>
      <c r="CL2" s="303"/>
      <c r="CM2" s="304"/>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93"/>
      <c r="AN3" s="305"/>
      <c r="AO3" s="306"/>
      <c r="AP3" s="306"/>
      <c r="AQ3" s="306"/>
      <c r="AR3" s="306"/>
      <c r="AS3" s="306"/>
      <c r="AT3" s="306"/>
      <c r="AU3" s="306"/>
      <c r="AV3" s="306"/>
      <c r="AW3" s="306"/>
      <c r="AX3" s="306"/>
      <c r="AY3" s="306"/>
      <c r="AZ3" s="306"/>
      <c r="BA3" s="306"/>
      <c r="BB3" s="306"/>
      <c r="BC3" s="306"/>
      <c r="BD3" s="306"/>
      <c r="BE3" s="306"/>
      <c r="BF3" s="306"/>
      <c r="BG3" s="306"/>
      <c r="BH3" s="306"/>
      <c r="BI3" s="306"/>
      <c r="BJ3" s="306"/>
      <c r="BK3" s="306"/>
      <c r="BL3" s="306"/>
      <c r="BM3" s="306"/>
      <c r="BN3" s="306"/>
      <c r="BO3" s="306"/>
      <c r="BP3" s="306"/>
      <c r="BQ3" s="306"/>
      <c r="BR3" s="306"/>
      <c r="BS3" s="306"/>
      <c r="BT3" s="306"/>
      <c r="BU3" s="306"/>
      <c r="BV3" s="306"/>
      <c r="BW3" s="306"/>
      <c r="BX3" s="306"/>
      <c r="BY3" s="306"/>
      <c r="BZ3" s="306"/>
      <c r="CA3" s="306"/>
      <c r="CB3" s="306"/>
      <c r="CC3" s="306"/>
      <c r="CD3" s="306"/>
      <c r="CE3" s="306"/>
      <c r="CF3" s="306"/>
      <c r="CG3" s="306"/>
      <c r="CH3" s="306"/>
      <c r="CI3" s="306"/>
      <c r="CJ3" s="306"/>
      <c r="CK3" s="306"/>
      <c r="CL3" s="306"/>
      <c r="CM3" s="307"/>
      <c r="CQ3" s="3" ph="1"/>
    </row>
    <row r="4" spans="1:100" ht="17.25" customHeight="1" x14ac:dyDescent="0.15">
      <c r="A4" s="641" t="s">
        <v>236</v>
      </c>
      <c r="B4" s="641"/>
      <c r="C4" s="641"/>
      <c r="D4" s="641"/>
      <c r="E4" s="458">
        <v>142018</v>
      </c>
      <c r="F4" s="458"/>
      <c r="G4" s="458"/>
      <c r="H4" s="458"/>
      <c r="I4" s="647"/>
      <c r="J4" s="647"/>
      <c r="K4" s="647"/>
      <c r="L4" s="647"/>
      <c r="M4" s="647"/>
      <c r="N4" s="459" t="s">
        <v>332</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93"/>
      <c r="AN4" s="305"/>
      <c r="AO4" s="306"/>
      <c r="AP4" s="306"/>
      <c r="AQ4" s="306"/>
      <c r="AR4" s="306"/>
      <c r="AS4" s="306"/>
      <c r="AT4" s="306"/>
      <c r="AU4" s="306"/>
      <c r="AV4" s="306"/>
      <c r="AW4" s="306"/>
      <c r="AX4" s="306"/>
      <c r="AY4" s="306"/>
      <c r="AZ4" s="306"/>
      <c r="BA4" s="306"/>
      <c r="BB4" s="306"/>
      <c r="BC4" s="306"/>
      <c r="BD4" s="306"/>
      <c r="BE4" s="306"/>
      <c r="BF4" s="306"/>
      <c r="BG4" s="306"/>
      <c r="BH4" s="306"/>
      <c r="BI4" s="306"/>
      <c r="BJ4" s="306"/>
      <c r="BK4" s="306"/>
      <c r="BL4" s="306"/>
      <c r="BM4" s="306"/>
      <c r="BN4" s="306"/>
      <c r="BO4" s="306"/>
      <c r="BP4" s="306"/>
      <c r="BQ4" s="306"/>
      <c r="BR4" s="306"/>
      <c r="BS4" s="306"/>
      <c r="BT4" s="306"/>
      <c r="BU4" s="306"/>
      <c r="BV4" s="306"/>
      <c r="BW4" s="306"/>
      <c r="BX4" s="306"/>
      <c r="BY4" s="306"/>
      <c r="BZ4" s="306"/>
      <c r="CA4" s="306"/>
      <c r="CB4" s="306"/>
      <c r="CC4" s="306"/>
      <c r="CD4" s="306"/>
      <c r="CE4" s="306"/>
      <c r="CF4" s="306"/>
      <c r="CG4" s="306"/>
      <c r="CH4" s="306"/>
      <c r="CI4" s="306"/>
      <c r="CJ4" s="306"/>
      <c r="CK4" s="306"/>
      <c r="CL4" s="306"/>
      <c r="CM4" s="307"/>
    </row>
    <row r="5" spans="1:100" ht="17.25" customHeight="1" x14ac:dyDescent="0.15">
      <c r="A5" s="428" t="s">
        <v>237</v>
      </c>
      <c r="B5" s="428"/>
      <c r="C5" s="428"/>
      <c r="D5" s="428"/>
      <c r="E5" s="428"/>
      <c r="F5" s="428"/>
      <c r="G5" s="428"/>
      <c r="H5" s="428"/>
      <c r="I5" s="486" t="s">
        <v>1077</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93"/>
      <c r="AN5" s="305"/>
      <c r="AO5" s="306"/>
      <c r="AP5" s="306"/>
      <c r="AQ5" s="306"/>
      <c r="AR5" s="306"/>
      <c r="AS5" s="306"/>
      <c r="AT5" s="306"/>
      <c r="AU5" s="306"/>
      <c r="AV5" s="306"/>
      <c r="AW5" s="306"/>
      <c r="AX5" s="306"/>
      <c r="AY5" s="306"/>
      <c r="AZ5" s="306"/>
      <c r="BA5" s="306"/>
      <c r="BB5" s="306"/>
      <c r="BC5" s="306"/>
      <c r="BD5" s="306"/>
      <c r="BE5" s="306"/>
      <c r="BF5" s="306"/>
      <c r="BG5" s="306"/>
      <c r="BH5" s="306"/>
      <c r="BI5" s="306"/>
      <c r="BJ5" s="306"/>
      <c r="BK5" s="306"/>
      <c r="BL5" s="306"/>
      <c r="BM5" s="306"/>
      <c r="BN5" s="306"/>
      <c r="BO5" s="306"/>
      <c r="BP5" s="306"/>
      <c r="BQ5" s="306"/>
      <c r="BR5" s="306"/>
      <c r="BS5" s="306"/>
      <c r="BT5" s="306"/>
      <c r="BU5" s="306"/>
      <c r="BV5" s="306"/>
      <c r="BW5" s="306"/>
      <c r="BX5" s="306"/>
      <c r="BY5" s="306"/>
      <c r="BZ5" s="306"/>
      <c r="CA5" s="306"/>
      <c r="CB5" s="306"/>
      <c r="CC5" s="306"/>
      <c r="CD5" s="306"/>
      <c r="CE5" s="306"/>
      <c r="CF5" s="306"/>
      <c r="CG5" s="306"/>
      <c r="CH5" s="306"/>
      <c r="CI5" s="306"/>
      <c r="CJ5" s="306"/>
      <c r="CK5" s="306"/>
      <c r="CL5" s="306"/>
      <c r="CM5" s="307"/>
    </row>
    <row r="6" spans="1:100" ht="17.25" customHeight="1" x14ac:dyDescent="0.15">
      <c r="A6" s="428"/>
      <c r="B6" s="428"/>
      <c r="C6" s="428"/>
      <c r="D6" s="428"/>
      <c r="E6" s="428"/>
      <c r="F6" s="428"/>
      <c r="G6" s="428"/>
      <c r="H6" s="428"/>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93"/>
      <c r="AN6" s="305"/>
      <c r="AO6" s="306"/>
      <c r="AP6" s="306"/>
      <c r="AQ6" s="306"/>
      <c r="AR6" s="306"/>
      <c r="AS6" s="306"/>
      <c r="AT6" s="306"/>
      <c r="AU6" s="306"/>
      <c r="AV6" s="306"/>
      <c r="AW6" s="306"/>
      <c r="AX6" s="306"/>
      <c r="AY6" s="306"/>
      <c r="AZ6" s="306"/>
      <c r="BA6" s="306"/>
      <c r="BB6" s="306"/>
      <c r="BC6" s="306"/>
      <c r="BD6" s="306"/>
      <c r="BE6" s="306"/>
      <c r="BF6" s="306"/>
      <c r="BG6" s="306"/>
      <c r="BH6" s="306"/>
      <c r="BI6" s="306"/>
      <c r="BJ6" s="306"/>
      <c r="BK6" s="306"/>
      <c r="BL6" s="306"/>
      <c r="BM6" s="306"/>
      <c r="BN6" s="306"/>
      <c r="BO6" s="306"/>
      <c r="BP6" s="306"/>
      <c r="BQ6" s="306"/>
      <c r="BR6" s="306"/>
      <c r="BS6" s="306"/>
      <c r="BT6" s="306"/>
      <c r="BU6" s="306"/>
      <c r="BV6" s="306"/>
      <c r="BW6" s="306"/>
      <c r="BX6" s="306"/>
      <c r="BY6" s="306"/>
      <c r="BZ6" s="306"/>
      <c r="CA6" s="306"/>
      <c r="CB6" s="306"/>
      <c r="CC6" s="306"/>
      <c r="CD6" s="306"/>
      <c r="CE6" s="306"/>
      <c r="CF6" s="306"/>
      <c r="CG6" s="306"/>
      <c r="CH6" s="306"/>
      <c r="CI6" s="306"/>
      <c r="CJ6" s="306"/>
      <c r="CK6" s="306"/>
      <c r="CL6" s="306"/>
      <c r="CM6" s="307"/>
    </row>
    <row r="7" spans="1:100" ht="17.25" customHeight="1" x14ac:dyDescent="0.15">
      <c r="A7" s="405" t="s">
        <v>238</v>
      </c>
      <c r="B7" s="406"/>
      <c r="C7" s="406"/>
      <c r="D7" s="407"/>
      <c r="E7" s="65" t="s">
        <v>0</v>
      </c>
      <c r="F7" s="492" t="s">
        <v>333</v>
      </c>
      <c r="G7" s="492"/>
      <c r="H7" s="492"/>
      <c r="I7" s="492"/>
      <c r="J7" s="492"/>
      <c r="K7" s="492"/>
      <c r="L7" s="493"/>
      <c r="M7" s="642"/>
      <c r="N7" s="642"/>
      <c r="O7" s="642"/>
      <c r="P7" s="642"/>
      <c r="Q7" s="642"/>
      <c r="R7" s="642"/>
      <c r="S7" s="642"/>
      <c r="T7" s="642"/>
      <c r="U7" s="642"/>
      <c r="V7" s="642"/>
      <c r="W7" s="642"/>
      <c r="X7" s="642"/>
      <c r="Y7" s="643"/>
      <c r="Z7" s="332" t="s">
        <v>239</v>
      </c>
      <c r="AA7" s="332"/>
      <c r="AB7" s="332"/>
      <c r="AC7" s="431" t="s">
        <v>334</v>
      </c>
      <c r="AD7" s="431"/>
      <c r="AE7" s="431"/>
      <c r="AF7" s="431"/>
      <c r="AG7" s="431"/>
      <c r="AH7" s="431"/>
      <c r="AI7" s="431"/>
      <c r="AJ7" s="431"/>
      <c r="AK7" s="431"/>
      <c r="AL7" s="431"/>
      <c r="AM7" s="93"/>
      <c r="AN7" s="305"/>
      <c r="AO7" s="306"/>
      <c r="AP7" s="306"/>
      <c r="AQ7" s="306"/>
      <c r="AR7" s="306"/>
      <c r="AS7" s="306"/>
      <c r="AT7" s="306"/>
      <c r="AU7" s="306"/>
      <c r="AV7" s="306"/>
      <c r="AW7" s="306"/>
      <c r="AX7" s="306"/>
      <c r="AY7" s="306"/>
      <c r="AZ7" s="306"/>
      <c r="BA7" s="306"/>
      <c r="BB7" s="306"/>
      <c r="BC7" s="306"/>
      <c r="BD7" s="306"/>
      <c r="BE7" s="306"/>
      <c r="BF7" s="306"/>
      <c r="BG7" s="306"/>
      <c r="BH7" s="306"/>
      <c r="BI7" s="306"/>
      <c r="BJ7" s="306"/>
      <c r="BK7" s="306"/>
      <c r="BL7" s="306"/>
      <c r="BM7" s="306"/>
      <c r="BN7" s="306"/>
      <c r="BO7" s="306"/>
      <c r="BP7" s="306"/>
      <c r="BQ7" s="306"/>
      <c r="BR7" s="306"/>
      <c r="BS7" s="306"/>
      <c r="BT7" s="306"/>
      <c r="BU7" s="306"/>
      <c r="BV7" s="306"/>
      <c r="BW7" s="306"/>
      <c r="BX7" s="306"/>
      <c r="BY7" s="306"/>
      <c r="BZ7" s="306"/>
      <c r="CA7" s="306"/>
      <c r="CB7" s="306"/>
      <c r="CC7" s="306"/>
      <c r="CD7" s="306"/>
      <c r="CE7" s="306"/>
      <c r="CF7" s="306"/>
      <c r="CG7" s="306"/>
      <c r="CH7" s="306"/>
      <c r="CI7" s="306"/>
      <c r="CJ7" s="306"/>
      <c r="CK7" s="306"/>
      <c r="CL7" s="306"/>
      <c r="CM7" s="307"/>
    </row>
    <row r="8" spans="1:100" ht="17.25" customHeight="1" x14ac:dyDescent="0.15">
      <c r="A8" s="405"/>
      <c r="B8" s="406"/>
      <c r="C8" s="406"/>
      <c r="D8" s="407"/>
      <c r="E8" s="433" t="s">
        <v>335</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93"/>
      <c r="AN8" s="305"/>
      <c r="AO8" s="306"/>
      <c r="AP8" s="306"/>
      <c r="AQ8" s="306"/>
      <c r="AR8" s="306"/>
      <c r="AS8" s="306"/>
      <c r="AT8" s="306"/>
      <c r="AU8" s="306"/>
      <c r="AV8" s="306"/>
      <c r="AW8" s="306"/>
      <c r="AX8" s="306"/>
      <c r="AY8" s="306"/>
      <c r="AZ8" s="306"/>
      <c r="BA8" s="306"/>
      <c r="BB8" s="306"/>
      <c r="BC8" s="306"/>
      <c r="BD8" s="306"/>
      <c r="BE8" s="306"/>
      <c r="BF8" s="306"/>
      <c r="BG8" s="306"/>
      <c r="BH8" s="306"/>
      <c r="BI8" s="306"/>
      <c r="BJ8" s="306"/>
      <c r="BK8" s="306"/>
      <c r="BL8" s="306"/>
      <c r="BM8" s="306"/>
      <c r="BN8" s="306"/>
      <c r="BO8" s="306"/>
      <c r="BP8" s="306"/>
      <c r="BQ8" s="306"/>
      <c r="BR8" s="306"/>
      <c r="BS8" s="306"/>
      <c r="BT8" s="306"/>
      <c r="BU8" s="306"/>
      <c r="BV8" s="306"/>
      <c r="BW8" s="306"/>
      <c r="BX8" s="306"/>
      <c r="BY8" s="306"/>
      <c r="BZ8" s="306"/>
      <c r="CA8" s="306"/>
      <c r="CB8" s="306"/>
      <c r="CC8" s="306"/>
      <c r="CD8" s="306"/>
      <c r="CE8" s="306"/>
      <c r="CF8" s="306"/>
      <c r="CG8" s="306"/>
      <c r="CH8" s="306"/>
      <c r="CI8" s="306"/>
      <c r="CJ8" s="306"/>
      <c r="CK8" s="306"/>
      <c r="CL8" s="306"/>
      <c r="CM8" s="307"/>
    </row>
    <row r="9" spans="1:100" ht="17.25" customHeight="1" x14ac:dyDescent="0.15">
      <c r="A9" s="405" t="s">
        <v>240</v>
      </c>
      <c r="B9" s="406"/>
      <c r="C9" s="406"/>
      <c r="D9" s="407"/>
      <c r="E9" s="445" t="s">
        <v>446</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93"/>
      <c r="AN9" s="305"/>
      <c r="AO9" s="306"/>
      <c r="AP9" s="306"/>
      <c r="AQ9" s="306"/>
      <c r="AR9" s="306"/>
      <c r="AS9" s="306"/>
      <c r="AT9" s="306"/>
      <c r="AU9" s="306"/>
      <c r="AV9" s="306"/>
      <c r="AW9" s="306"/>
      <c r="AX9" s="306"/>
      <c r="AY9" s="306"/>
      <c r="AZ9" s="306"/>
      <c r="BA9" s="306"/>
      <c r="BB9" s="306"/>
      <c r="BC9" s="306"/>
      <c r="BD9" s="306"/>
      <c r="BE9" s="306"/>
      <c r="BF9" s="306"/>
      <c r="BG9" s="306"/>
      <c r="BH9" s="306"/>
      <c r="BI9" s="306"/>
      <c r="BJ9" s="306"/>
      <c r="BK9" s="306"/>
      <c r="BL9" s="306"/>
      <c r="BM9" s="306"/>
      <c r="BN9" s="306"/>
      <c r="BO9" s="306"/>
      <c r="BP9" s="306"/>
      <c r="BQ9" s="306"/>
      <c r="BR9" s="306"/>
      <c r="BS9" s="306"/>
      <c r="BT9" s="306"/>
      <c r="BU9" s="306"/>
      <c r="BV9" s="306"/>
      <c r="BW9" s="306"/>
      <c r="BX9" s="306"/>
      <c r="BY9" s="306"/>
      <c r="BZ9" s="306"/>
      <c r="CA9" s="306"/>
      <c r="CB9" s="306"/>
      <c r="CC9" s="306"/>
      <c r="CD9" s="306"/>
      <c r="CE9" s="306"/>
      <c r="CF9" s="306"/>
      <c r="CG9" s="306"/>
      <c r="CH9" s="306"/>
      <c r="CI9" s="306"/>
      <c r="CJ9" s="306"/>
      <c r="CK9" s="306"/>
      <c r="CL9" s="306"/>
      <c r="CM9" s="307"/>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93"/>
      <c r="AN10" s="305"/>
      <c r="AO10" s="306"/>
      <c r="AP10" s="306"/>
      <c r="AQ10" s="306"/>
      <c r="AR10" s="306"/>
      <c r="AS10" s="306"/>
      <c r="AT10" s="306"/>
      <c r="AU10" s="306"/>
      <c r="AV10" s="306"/>
      <c r="AW10" s="306"/>
      <c r="AX10" s="306"/>
      <c r="AY10" s="306"/>
      <c r="AZ10" s="306"/>
      <c r="BA10" s="306"/>
      <c r="BB10" s="306"/>
      <c r="BC10" s="306"/>
      <c r="BD10" s="306"/>
      <c r="BE10" s="306"/>
      <c r="BF10" s="306"/>
      <c r="BG10" s="306"/>
      <c r="BH10" s="306"/>
      <c r="BI10" s="306"/>
      <c r="BJ10" s="306"/>
      <c r="BK10" s="306"/>
      <c r="BL10" s="306"/>
      <c r="BM10" s="306"/>
      <c r="BN10" s="306"/>
      <c r="BO10" s="306"/>
      <c r="BP10" s="306"/>
      <c r="BQ10" s="306"/>
      <c r="BR10" s="306"/>
      <c r="BS10" s="306"/>
      <c r="BT10" s="306"/>
      <c r="BU10" s="306"/>
      <c r="BV10" s="306"/>
      <c r="BW10" s="306"/>
      <c r="BX10" s="306"/>
      <c r="BY10" s="306"/>
      <c r="BZ10" s="306"/>
      <c r="CA10" s="306"/>
      <c r="CB10" s="306"/>
      <c r="CC10" s="306"/>
      <c r="CD10" s="306"/>
      <c r="CE10" s="306"/>
      <c r="CF10" s="306"/>
      <c r="CG10" s="306"/>
      <c r="CH10" s="306"/>
      <c r="CI10" s="306"/>
      <c r="CJ10" s="306"/>
      <c r="CK10" s="306"/>
      <c r="CL10" s="306"/>
      <c r="CM10" s="307"/>
    </row>
    <row r="11" spans="1:100" ht="17.25" customHeight="1" x14ac:dyDescent="0.15">
      <c r="A11" s="405" t="s">
        <v>37</v>
      </c>
      <c r="B11" s="406"/>
      <c r="C11" s="406"/>
      <c r="D11" s="407"/>
      <c r="E11" s="841" t="s">
        <v>832</v>
      </c>
      <c r="F11" s="842"/>
      <c r="G11" s="842"/>
      <c r="H11" s="842"/>
      <c r="I11" s="842"/>
      <c r="J11" s="842"/>
      <c r="K11" s="842"/>
      <c r="L11" s="842"/>
      <c r="M11" s="842"/>
      <c r="N11" s="842"/>
      <c r="O11" s="842"/>
      <c r="P11" s="842"/>
      <c r="Q11" s="842"/>
      <c r="R11" s="842"/>
      <c r="S11" s="842"/>
      <c r="T11" s="842"/>
      <c r="U11" s="842"/>
      <c r="V11" s="842"/>
      <c r="W11" s="842"/>
      <c r="X11" s="842"/>
      <c r="Y11" s="842"/>
      <c r="Z11" s="842"/>
      <c r="AA11" s="842"/>
      <c r="AB11" s="842"/>
      <c r="AC11" s="842"/>
      <c r="AD11" s="842"/>
      <c r="AE11" s="842"/>
      <c r="AF11" s="842"/>
      <c r="AG11" s="842"/>
      <c r="AH11" s="842"/>
      <c r="AI11" s="842"/>
      <c r="AJ11" s="842"/>
      <c r="AK11" s="842"/>
      <c r="AL11" s="843"/>
      <c r="AM11" s="93"/>
      <c r="AN11" s="308"/>
      <c r="AO11" s="309"/>
      <c r="AP11" s="309"/>
      <c r="AQ11" s="309"/>
      <c r="AR11" s="309"/>
      <c r="AS11" s="309"/>
      <c r="AT11" s="309"/>
      <c r="AU11" s="309"/>
      <c r="AV11" s="309"/>
      <c r="AW11" s="309"/>
      <c r="AX11" s="309"/>
      <c r="AY11" s="309"/>
      <c r="AZ11" s="309"/>
      <c r="BA11" s="309"/>
      <c r="BB11" s="309"/>
      <c r="BC11" s="309"/>
      <c r="BD11" s="309"/>
      <c r="BE11" s="309"/>
      <c r="BF11" s="309"/>
      <c r="BG11" s="309"/>
      <c r="BH11" s="309"/>
      <c r="BI11" s="309"/>
      <c r="BJ11" s="309"/>
      <c r="BK11" s="309"/>
      <c r="BL11" s="309"/>
      <c r="BM11" s="309"/>
      <c r="BN11" s="309"/>
      <c r="BO11" s="309"/>
      <c r="BP11" s="309"/>
      <c r="BQ11" s="309"/>
      <c r="BR11" s="309"/>
      <c r="BS11" s="309"/>
      <c r="BT11" s="309"/>
      <c r="BU11" s="309"/>
      <c r="BV11" s="309"/>
      <c r="BW11" s="309"/>
      <c r="BX11" s="309"/>
      <c r="BY11" s="309"/>
      <c r="BZ11" s="309"/>
      <c r="CA11" s="309"/>
      <c r="CB11" s="309"/>
      <c r="CC11" s="309"/>
      <c r="CD11" s="309"/>
      <c r="CE11" s="309"/>
      <c r="CF11" s="309"/>
      <c r="CG11" s="309"/>
      <c r="CH11" s="309"/>
      <c r="CI11" s="309"/>
      <c r="CJ11" s="309"/>
      <c r="CK11" s="309"/>
      <c r="CL11" s="309"/>
      <c r="CM11" s="310"/>
    </row>
    <row r="12" spans="1:100" ht="17.25" customHeight="1" x14ac:dyDescent="0.15">
      <c r="A12" s="332" t="s">
        <v>241</v>
      </c>
      <c r="B12" s="332"/>
      <c r="C12" s="332"/>
      <c r="D12" s="332"/>
      <c r="E12" s="328"/>
      <c r="F12" s="844" t="s">
        <v>833</v>
      </c>
      <c r="G12" s="845"/>
      <c r="H12" s="845"/>
      <c r="I12" s="845"/>
      <c r="J12" s="845"/>
      <c r="K12" s="845"/>
      <c r="L12" s="845"/>
      <c r="M12" s="845"/>
      <c r="N12" s="190"/>
      <c r="O12" s="418" t="s">
        <v>242</v>
      </c>
      <c r="P12" s="419"/>
      <c r="Q12" s="846">
        <v>2603</v>
      </c>
      <c r="R12" s="847"/>
      <c r="S12" s="847"/>
      <c r="T12" s="847"/>
      <c r="U12" s="619" t="s">
        <v>345</v>
      </c>
      <c r="V12" s="619"/>
      <c r="W12" s="619"/>
      <c r="X12" s="619"/>
      <c r="Y12" s="619"/>
      <c r="Z12" s="619"/>
      <c r="AA12" s="619"/>
      <c r="AB12" s="619"/>
      <c r="AC12" s="619"/>
      <c r="AD12" s="619"/>
      <c r="AE12" s="619"/>
      <c r="AF12" s="619"/>
      <c r="AG12" s="619"/>
      <c r="AH12" s="619"/>
      <c r="AI12" s="619"/>
      <c r="AJ12" s="619"/>
      <c r="AK12" s="619"/>
      <c r="AL12" s="625"/>
      <c r="AM12" s="93"/>
      <c r="AN12" s="388" t="s">
        <v>245</v>
      </c>
      <c r="AO12" s="388"/>
      <c r="AP12" s="389"/>
      <c r="AQ12" s="389"/>
      <c r="AR12" s="389"/>
      <c r="AS12" s="389"/>
      <c r="AT12" s="389"/>
      <c r="AU12" s="389"/>
      <c r="AV12" s="389"/>
      <c r="AW12" s="389"/>
      <c r="AX12" s="389"/>
      <c r="AY12" s="389"/>
      <c r="AZ12" s="389"/>
      <c r="BA12" s="389"/>
      <c r="BB12" s="389"/>
      <c r="BC12" s="389"/>
      <c r="BD12" s="389"/>
      <c r="BE12" s="389"/>
      <c r="BF12" s="389"/>
      <c r="BG12" s="389"/>
      <c r="BH12" s="389"/>
      <c r="BI12" s="389"/>
      <c r="BJ12" s="389"/>
      <c r="BK12" s="389"/>
      <c r="BL12" s="389"/>
      <c r="BM12" s="389"/>
      <c r="BN12" s="389"/>
      <c r="BO12" s="389"/>
      <c r="BP12" s="389"/>
      <c r="BQ12" s="389"/>
      <c r="BR12" s="389"/>
      <c r="BS12" s="389"/>
      <c r="BT12" s="389"/>
      <c r="BU12" s="389"/>
      <c r="BV12" s="389"/>
      <c r="BW12" s="389"/>
      <c r="BX12" s="389"/>
      <c r="BY12" s="389"/>
      <c r="BZ12" s="389"/>
      <c r="CA12" s="389"/>
      <c r="CB12" s="389"/>
      <c r="CC12" s="389"/>
      <c r="CD12" s="389"/>
      <c r="CE12" s="389"/>
      <c r="CF12" s="389"/>
      <c r="CG12" s="389"/>
      <c r="CH12" s="389"/>
      <c r="CI12" s="389"/>
      <c r="CJ12" s="389"/>
      <c r="CK12" s="389"/>
      <c r="CL12" s="389"/>
      <c r="CM12" s="389"/>
      <c r="CQ12" s="3" ph="1"/>
      <c r="CR12" s="3" ph="1"/>
      <c r="CS12" s="3" ph="1"/>
      <c r="CT12" s="3" ph="1"/>
      <c r="CU12" s="3" ph="1"/>
      <c r="CV12" s="3" ph="1"/>
    </row>
    <row r="13" spans="1:100" ht="17.25" customHeight="1" x14ac:dyDescent="0.15">
      <c r="A13" s="328"/>
      <c r="B13" s="328"/>
      <c r="C13" s="328"/>
      <c r="D13" s="328"/>
      <c r="E13" s="328"/>
      <c r="F13" s="398" t="s">
        <v>450</v>
      </c>
      <c r="G13" s="369"/>
      <c r="H13" s="369"/>
      <c r="I13" s="369"/>
      <c r="J13" s="369"/>
      <c r="K13" s="369"/>
      <c r="L13" s="369"/>
      <c r="M13" s="369"/>
      <c r="N13" s="190"/>
      <c r="O13" s="418"/>
      <c r="P13" s="419"/>
      <c r="Q13" s="376">
        <v>36982</v>
      </c>
      <c r="R13" s="377"/>
      <c r="S13" s="377"/>
      <c r="T13" s="377"/>
      <c r="U13" s="619" t="s">
        <v>346</v>
      </c>
      <c r="V13" s="619"/>
      <c r="W13" s="619"/>
      <c r="X13" s="619"/>
      <c r="Y13" s="619"/>
      <c r="Z13" s="619"/>
      <c r="AA13" s="619"/>
      <c r="AB13" s="619"/>
      <c r="AC13" s="619"/>
      <c r="AD13" s="619"/>
      <c r="AE13" s="619"/>
      <c r="AF13" s="619"/>
      <c r="AG13" s="619"/>
      <c r="AH13" s="619"/>
      <c r="AI13" s="619"/>
      <c r="AJ13" s="619"/>
      <c r="AK13" s="619"/>
      <c r="AL13" s="625"/>
      <c r="AM13" s="93"/>
      <c r="AN13" s="292" t="s">
        <v>219</v>
      </c>
      <c r="AO13" s="293"/>
      <c r="AP13" s="293"/>
      <c r="AQ13" s="293"/>
      <c r="AR13" s="293"/>
      <c r="AS13" s="294"/>
      <c r="AT13" s="392" t="s">
        <v>1248</v>
      </c>
      <c r="AU13" s="393"/>
      <c r="AV13" s="393"/>
      <c r="AW13" s="393"/>
      <c r="AX13" s="393"/>
      <c r="AY13" s="393"/>
      <c r="AZ13" s="393"/>
      <c r="BA13" s="393"/>
      <c r="BB13" s="393"/>
      <c r="BC13" s="393"/>
      <c r="BD13" s="393"/>
      <c r="BE13" s="393"/>
      <c r="BF13" s="393"/>
      <c r="BG13" s="393"/>
      <c r="BH13" s="393"/>
      <c r="BI13" s="393"/>
      <c r="BJ13" s="393"/>
      <c r="BK13" s="393"/>
      <c r="BL13" s="393"/>
      <c r="BM13" s="393"/>
      <c r="BN13" s="393"/>
      <c r="BO13" s="393"/>
      <c r="BP13" s="393"/>
      <c r="BQ13" s="393"/>
      <c r="BR13" s="393"/>
      <c r="BS13" s="393"/>
      <c r="BT13" s="393"/>
      <c r="BU13" s="393"/>
      <c r="BV13" s="393"/>
      <c r="BW13" s="393"/>
      <c r="BX13" s="393"/>
      <c r="BY13" s="393"/>
      <c r="BZ13" s="393"/>
      <c r="CA13" s="393"/>
      <c r="CB13" s="393"/>
      <c r="CC13" s="393"/>
      <c r="CD13" s="393"/>
      <c r="CE13" s="393"/>
      <c r="CF13" s="393"/>
      <c r="CG13" s="393"/>
      <c r="CH13" s="393"/>
      <c r="CI13" s="393"/>
      <c r="CJ13" s="393"/>
      <c r="CK13" s="393"/>
      <c r="CL13" s="393"/>
      <c r="CM13" s="394"/>
      <c r="CN13" s="29"/>
      <c r="CQ13" s="3" ph="1"/>
      <c r="CR13" s="3" ph="1"/>
      <c r="CS13" s="3" ph="1"/>
      <c r="CT13" s="3" ph="1"/>
      <c r="CU13" s="3" ph="1"/>
      <c r="CV13" s="3" ph="1"/>
    </row>
    <row r="14" spans="1:100" ht="17.25" customHeight="1" x14ac:dyDescent="0.15">
      <c r="A14" s="426">
        <v>3</v>
      </c>
      <c r="B14" s="651"/>
      <c r="C14" s="651"/>
      <c r="D14" s="651"/>
      <c r="E14" s="651"/>
      <c r="F14" s="370"/>
      <c r="G14" s="370"/>
      <c r="H14" s="370"/>
      <c r="I14" s="370"/>
      <c r="J14" s="370"/>
      <c r="K14" s="370"/>
      <c r="L14" s="370"/>
      <c r="M14" s="370"/>
      <c r="N14" s="190"/>
      <c r="O14" s="418"/>
      <c r="P14" s="419"/>
      <c r="Q14" s="376"/>
      <c r="R14" s="377"/>
      <c r="S14" s="377"/>
      <c r="T14" s="377"/>
      <c r="U14" s="826"/>
      <c r="V14" s="826"/>
      <c r="W14" s="826"/>
      <c r="X14" s="826"/>
      <c r="Y14" s="619"/>
      <c r="Z14" s="619"/>
      <c r="AA14" s="619"/>
      <c r="AB14" s="619"/>
      <c r="AC14" s="619"/>
      <c r="AD14" s="619"/>
      <c r="AE14" s="619"/>
      <c r="AF14" s="619"/>
      <c r="AG14" s="619"/>
      <c r="AH14" s="619"/>
      <c r="AI14" s="619"/>
      <c r="AJ14" s="619"/>
      <c r="AK14" s="619"/>
      <c r="AL14" s="625"/>
      <c r="AM14" s="93"/>
      <c r="AN14" s="436"/>
      <c r="AO14" s="437"/>
      <c r="AP14" s="437"/>
      <c r="AQ14" s="437"/>
      <c r="AR14" s="437"/>
      <c r="AS14" s="438"/>
      <c r="AT14" s="402"/>
      <c r="AU14" s="403"/>
      <c r="AV14" s="403"/>
      <c r="AW14" s="403"/>
      <c r="AX14" s="403"/>
      <c r="AY14" s="403"/>
      <c r="AZ14" s="403"/>
      <c r="BA14" s="403"/>
      <c r="BB14" s="403"/>
      <c r="BC14" s="403"/>
      <c r="BD14" s="403"/>
      <c r="BE14" s="403"/>
      <c r="BF14" s="403"/>
      <c r="BG14" s="403"/>
      <c r="BH14" s="403"/>
      <c r="BI14" s="403"/>
      <c r="BJ14" s="403"/>
      <c r="BK14" s="403"/>
      <c r="BL14" s="403"/>
      <c r="BM14" s="403"/>
      <c r="BN14" s="403"/>
      <c r="BO14" s="403"/>
      <c r="BP14" s="403"/>
      <c r="BQ14" s="403"/>
      <c r="BR14" s="403"/>
      <c r="BS14" s="403"/>
      <c r="BT14" s="403"/>
      <c r="BU14" s="403"/>
      <c r="BV14" s="403"/>
      <c r="BW14" s="403"/>
      <c r="BX14" s="403"/>
      <c r="BY14" s="403"/>
      <c r="BZ14" s="403"/>
      <c r="CA14" s="403"/>
      <c r="CB14" s="403"/>
      <c r="CC14" s="403"/>
      <c r="CD14" s="403"/>
      <c r="CE14" s="403"/>
      <c r="CF14" s="403"/>
      <c r="CG14" s="403"/>
      <c r="CH14" s="403"/>
      <c r="CI14" s="403"/>
      <c r="CJ14" s="403"/>
      <c r="CK14" s="403"/>
      <c r="CL14" s="403"/>
      <c r="CM14" s="404"/>
      <c r="CN14" s="29"/>
      <c r="CQ14" s="3" ph="1"/>
      <c r="CR14" s="3" ph="1"/>
      <c r="CS14" s="3" ph="1"/>
      <c r="CT14" s="3" ph="1"/>
      <c r="CU14" s="3" ph="1"/>
      <c r="CV14" s="3" ph="1"/>
    </row>
    <row r="15" spans="1:100" ht="17.25" customHeight="1" x14ac:dyDescent="0.15">
      <c r="A15" s="428" t="s">
        <v>246</v>
      </c>
      <c r="B15" s="428"/>
      <c r="C15" s="428"/>
      <c r="D15" s="428"/>
      <c r="E15" s="428"/>
      <c r="F15" s="429">
        <v>47308</v>
      </c>
      <c r="G15" s="430"/>
      <c r="H15" s="430"/>
      <c r="I15" s="430"/>
      <c r="J15" s="430"/>
      <c r="K15" s="430"/>
      <c r="L15" s="430"/>
      <c r="M15" s="430"/>
      <c r="N15" s="190"/>
      <c r="O15" s="418"/>
      <c r="P15" s="419"/>
      <c r="Q15" s="376"/>
      <c r="R15" s="377"/>
      <c r="S15" s="377"/>
      <c r="T15" s="377"/>
      <c r="U15" s="826"/>
      <c r="V15" s="826"/>
      <c r="W15" s="826"/>
      <c r="X15" s="826"/>
      <c r="Y15" s="619"/>
      <c r="Z15" s="619"/>
      <c r="AA15" s="619"/>
      <c r="AB15" s="619"/>
      <c r="AC15" s="619"/>
      <c r="AD15" s="619"/>
      <c r="AE15" s="619"/>
      <c r="AF15" s="619"/>
      <c r="AG15" s="619"/>
      <c r="AH15" s="619"/>
      <c r="AI15" s="619"/>
      <c r="AJ15" s="619"/>
      <c r="AK15" s="619"/>
      <c r="AL15" s="625"/>
      <c r="AM15" s="93"/>
      <c r="AN15" s="295"/>
      <c r="AO15" s="296"/>
      <c r="AP15" s="296"/>
      <c r="AQ15" s="296"/>
      <c r="AR15" s="296"/>
      <c r="AS15" s="297"/>
      <c r="AT15" s="395"/>
      <c r="AU15" s="396"/>
      <c r="AV15" s="396"/>
      <c r="AW15" s="396"/>
      <c r="AX15" s="396"/>
      <c r="AY15" s="396"/>
      <c r="AZ15" s="396"/>
      <c r="BA15" s="396"/>
      <c r="BB15" s="396"/>
      <c r="BC15" s="396"/>
      <c r="BD15" s="396"/>
      <c r="BE15" s="396"/>
      <c r="BF15" s="396"/>
      <c r="BG15" s="396"/>
      <c r="BH15" s="396"/>
      <c r="BI15" s="396"/>
      <c r="BJ15" s="396"/>
      <c r="BK15" s="396"/>
      <c r="BL15" s="396"/>
      <c r="BM15" s="396"/>
      <c r="BN15" s="396"/>
      <c r="BO15" s="396"/>
      <c r="BP15" s="396"/>
      <c r="BQ15" s="396"/>
      <c r="BR15" s="396"/>
      <c r="BS15" s="396"/>
      <c r="BT15" s="396"/>
      <c r="BU15" s="396"/>
      <c r="BV15" s="396"/>
      <c r="BW15" s="396"/>
      <c r="BX15" s="396"/>
      <c r="BY15" s="396"/>
      <c r="BZ15" s="396"/>
      <c r="CA15" s="396"/>
      <c r="CB15" s="396"/>
      <c r="CC15" s="396"/>
      <c r="CD15" s="396"/>
      <c r="CE15" s="396"/>
      <c r="CF15" s="396"/>
      <c r="CG15" s="396"/>
      <c r="CH15" s="396"/>
      <c r="CI15" s="396"/>
      <c r="CJ15" s="396"/>
      <c r="CK15" s="396"/>
      <c r="CL15" s="396"/>
      <c r="CM15" s="397"/>
    </row>
    <row r="16" spans="1:100" ht="17.25" customHeight="1" x14ac:dyDescent="0.15">
      <c r="A16" s="382" t="s">
        <v>249</v>
      </c>
      <c r="B16" s="484"/>
      <c r="C16" s="484"/>
      <c r="D16" s="484"/>
      <c r="E16" s="485"/>
      <c r="F16" s="411" t="s">
        <v>1057</v>
      </c>
      <c r="G16" s="554"/>
      <c r="H16" s="554"/>
      <c r="I16" s="554"/>
      <c r="J16" s="554"/>
      <c r="K16" s="554"/>
      <c r="L16" s="554"/>
      <c r="M16" s="555"/>
      <c r="N16" s="190"/>
      <c r="O16" s="418"/>
      <c r="P16" s="419"/>
      <c r="Q16" s="376"/>
      <c r="R16" s="377"/>
      <c r="S16" s="377"/>
      <c r="T16" s="377"/>
      <c r="U16" s="826"/>
      <c r="V16" s="826"/>
      <c r="W16" s="826"/>
      <c r="X16" s="826"/>
      <c r="Y16" s="619"/>
      <c r="Z16" s="619"/>
      <c r="AA16" s="619"/>
      <c r="AB16" s="619"/>
      <c r="AC16" s="619"/>
      <c r="AD16" s="619"/>
      <c r="AE16" s="619"/>
      <c r="AF16" s="619"/>
      <c r="AG16" s="619"/>
      <c r="AH16" s="619"/>
      <c r="AI16" s="619"/>
      <c r="AJ16" s="619"/>
      <c r="AK16" s="619"/>
      <c r="AL16" s="625"/>
      <c r="AM16" s="93"/>
      <c r="AN16" s="827" t="s">
        <v>220</v>
      </c>
      <c r="AO16" s="259"/>
      <c r="AP16" s="259"/>
      <c r="AQ16" s="259"/>
      <c r="AR16" s="259"/>
      <c r="AS16" s="595"/>
      <c r="AT16" s="392" t="s">
        <v>336</v>
      </c>
      <c r="AU16" s="393"/>
      <c r="AV16" s="393"/>
      <c r="AW16" s="393"/>
      <c r="AX16" s="393"/>
      <c r="AY16" s="393"/>
      <c r="AZ16" s="393"/>
      <c r="BA16" s="393"/>
      <c r="BB16" s="393"/>
      <c r="BC16" s="393"/>
      <c r="BD16" s="393"/>
      <c r="BE16" s="393"/>
      <c r="BF16" s="393"/>
      <c r="BG16" s="393"/>
      <c r="BH16" s="393"/>
      <c r="BI16" s="393"/>
      <c r="BJ16" s="393"/>
      <c r="BK16" s="393"/>
      <c r="BL16" s="393"/>
      <c r="BM16" s="393"/>
      <c r="BN16" s="393"/>
      <c r="BO16" s="393"/>
      <c r="BP16" s="393"/>
      <c r="BQ16" s="393"/>
      <c r="BR16" s="393"/>
      <c r="BS16" s="393"/>
      <c r="BT16" s="393"/>
      <c r="BU16" s="393"/>
      <c r="BV16" s="393"/>
      <c r="BW16" s="393"/>
      <c r="BX16" s="393"/>
      <c r="BY16" s="393"/>
      <c r="BZ16" s="393"/>
      <c r="CA16" s="393"/>
      <c r="CB16" s="393"/>
      <c r="CC16" s="393"/>
      <c r="CD16" s="393"/>
      <c r="CE16" s="393"/>
      <c r="CF16" s="393"/>
      <c r="CG16" s="393"/>
      <c r="CH16" s="393"/>
      <c r="CI16" s="393"/>
      <c r="CJ16" s="393"/>
      <c r="CK16" s="393"/>
      <c r="CL16" s="393"/>
      <c r="CM16" s="394"/>
      <c r="CQ16" s="3" ph="1"/>
      <c r="CR16" s="3" ph="1"/>
      <c r="CS16" s="3" ph="1"/>
      <c r="CT16" s="3" ph="1"/>
      <c r="CU16" s="3" ph="1"/>
      <c r="CV16" s="3" ph="1"/>
    </row>
    <row r="17" spans="1:100" ht="17.25" customHeight="1" x14ac:dyDescent="0.15">
      <c r="A17" s="361"/>
      <c r="B17" s="362"/>
      <c r="C17" s="362"/>
      <c r="D17" s="362"/>
      <c r="E17" s="363"/>
      <c r="F17" s="336" t="s">
        <v>1058</v>
      </c>
      <c r="G17" s="337"/>
      <c r="H17" s="337"/>
      <c r="I17" s="337"/>
      <c r="J17" s="337"/>
      <c r="K17" s="337"/>
      <c r="L17" s="337"/>
      <c r="M17" s="338"/>
      <c r="N17" s="190"/>
      <c r="O17" s="418"/>
      <c r="P17" s="419"/>
      <c r="Q17" s="376"/>
      <c r="R17" s="377"/>
      <c r="S17" s="377"/>
      <c r="T17" s="377"/>
      <c r="U17" s="826"/>
      <c r="V17" s="826"/>
      <c r="W17" s="826"/>
      <c r="X17" s="826"/>
      <c r="Y17" s="619"/>
      <c r="Z17" s="619"/>
      <c r="AA17" s="619"/>
      <c r="AB17" s="619"/>
      <c r="AC17" s="619"/>
      <c r="AD17" s="619"/>
      <c r="AE17" s="619"/>
      <c r="AF17" s="619"/>
      <c r="AG17" s="619"/>
      <c r="AH17" s="619"/>
      <c r="AI17" s="619"/>
      <c r="AJ17" s="619"/>
      <c r="AK17" s="619"/>
      <c r="AL17" s="625"/>
      <c r="AM17" s="93"/>
      <c r="AN17" s="828"/>
      <c r="AO17" s="596"/>
      <c r="AP17" s="596"/>
      <c r="AQ17" s="596"/>
      <c r="AR17" s="596"/>
      <c r="AS17" s="597"/>
      <c r="AT17" s="395"/>
      <c r="AU17" s="396"/>
      <c r="AV17" s="396"/>
      <c r="AW17" s="396"/>
      <c r="AX17" s="396"/>
      <c r="AY17" s="396"/>
      <c r="AZ17" s="396"/>
      <c r="BA17" s="396"/>
      <c r="BB17" s="396"/>
      <c r="BC17" s="396"/>
      <c r="BD17" s="396"/>
      <c r="BE17" s="396"/>
      <c r="BF17" s="396"/>
      <c r="BG17" s="396"/>
      <c r="BH17" s="396"/>
      <c r="BI17" s="396"/>
      <c r="BJ17" s="396"/>
      <c r="BK17" s="396"/>
      <c r="BL17" s="396"/>
      <c r="BM17" s="396"/>
      <c r="BN17" s="396"/>
      <c r="BO17" s="396"/>
      <c r="BP17" s="396"/>
      <c r="BQ17" s="396"/>
      <c r="BR17" s="396"/>
      <c r="BS17" s="396"/>
      <c r="BT17" s="396"/>
      <c r="BU17" s="396"/>
      <c r="BV17" s="396"/>
      <c r="BW17" s="396"/>
      <c r="BX17" s="396"/>
      <c r="BY17" s="396"/>
      <c r="BZ17" s="396"/>
      <c r="CA17" s="396"/>
      <c r="CB17" s="396"/>
      <c r="CC17" s="396"/>
      <c r="CD17" s="396"/>
      <c r="CE17" s="396"/>
      <c r="CF17" s="396"/>
      <c r="CG17" s="396"/>
      <c r="CH17" s="396"/>
      <c r="CI17" s="396"/>
      <c r="CJ17" s="396"/>
      <c r="CK17" s="396"/>
      <c r="CL17" s="396"/>
      <c r="CM17" s="397"/>
      <c r="CQ17" s="3" ph="1"/>
      <c r="CR17" s="3" ph="1"/>
      <c r="CS17" s="3" ph="1"/>
      <c r="CT17" s="3" ph="1"/>
      <c r="CU17" s="3" ph="1"/>
      <c r="CV17" s="3" ph="1"/>
    </row>
    <row r="18" spans="1:100" ht="17.25" customHeight="1" x14ac:dyDescent="0.15">
      <c r="A18" s="361"/>
      <c r="B18" s="362"/>
      <c r="C18" s="362"/>
      <c r="D18" s="362"/>
      <c r="E18" s="363"/>
      <c r="F18" s="339"/>
      <c r="G18" s="340"/>
      <c r="H18" s="340"/>
      <c r="I18" s="340"/>
      <c r="J18" s="340"/>
      <c r="K18" s="340"/>
      <c r="L18" s="340"/>
      <c r="M18" s="341"/>
      <c r="N18" s="190"/>
      <c r="O18" s="418"/>
      <c r="P18" s="419"/>
      <c r="Q18" s="376"/>
      <c r="R18" s="377"/>
      <c r="S18" s="377"/>
      <c r="T18" s="377"/>
      <c r="U18" s="619"/>
      <c r="V18" s="619"/>
      <c r="W18" s="619"/>
      <c r="X18" s="619"/>
      <c r="Y18" s="619"/>
      <c r="Z18" s="619"/>
      <c r="AA18" s="619"/>
      <c r="AB18" s="619"/>
      <c r="AC18" s="619"/>
      <c r="AD18" s="619"/>
      <c r="AE18" s="619"/>
      <c r="AF18" s="619"/>
      <c r="AG18" s="619"/>
      <c r="AH18" s="619"/>
      <c r="AI18" s="619"/>
      <c r="AJ18" s="619"/>
      <c r="AK18" s="619"/>
      <c r="AL18" s="625"/>
      <c r="AM18" s="93"/>
      <c r="AN18" s="827" t="s">
        <v>221</v>
      </c>
      <c r="AO18" s="259"/>
      <c r="AP18" s="259"/>
      <c r="AQ18" s="259"/>
      <c r="AR18" s="259"/>
      <c r="AS18" s="595"/>
      <c r="AT18" s="829" t="s">
        <v>1160</v>
      </c>
      <c r="AU18" s="830"/>
      <c r="AV18" s="830"/>
      <c r="AW18" s="830"/>
      <c r="AX18" s="830"/>
      <c r="AY18" s="830"/>
      <c r="AZ18" s="830"/>
      <c r="BA18" s="830"/>
      <c r="BB18" s="830"/>
      <c r="BC18" s="830"/>
      <c r="BD18" s="830"/>
      <c r="BE18" s="830"/>
      <c r="BF18" s="830"/>
      <c r="BG18" s="830"/>
      <c r="BH18" s="830"/>
      <c r="BI18" s="830"/>
      <c r="BJ18" s="830"/>
      <c r="BK18" s="830"/>
      <c r="BL18" s="830"/>
      <c r="BM18" s="830"/>
      <c r="BN18" s="830"/>
      <c r="BO18" s="830"/>
      <c r="BP18" s="830"/>
      <c r="BQ18" s="830"/>
      <c r="BR18" s="830"/>
      <c r="BS18" s="830"/>
      <c r="BT18" s="830"/>
      <c r="BU18" s="830"/>
      <c r="BV18" s="830"/>
      <c r="BW18" s="830"/>
      <c r="BX18" s="830"/>
      <c r="BY18" s="830"/>
      <c r="BZ18" s="830"/>
      <c r="CA18" s="830"/>
      <c r="CB18" s="830"/>
      <c r="CC18" s="830"/>
      <c r="CD18" s="830"/>
      <c r="CE18" s="830"/>
      <c r="CF18" s="830"/>
      <c r="CG18" s="830"/>
      <c r="CH18" s="830"/>
      <c r="CI18" s="830"/>
      <c r="CJ18" s="830"/>
      <c r="CK18" s="830"/>
      <c r="CL18" s="830"/>
      <c r="CM18" s="831"/>
      <c r="CQ18" s="3" ph="1"/>
      <c r="CR18" s="3" ph="1"/>
      <c r="CS18" s="3" ph="1"/>
      <c r="CT18" s="3" ph="1"/>
      <c r="CU18" s="3" ph="1"/>
      <c r="CV18" s="3" ph="1"/>
    </row>
    <row r="19" spans="1:100" ht="17.25" customHeight="1" x14ac:dyDescent="0.15">
      <c r="A19" s="361"/>
      <c r="B19" s="362"/>
      <c r="C19" s="362"/>
      <c r="D19" s="362"/>
      <c r="E19" s="363"/>
      <c r="F19" s="411" t="s">
        <v>1697</v>
      </c>
      <c r="G19" s="554"/>
      <c r="H19" s="554"/>
      <c r="I19" s="554"/>
      <c r="J19" s="554"/>
      <c r="K19" s="554"/>
      <c r="L19" s="554"/>
      <c r="M19" s="555"/>
      <c r="N19" s="190"/>
      <c r="O19" s="418"/>
      <c r="P19" s="419"/>
      <c r="Q19" s="376"/>
      <c r="R19" s="377"/>
      <c r="S19" s="377"/>
      <c r="T19" s="377"/>
      <c r="U19" s="826"/>
      <c r="V19" s="826"/>
      <c r="W19" s="826"/>
      <c r="X19" s="826"/>
      <c r="Y19" s="619"/>
      <c r="Z19" s="619"/>
      <c r="AA19" s="619"/>
      <c r="AB19" s="619"/>
      <c r="AC19" s="619"/>
      <c r="AD19" s="619"/>
      <c r="AE19" s="619"/>
      <c r="AF19" s="619"/>
      <c r="AG19" s="619"/>
      <c r="AH19" s="619"/>
      <c r="AI19" s="619"/>
      <c r="AJ19" s="619"/>
      <c r="AK19" s="619"/>
      <c r="AL19" s="625"/>
      <c r="AM19" s="93"/>
      <c r="AN19" s="828"/>
      <c r="AO19" s="596"/>
      <c r="AP19" s="596"/>
      <c r="AQ19" s="596"/>
      <c r="AR19" s="596"/>
      <c r="AS19" s="597"/>
      <c r="AT19" s="832"/>
      <c r="AU19" s="833"/>
      <c r="AV19" s="833"/>
      <c r="AW19" s="833"/>
      <c r="AX19" s="833"/>
      <c r="AY19" s="833"/>
      <c r="AZ19" s="833"/>
      <c r="BA19" s="833"/>
      <c r="BB19" s="833"/>
      <c r="BC19" s="833"/>
      <c r="BD19" s="833"/>
      <c r="BE19" s="833"/>
      <c r="BF19" s="833"/>
      <c r="BG19" s="833"/>
      <c r="BH19" s="833"/>
      <c r="BI19" s="833"/>
      <c r="BJ19" s="833"/>
      <c r="BK19" s="833"/>
      <c r="BL19" s="833"/>
      <c r="BM19" s="833"/>
      <c r="BN19" s="833"/>
      <c r="BO19" s="833"/>
      <c r="BP19" s="833"/>
      <c r="BQ19" s="833"/>
      <c r="BR19" s="833"/>
      <c r="BS19" s="833"/>
      <c r="BT19" s="833"/>
      <c r="BU19" s="833"/>
      <c r="BV19" s="833"/>
      <c r="BW19" s="833"/>
      <c r="BX19" s="833"/>
      <c r="BY19" s="833"/>
      <c r="BZ19" s="833"/>
      <c r="CA19" s="833"/>
      <c r="CB19" s="833"/>
      <c r="CC19" s="833"/>
      <c r="CD19" s="833"/>
      <c r="CE19" s="833"/>
      <c r="CF19" s="833"/>
      <c r="CG19" s="833"/>
      <c r="CH19" s="833"/>
      <c r="CI19" s="833"/>
      <c r="CJ19" s="833"/>
      <c r="CK19" s="833"/>
      <c r="CL19" s="833"/>
      <c r="CM19" s="834"/>
      <c r="CQ19" s="3" ph="1"/>
      <c r="CR19" s="3" ph="1"/>
      <c r="CS19" s="3" ph="1"/>
      <c r="CT19" s="3" ph="1"/>
      <c r="CU19" s="3" ph="1"/>
      <c r="CV19" s="3" ph="1"/>
    </row>
    <row r="20" spans="1:100" ht="17.25" customHeight="1" x14ac:dyDescent="0.15">
      <c r="A20" s="361"/>
      <c r="B20" s="362"/>
      <c r="C20" s="362"/>
      <c r="D20" s="362"/>
      <c r="E20" s="363"/>
      <c r="F20" s="336" t="s">
        <v>1696</v>
      </c>
      <c r="G20" s="337"/>
      <c r="H20" s="337"/>
      <c r="I20" s="337"/>
      <c r="J20" s="337"/>
      <c r="K20" s="337"/>
      <c r="L20" s="337"/>
      <c r="M20" s="338"/>
      <c r="N20" s="190"/>
      <c r="O20" s="418"/>
      <c r="P20" s="419"/>
      <c r="Q20" s="376"/>
      <c r="R20" s="377"/>
      <c r="S20" s="377"/>
      <c r="T20" s="377"/>
      <c r="U20" s="826"/>
      <c r="V20" s="826"/>
      <c r="W20" s="826"/>
      <c r="X20" s="826"/>
      <c r="Y20" s="619"/>
      <c r="Z20" s="619"/>
      <c r="AA20" s="619"/>
      <c r="AB20" s="619"/>
      <c r="AC20" s="619"/>
      <c r="AD20" s="619"/>
      <c r="AE20" s="619"/>
      <c r="AF20" s="619"/>
      <c r="AG20" s="619"/>
      <c r="AH20" s="619"/>
      <c r="AI20" s="619"/>
      <c r="AJ20" s="619"/>
      <c r="AK20" s="619"/>
      <c r="AL20" s="625"/>
      <c r="AM20" s="93"/>
      <c r="AN20" s="835" t="s">
        <v>834</v>
      </c>
      <c r="AO20" s="836"/>
      <c r="AP20" s="836"/>
      <c r="AQ20" s="836"/>
      <c r="AR20" s="836"/>
      <c r="AS20" s="837"/>
      <c r="AT20" s="392" t="s">
        <v>1256</v>
      </c>
      <c r="AU20" s="393"/>
      <c r="AV20" s="393"/>
      <c r="AW20" s="393"/>
      <c r="AX20" s="393"/>
      <c r="AY20" s="393"/>
      <c r="AZ20" s="393"/>
      <c r="BA20" s="393"/>
      <c r="BB20" s="393"/>
      <c r="BC20" s="393"/>
      <c r="BD20" s="393"/>
      <c r="BE20" s="393"/>
      <c r="BF20" s="393"/>
      <c r="BG20" s="393"/>
      <c r="BH20" s="393"/>
      <c r="BI20" s="393"/>
      <c r="BJ20" s="393"/>
      <c r="BK20" s="393"/>
      <c r="BL20" s="393"/>
      <c r="BM20" s="393"/>
      <c r="BN20" s="393"/>
      <c r="BO20" s="393"/>
      <c r="BP20" s="393"/>
      <c r="BQ20" s="393"/>
      <c r="BR20" s="393"/>
      <c r="BS20" s="393"/>
      <c r="BT20" s="393"/>
      <c r="BU20" s="393"/>
      <c r="BV20" s="393"/>
      <c r="BW20" s="393"/>
      <c r="BX20" s="393"/>
      <c r="BY20" s="393"/>
      <c r="BZ20" s="393"/>
      <c r="CA20" s="393"/>
      <c r="CB20" s="393"/>
      <c r="CC20" s="393"/>
      <c r="CD20" s="393"/>
      <c r="CE20" s="393"/>
      <c r="CF20" s="393"/>
      <c r="CG20" s="393"/>
      <c r="CH20" s="393"/>
      <c r="CI20" s="393"/>
      <c r="CJ20" s="393"/>
      <c r="CK20" s="393"/>
      <c r="CL20" s="393"/>
      <c r="CM20" s="394"/>
    </row>
    <row r="21" spans="1:100" ht="17.25" customHeight="1" x14ac:dyDescent="0.15">
      <c r="A21" s="361"/>
      <c r="B21" s="362"/>
      <c r="C21" s="362"/>
      <c r="D21" s="362"/>
      <c r="E21" s="363"/>
      <c r="F21" s="339"/>
      <c r="G21" s="340"/>
      <c r="H21" s="340"/>
      <c r="I21" s="340"/>
      <c r="J21" s="340"/>
      <c r="K21" s="340"/>
      <c r="L21" s="340"/>
      <c r="M21" s="341"/>
      <c r="N21" s="190"/>
      <c r="O21" s="418"/>
      <c r="P21" s="419"/>
      <c r="Q21" s="822" t="s">
        <v>337</v>
      </c>
      <c r="R21" s="823"/>
      <c r="S21" s="823"/>
      <c r="T21" s="823"/>
      <c r="U21" s="824"/>
      <c r="V21" s="824"/>
      <c r="W21" s="824"/>
      <c r="X21" s="824"/>
      <c r="Y21" s="824"/>
      <c r="Z21" s="824"/>
      <c r="AA21" s="824"/>
      <c r="AB21" s="824"/>
      <c r="AC21" s="824"/>
      <c r="AD21" s="824"/>
      <c r="AE21" s="824"/>
      <c r="AF21" s="824"/>
      <c r="AG21" s="824"/>
      <c r="AH21" s="824"/>
      <c r="AI21" s="824"/>
      <c r="AJ21" s="824"/>
      <c r="AK21" s="824"/>
      <c r="AL21" s="825"/>
      <c r="AM21" s="93"/>
      <c r="AN21" s="838"/>
      <c r="AO21" s="839"/>
      <c r="AP21" s="839"/>
      <c r="AQ21" s="839"/>
      <c r="AR21" s="839"/>
      <c r="AS21" s="840"/>
      <c r="AT21" s="395"/>
      <c r="AU21" s="396"/>
      <c r="AV21" s="396"/>
      <c r="AW21" s="396"/>
      <c r="AX21" s="396"/>
      <c r="AY21" s="396"/>
      <c r="AZ21" s="396"/>
      <c r="BA21" s="396"/>
      <c r="BB21" s="396"/>
      <c r="BC21" s="396"/>
      <c r="BD21" s="396"/>
      <c r="BE21" s="396"/>
      <c r="BF21" s="396"/>
      <c r="BG21" s="396"/>
      <c r="BH21" s="396"/>
      <c r="BI21" s="396"/>
      <c r="BJ21" s="396"/>
      <c r="BK21" s="396"/>
      <c r="BL21" s="396"/>
      <c r="BM21" s="396"/>
      <c r="BN21" s="396"/>
      <c r="BO21" s="396"/>
      <c r="BP21" s="396"/>
      <c r="BQ21" s="396"/>
      <c r="BR21" s="396"/>
      <c r="BS21" s="396"/>
      <c r="BT21" s="396"/>
      <c r="BU21" s="396"/>
      <c r="BV21" s="396"/>
      <c r="BW21" s="396"/>
      <c r="BX21" s="396"/>
      <c r="BY21" s="396"/>
      <c r="BZ21" s="396"/>
      <c r="CA21" s="396"/>
      <c r="CB21" s="396"/>
      <c r="CC21" s="396"/>
      <c r="CD21" s="396"/>
      <c r="CE21" s="396"/>
      <c r="CF21" s="396"/>
      <c r="CG21" s="396"/>
      <c r="CH21" s="396"/>
      <c r="CI21" s="396"/>
      <c r="CJ21" s="396"/>
      <c r="CK21" s="396"/>
      <c r="CL21" s="396"/>
      <c r="CM21" s="397"/>
    </row>
    <row r="22" spans="1:100" ht="17.25" customHeight="1" x14ac:dyDescent="0.15">
      <c r="A22" s="332" t="s">
        <v>259</v>
      </c>
      <c r="B22" s="332"/>
      <c r="C22" s="332"/>
      <c r="D22" s="332"/>
      <c r="E22" s="332"/>
      <c r="F22" s="345" t="s">
        <v>1597</v>
      </c>
      <c r="G22" s="346"/>
      <c r="H22" s="346"/>
      <c r="I22" s="346"/>
      <c r="J22" s="346"/>
      <c r="K22" s="346"/>
      <c r="L22" s="346"/>
      <c r="M22" s="346"/>
      <c r="N22" s="190"/>
      <c r="O22" s="382" t="s">
        <v>258</v>
      </c>
      <c r="P22" s="485"/>
      <c r="Q22" s="802" t="s">
        <v>338</v>
      </c>
      <c r="R22" s="493"/>
      <c r="S22" s="493"/>
      <c r="T22" s="493"/>
      <c r="U22" s="803"/>
      <c r="V22" s="803"/>
      <c r="W22" s="803"/>
      <c r="X22" s="803"/>
      <c r="Y22" s="803"/>
      <c r="Z22" s="803"/>
      <c r="AA22" s="803"/>
      <c r="AB22" s="803"/>
      <c r="AC22" s="803"/>
      <c r="AD22" s="803"/>
      <c r="AE22" s="803"/>
      <c r="AF22" s="803"/>
      <c r="AG22" s="803"/>
      <c r="AH22" s="803"/>
      <c r="AI22" s="803"/>
      <c r="AJ22" s="803"/>
      <c r="AK22" s="803"/>
      <c r="AL22" s="804"/>
      <c r="AM22" s="93"/>
      <c r="AN22" s="805" t="s">
        <v>462</v>
      </c>
      <c r="AO22" s="805"/>
      <c r="AP22" s="805"/>
      <c r="AQ22" s="805"/>
      <c r="AR22" s="805"/>
      <c r="AS22" s="805"/>
      <c r="AT22" s="805"/>
      <c r="AU22" s="805"/>
      <c r="AV22" s="805"/>
      <c r="AW22" s="805"/>
      <c r="AX22" s="805"/>
      <c r="AY22" s="805"/>
      <c r="AZ22" s="805"/>
      <c r="BA22" s="805"/>
      <c r="BB22" s="805"/>
      <c r="BC22" s="805"/>
      <c r="BD22" s="805"/>
      <c r="BE22" s="805"/>
      <c r="BF22" s="805"/>
      <c r="BG22" s="805"/>
      <c r="BH22" s="805"/>
      <c r="BI22" s="805"/>
      <c r="BJ22" s="805"/>
      <c r="BK22" s="805"/>
      <c r="BL22" s="805"/>
      <c r="BM22" s="805"/>
      <c r="BN22" s="805"/>
      <c r="BO22" s="805"/>
      <c r="BP22" s="805"/>
      <c r="BQ22" s="805"/>
      <c r="BR22" s="805"/>
      <c r="BS22" s="805"/>
      <c r="BT22" s="805"/>
      <c r="BU22" s="805"/>
      <c r="BV22" s="805"/>
      <c r="BW22" s="805"/>
      <c r="BX22" s="805"/>
      <c r="BY22" s="805"/>
      <c r="BZ22" s="805"/>
      <c r="CA22" s="805"/>
      <c r="CB22" s="805"/>
      <c r="CC22" s="805"/>
      <c r="CD22" s="805"/>
      <c r="CE22" s="805"/>
      <c r="CF22" s="805"/>
      <c r="CG22" s="805"/>
      <c r="CH22" s="805"/>
      <c r="CI22" s="805"/>
      <c r="CJ22" s="805"/>
      <c r="CK22" s="805"/>
      <c r="CL22" s="805"/>
      <c r="CM22" s="805"/>
    </row>
    <row r="23" spans="1:100" ht="17.25" customHeight="1" x14ac:dyDescent="0.15">
      <c r="A23" s="328"/>
      <c r="B23" s="328"/>
      <c r="C23" s="328"/>
      <c r="D23" s="328"/>
      <c r="E23" s="328"/>
      <c r="F23" s="336" t="s">
        <v>1660</v>
      </c>
      <c r="G23" s="337"/>
      <c r="H23" s="337"/>
      <c r="I23" s="337"/>
      <c r="J23" s="337"/>
      <c r="K23" s="337"/>
      <c r="L23" s="337"/>
      <c r="M23" s="338"/>
      <c r="N23" s="190"/>
      <c r="O23" s="364"/>
      <c r="P23" s="366"/>
      <c r="Q23" s="806">
        <v>28171</v>
      </c>
      <c r="R23" s="807"/>
      <c r="S23" s="807"/>
      <c r="T23" s="807"/>
      <c r="U23" s="659"/>
      <c r="V23" s="659"/>
      <c r="W23" s="659"/>
      <c r="X23" s="659"/>
      <c r="Y23" s="659"/>
      <c r="Z23" s="659"/>
      <c r="AA23" s="659"/>
      <c r="AB23" s="659"/>
      <c r="AC23" s="659"/>
      <c r="AD23" s="659"/>
      <c r="AE23" s="659"/>
      <c r="AF23" s="659"/>
      <c r="AG23" s="659"/>
      <c r="AH23" s="659"/>
      <c r="AI23" s="659"/>
      <c r="AJ23" s="659"/>
      <c r="AK23" s="659"/>
      <c r="AL23" s="808"/>
      <c r="AM23" s="92"/>
      <c r="AN23" s="2" t="s">
        <v>16</v>
      </c>
      <c r="AO23" s="199" t="s">
        <v>1348</v>
      </c>
      <c r="AP23" s="199"/>
      <c r="AQ23" s="199"/>
      <c r="AR23" s="199"/>
      <c r="AS23" s="199"/>
      <c r="AT23" s="199"/>
      <c r="AU23" s="199"/>
      <c r="AV23" s="199"/>
      <c r="AW23" s="199"/>
      <c r="AX23" s="199"/>
      <c r="AY23" s="199"/>
      <c r="AZ23" s="199"/>
      <c r="BA23" s="199"/>
      <c r="BB23" s="199"/>
      <c r="BC23" s="199"/>
      <c r="BD23" s="199"/>
      <c r="BE23" s="199"/>
      <c r="BF23" s="199"/>
      <c r="BG23" s="199"/>
      <c r="BH23" s="199"/>
      <c r="BI23" s="199"/>
      <c r="BJ23" s="199"/>
      <c r="BK23" s="199"/>
      <c r="BL23" s="199"/>
      <c r="BM23" s="199"/>
      <c r="BN23" s="199"/>
      <c r="BO23" s="199"/>
      <c r="BP23" s="199"/>
      <c r="BQ23" s="199"/>
      <c r="BR23" s="199"/>
      <c r="BS23" s="199"/>
      <c r="BT23" s="199"/>
      <c r="BU23" s="199"/>
      <c r="BV23" s="199"/>
      <c r="BW23" s="199"/>
      <c r="BX23" s="199"/>
      <c r="BY23" s="199"/>
      <c r="BZ23" s="199"/>
      <c r="CA23" s="199"/>
      <c r="CB23" s="199"/>
      <c r="CC23" s="199"/>
      <c r="CD23" s="199"/>
      <c r="CE23" s="199"/>
      <c r="CF23" s="199"/>
      <c r="CG23" s="199"/>
      <c r="CH23" s="199"/>
      <c r="CI23" s="199"/>
      <c r="CJ23" s="199"/>
      <c r="CK23" s="199"/>
      <c r="CL23" s="199"/>
      <c r="CM23" s="200"/>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190"/>
      <c r="O24" s="361" t="s">
        <v>260</v>
      </c>
      <c r="P24" s="363"/>
      <c r="Q24" s="802" t="s">
        <v>339</v>
      </c>
      <c r="R24" s="493"/>
      <c r="S24" s="493"/>
      <c r="T24" s="493"/>
      <c r="U24" s="803"/>
      <c r="V24" s="803"/>
      <c r="W24" s="803"/>
      <c r="X24" s="803"/>
      <c r="Y24" s="803"/>
      <c r="Z24" s="803"/>
      <c r="AA24" s="803"/>
      <c r="AB24" s="803"/>
      <c r="AC24" s="803"/>
      <c r="AD24" s="803"/>
      <c r="AE24" s="803"/>
      <c r="AF24" s="809"/>
      <c r="AG24" s="809"/>
      <c r="AH24" s="809"/>
      <c r="AI24" s="809"/>
      <c r="AJ24" s="809"/>
      <c r="AK24" s="809"/>
      <c r="AL24" s="810"/>
      <c r="AM24" s="92"/>
      <c r="AN24" s="37" t="s">
        <v>16</v>
      </c>
      <c r="AO24" s="811" t="s">
        <v>1349</v>
      </c>
      <c r="AP24" s="811"/>
      <c r="AQ24" s="811"/>
      <c r="AR24" s="811"/>
      <c r="AS24" s="811"/>
      <c r="AT24" s="811"/>
      <c r="AU24" s="811"/>
      <c r="AV24" s="811"/>
      <c r="AW24" s="811"/>
      <c r="AX24" s="811"/>
      <c r="AY24" s="811"/>
      <c r="AZ24" s="811"/>
      <c r="BA24" s="811"/>
      <c r="BB24" s="811"/>
      <c r="BC24" s="811"/>
      <c r="BD24" s="811"/>
      <c r="BE24" s="811"/>
      <c r="BF24" s="811"/>
      <c r="BG24" s="811"/>
      <c r="BH24" s="811"/>
      <c r="BI24" s="811"/>
      <c r="BJ24" s="811"/>
      <c r="BK24" s="811"/>
      <c r="BL24" s="811"/>
      <c r="BM24" s="811"/>
      <c r="BN24" s="811"/>
      <c r="BO24" s="811"/>
      <c r="BP24" s="811"/>
      <c r="BQ24" s="811"/>
      <c r="BR24" s="811"/>
      <c r="BS24" s="811"/>
      <c r="BT24" s="811"/>
      <c r="BU24" s="811"/>
      <c r="BV24" s="811"/>
      <c r="BW24" s="811"/>
      <c r="BX24" s="811"/>
      <c r="BY24" s="811"/>
      <c r="BZ24" s="811"/>
      <c r="CA24" s="811"/>
      <c r="CB24" s="811"/>
      <c r="CC24" s="811"/>
      <c r="CD24" s="811"/>
      <c r="CE24" s="811"/>
      <c r="CF24" s="811"/>
      <c r="CG24" s="811"/>
      <c r="CH24" s="811"/>
      <c r="CI24" s="811"/>
      <c r="CJ24" s="811"/>
      <c r="CK24" s="811"/>
      <c r="CL24" s="811"/>
      <c r="CM24" s="812"/>
      <c r="CN24" s="10"/>
      <c r="CQ24" s="3" ph="1"/>
      <c r="CR24" s="3" ph="1"/>
      <c r="CS24" s="3" ph="1"/>
      <c r="CT24" s="3" ph="1"/>
      <c r="CU24" s="3" ph="1"/>
      <c r="CV24" s="3" ph="1"/>
    </row>
    <row r="25" spans="1:100" ht="17.25" customHeight="1" x14ac:dyDescent="0.15">
      <c r="A25" s="328" t="s">
        <v>263</v>
      </c>
      <c r="B25" s="328"/>
      <c r="C25" s="328"/>
      <c r="D25" s="328"/>
      <c r="E25" s="328"/>
      <c r="F25" s="330" t="s">
        <v>1599</v>
      </c>
      <c r="G25" s="331"/>
      <c r="H25" s="331"/>
      <c r="I25" s="331"/>
      <c r="J25" s="331"/>
      <c r="K25" s="331"/>
      <c r="L25" s="331"/>
      <c r="M25" s="331"/>
      <c r="N25" s="190"/>
      <c r="O25" s="361"/>
      <c r="P25" s="363"/>
      <c r="Q25" s="813">
        <v>28171</v>
      </c>
      <c r="R25" s="814"/>
      <c r="S25" s="814"/>
      <c r="T25" s="814"/>
      <c r="U25" s="814"/>
      <c r="V25" s="814"/>
      <c r="W25" s="814"/>
      <c r="X25" s="814"/>
      <c r="Y25" s="814"/>
      <c r="Z25" s="814"/>
      <c r="AA25" s="814"/>
      <c r="AB25" s="814"/>
      <c r="AC25" s="814"/>
      <c r="AD25" s="814"/>
      <c r="AE25" s="814"/>
      <c r="AF25" s="814"/>
      <c r="AG25" s="814"/>
      <c r="AH25" s="814"/>
      <c r="AI25" s="814"/>
      <c r="AJ25" s="814"/>
      <c r="AK25" s="814"/>
      <c r="AL25" s="815"/>
      <c r="AM25" s="92"/>
      <c r="AN25" s="37" t="s">
        <v>16</v>
      </c>
      <c r="AO25" s="811" t="s">
        <v>1350</v>
      </c>
      <c r="AP25" s="811"/>
      <c r="AQ25" s="811"/>
      <c r="AR25" s="811"/>
      <c r="AS25" s="811"/>
      <c r="AT25" s="811"/>
      <c r="AU25" s="811"/>
      <c r="AV25" s="811"/>
      <c r="AW25" s="811"/>
      <c r="AX25" s="811"/>
      <c r="AY25" s="811"/>
      <c r="AZ25" s="811"/>
      <c r="BA25" s="811"/>
      <c r="BB25" s="811"/>
      <c r="BC25" s="811"/>
      <c r="BD25" s="811"/>
      <c r="BE25" s="811"/>
      <c r="BF25" s="811"/>
      <c r="BG25" s="811"/>
      <c r="BH25" s="811"/>
      <c r="BI25" s="811"/>
      <c r="BJ25" s="811"/>
      <c r="BK25" s="811"/>
      <c r="BL25" s="811"/>
      <c r="BM25" s="811"/>
      <c r="BN25" s="811"/>
      <c r="BO25" s="811"/>
      <c r="BP25" s="811"/>
      <c r="BQ25" s="811"/>
      <c r="BR25" s="811"/>
      <c r="BS25" s="811"/>
      <c r="BT25" s="811"/>
      <c r="BU25" s="811"/>
      <c r="BV25" s="811"/>
      <c r="BW25" s="811"/>
      <c r="BX25" s="811"/>
      <c r="BY25" s="811"/>
      <c r="BZ25" s="811"/>
      <c r="CA25" s="811"/>
      <c r="CB25" s="811"/>
      <c r="CC25" s="811"/>
      <c r="CD25" s="811"/>
      <c r="CE25" s="811"/>
      <c r="CF25" s="811"/>
      <c r="CG25" s="811"/>
      <c r="CH25" s="811"/>
      <c r="CI25" s="811"/>
      <c r="CJ25" s="811"/>
      <c r="CK25" s="811"/>
      <c r="CL25" s="811"/>
      <c r="CM25" s="812"/>
      <c r="CQ25" s="3" ph="1"/>
      <c r="CR25" s="3" ph="1"/>
      <c r="CS25" s="3" ph="1"/>
      <c r="CT25" s="3" ph="1"/>
      <c r="CU25" s="3" ph="1"/>
      <c r="CV25" s="3" ph="1"/>
    </row>
    <row r="26" spans="1:100" ht="17.25" customHeight="1" x14ac:dyDescent="0.15">
      <c r="A26" s="328"/>
      <c r="B26" s="328"/>
      <c r="C26" s="328"/>
      <c r="D26" s="328"/>
      <c r="E26" s="328"/>
      <c r="F26" s="816" t="s">
        <v>1598</v>
      </c>
      <c r="G26" s="817"/>
      <c r="H26" s="817"/>
      <c r="I26" s="817"/>
      <c r="J26" s="817"/>
      <c r="K26" s="817"/>
      <c r="L26" s="817"/>
      <c r="M26" s="818"/>
      <c r="N26" s="190"/>
      <c r="O26" s="382" t="s">
        <v>264</v>
      </c>
      <c r="P26" s="485"/>
      <c r="Q26" s="548" t="s">
        <v>227</v>
      </c>
      <c r="R26" s="549"/>
      <c r="S26" s="549"/>
      <c r="T26" s="549"/>
      <c r="U26" s="549"/>
      <c r="V26" s="549"/>
      <c r="W26" s="549"/>
      <c r="X26" s="549"/>
      <c r="Y26" s="549"/>
      <c r="Z26" s="549"/>
      <c r="AA26" s="549"/>
      <c r="AB26" s="549"/>
      <c r="AC26" s="549"/>
      <c r="AD26" s="549"/>
      <c r="AE26" s="549"/>
      <c r="AF26" s="549"/>
      <c r="AG26" s="549"/>
      <c r="AH26" s="549"/>
      <c r="AI26" s="549"/>
      <c r="AJ26" s="549"/>
      <c r="AK26" s="549"/>
      <c r="AL26" s="550"/>
      <c r="AM26" s="165"/>
      <c r="AN26" s="37" t="s">
        <v>16</v>
      </c>
      <c r="AO26" s="811" t="s">
        <v>1352</v>
      </c>
      <c r="AP26" s="811"/>
      <c r="AQ26" s="811"/>
      <c r="AR26" s="811"/>
      <c r="AS26" s="811"/>
      <c r="AT26" s="811"/>
      <c r="AU26" s="811"/>
      <c r="AV26" s="811"/>
      <c r="AW26" s="811"/>
      <c r="AX26" s="811"/>
      <c r="AY26" s="811"/>
      <c r="AZ26" s="811"/>
      <c r="BA26" s="811"/>
      <c r="BB26" s="811"/>
      <c r="BC26" s="811"/>
      <c r="BD26" s="811"/>
      <c r="BE26" s="811"/>
      <c r="BF26" s="811"/>
      <c r="BG26" s="811"/>
      <c r="BH26" s="811"/>
      <c r="BI26" s="811"/>
      <c r="BJ26" s="811"/>
      <c r="BK26" s="811"/>
      <c r="BL26" s="811"/>
      <c r="BM26" s="811"/>
      <c r="BN26" s="811"/>
      <c r="BO26" s="811"/>
      <c r="BP26" s="811"/>
      <c r="BQ26" s="811"/>
      <c r="BR26" s="811"/>
      <c r="BS26" s="811"/>
      <c r="BT26" s="811"/>
      <c r="BU26" s="811"/>
      <c r="BV26" s="811"/>
      <c r="BW26" s="811"/>
      <c r="BX26" s="811"/>
      <c r="BY26" s="811"/>
      <c r="BZ26" s="811"/>
      <c r="CA26" s="811"/>
      <c r="CB26" s="811"/>
      <c r="CC26" s="811"/>
      <c r="CD26" s="811"/>
      <c r="CE26" s="811"/>
      <c r="CF26" s="811"/>
      <c r="CG26" s="811"/>
      <c r="CH26" s="811"/>
      <c r="CI26" s="811"/>
      <c r="CJ26" s="811"/>
      <c r="CK26" s="811"/>
      <c r="CL26" s="811"/>
      <c r="CM26" s="812"/>
      <c r="CN26" s="33"/>
      <c r="CQ26" s="3" ph="1"/>
      <c r="CR26" s="3" ph="1"/>
      <c r="CS26" s="3" ph="1"/>
      <c r="CT26" s="3" ph="1"/>
      <c r="CU26" s="3" ph="1"/>
      <c r="CV26" s="3" ph="1"/>
    </row>
    <row r="27" spans="1:100" ht="17.25" customHeight="1" x14ac:dyDescent="0.15">
      <c r="A27" s="329"/>
      <c r="B27" s="329"/>
      <c r="C27" s="329"/>
      <c r="D27" s="329"/>
      <c r="E27" s="329"/>
      <c r="F27" s="819"/>
      <c r="G27" s="820"/>
      <c r="H27" s="820"/>
      <c r="I27" s="820"/>
      <c r="J27" s="820"/>
      <c r="K27" s="820"/>
      <c r="L27" s="820"/>
      <c r="M27" s="821"/>
      <c r="N27" s="190"/>
      <c r="O27" s="364"/>
      <c r="P27" s="366"/>
      <c r="Q27" s="551"/>
      <c r="R27" s="552"/>
      <c r="S27" s="552"/>
      <c r="T27" s="552"/>
      <c r="U27" s="552"/>
      <c r="V27" s="552"/>
      <c r="W27" s="552"/>
      <c r="X27" s="552"/>
      <c r="Y27" s="552"/>
      <c r="Z27" s="552"/>
      <c r="AA27" s="552"/>
      <c r="AB27" s="552"/>
      <c r="AC27" s="552"/>
      <c r="AD27" s="552"/>
      <c r="AE27" s="552"/>
      <c r="AF27" s="552"/>
      <c r="AG27" s="552"/>
      <c r="AH27" s="552"/>
      <c r="AI27" s="552"/>
      <c r="AJ27" s="552"/>
      <c r="AK27" s="552"/>
      <c r="AL27" s="553"/>
      <c r="AM27" s="92"/>
      <c r="AN27" s="17" t="s">
        <v>16</v>
      </c>
      <c r="AO27" s="596" t="s">
        <v>1078</v>
      </c>
      <c r="AP27" s="596"/>
      <c r="AQ27" s="596"/>
      <c r="AR27" s="596"/>
      <c r="AS27" s="596"/>
      <c r="AT27" s="596"/>
      <c r="AU27" s="596"/>
      <c r="AV27" s="596"/>
      <c r="AW27" s="596"/>
      <c r="AX27" s="596"/>
      <c r="AY27" s="596"/>
      <c r="AZ27" s="596"/>
      <c r="BA27" s="596"/>
      <c r="BB27" s="596"/>
      <c r="BC27" s="596"/>
      <c r="BD27" s="596"/>
      <c r="BE27" s="596"/>
      <c r="BF27" s="596"/>
      <c r="BG27" s="596"/>
      <c r="BH27" s="596"/>
      <c r="BI27" s="596"/>
      <c r="BJ27" s="596"/>
      <c r="BK27" s="596"/>
      <c r="BL27" s="596"/>
      <c r="BM27" s="596"/>
      <c r="BN27" s="596"/>
      <c r="BO27" s="596"/>
      <c r="BP27" s="596"/>
      <c r="BQ27" s="596"/>
      <c r="BR27" s="596"/>
      <c r="BS27" s="596"/>
      <c r="BT27" s="596"/>
      <c r="BU27" s="596"/>
      <c r="BV27" s="596"/>
      <c r="BW27" s="596"/>
      <c r="BX27" s="596"/>
      <c r="BY27" s="596"/>
      <c r="BZ27" s="596"/>
      <c r="CA27" s="596"/>
      <c r="CB27" s="596"/>
      <c r="CC27" s="596"/>
      <c r="CD27" s="596"/>
      <c r="CE27" s="596"/>
      <c r="CF27" s="596"/>
      <c r="CG27" s="596"/>
      <c r="CH27" s="596"/>
      <c r="CI27" s="596"/>
      <c r="CJ27" s="596"/>
      <c r="CK27" s="596"/>
      <c r="CL27" s="596"/>
      <c r="CM27" s="597"/>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93"/>
      <c r="AN28" s="703" t="s">
        <v>261</v>
      </c>
      <c r="AO28" s="703"/>
      <c r="AP28" s="703"/>
      <c r="AQ28" s="703"/>
      <c r="AR28" s="703"/>
      <c r="AS28" s="703"/>
      <c r="AT28" s="703"/>
      <c r="AU28" s="703"/>
      <c r="AV28" s="703"/>
      <c r="AW28" s="703"/>
      <c r="AX28" s="703"/>
      <c r="AY28" s="703"/>
      <c r="AZ28" s="703"/>
      <c r="BA28" s="703"/>
      <c r="BB28" s="703"/>
      <c r="BC28" s="703"/>
      <c r="BD28" s="703"/>
      <c r="BE28" s="703"/>
      <c r="BF28" s="703"/>
      <c r="BG28" s="703"/>
      <c r="BH28" s="703"/>
      <c r="BI28" s="703"/>
      <c r="BJ28" s="703"/>
      <c r="BK28" s="703"/>
      <c r="BL28" s="703"/>
      <c r="BM28" s="703"/>
      <c r="BN28" s="703"/>
      <c r="BO28" s="703"/>
      <c r="BP28" s="703"/>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302" t="s">
        <v>1679</v>
      </c>
      <c r="B29" s="303"/>
      <c r="C29" s="303"/>
      <c r="D29" s="303"/>
      <c r="E29" s="303"/>
      <c r="F29" s="303"/>
      <c r="G29" s="303"/>
      <c r="H29" s="303"/>
      <c r="I29" s="303"/>
      <c r="J29" s="303"/>
      <c r="K29" s="303"/>
      <c r="L29" s="303"/>
      <c r="M29" s="303"/>
      <c r="N29" s="303"/>
      <c r="O29" s="303"/>
      <c r="P29" s="303"/>
      <c r="Q29" s="303"/>
      <c r="R29" s="303"/>
      <c r="S29" s="303"/>
      <c r="T29" s="303"/>
      <c r="U29" s="303"/>
      <c r="V29" s="303"/>
      <c r="W29" s="303"/>
      <c r="X29" s="303"/>
      <c r="Y29" s="303"/>
      <c r="Z29" s="303"/>
      <c r="AA29" s="303"/>
      <c r="AB29" s="303"/>
      <c r="AC29" s="303"/>
      <c r="AD29" s="303"/>
      <c r="AE29" s="303"/>
      <c r="AF29" s="303"/>
      <c r="AG29" s="303"/>
      <c r="AH29" s="303"/>
      <c r="AI29" s="303"/>
      <c r="AJ29" s="303"/>
      <c r="AK29" s="303"/>
      <c r="AL29" s="304"/>
      <c r="AM29" s="93"/>
      <c r="AN29" s="794" t="s">
        <v>1114</v>
      </c>
      <c r="AO29" s="795"/>
      <c r="AP29" s="795"/>
      <c r="AQ29" s="795"/>
      <c r="AR29" s="795"/>
      <c r="AS29" s="795"/>
      <c r="AT29" s="795"/>
      <c r="AU29" s="795"/>
      <c r="AV29" s="795"/>
      <c r="AW29" s="795"/>
      <c r="AX29" s="795"/>
      <c r="AY29" s="795"/>
      <c r="AZ29" s="795"/>
      <c r="BA29" s="795"/>
      <c r="BB29" s="795"/>
      <c r="BC29" s="795"/>
      <c r="BD29" s="795"/>
      <c r="BE29" s="795"/>
      <c r="BF29" s="795"/>
      <c r="BG29" s="795"/>
      <c r="BH29" s="795"/>
      <c r="BI29" s="795"/>
      <c r="BJ29" s="795"/>
      <c r="BK29" s="795"/>
      <c r="BL29" s="795"/>
      <c r="BM29" s="795"/>
      <c r="BN29" s="795"/>
      <c r="BO29" s="795"/>
      <c r="BP29" s="796"/>
      <c r="BQ29" s="53"/>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305"/>
      <c r="B30" s="306"/>
      <c r="C30" s="306"/>
      <c r="D30" s="306"/>
      <c r="E30" s="306"/>
      <c r="F30" s="306"/>
      <c r="G30" s="306"/>
      <c r="H30" s="306"/>
      <c r="I30" s="306"/>
      <c r="J30" s="306"/>
      <c r="K30" s="306"/>
      <c r="L30" s="306"/>
      <c r="M30" s="306"/>
      <c r="N30" s="306"/>
      <c r="O30" s="306"/>
      <c r="P30" s="306"/>
      <c r="Q30" s="306"/>
      <c r="R30" s="306"/>
      <c r="S30" s="306"/>
      <c r="T30" s="306"/>
      <c r="U30" s="306"/>
      <c r="V30" s="306"/>
      <c r="W30" s="306"/>
      <c r="X30" s="306"/>
      <c r="Y30" s="306"/>
      <c r="Z30" s="306"/>
      <c r="AA30" s="306"/>
      <c r="AB30" s="306"/>
      <c r="AC30" s="306"/>
      <c r="AD30" s="306"/>
      <c r="AE30" s="306"/>
      <c r="AF30" s="306"/>
      <c r="AG30" s="306"/>
      <c r="AH30" s="306"/>
      <c r="AI30" s="306"/>
      <c r="AJ30" s="306"/>
      <c r="AK30" s="306"/>
      <c r="AL30" s="307"/>
      <c r="AM30" s="93"/>
      <c r="AN30" s="797"/>
      <c r="AO30" s="399"/>
      <c r="AP30" s="399"/>
      <c r="AQ30" s="399"/>
      <c r="AR30" s="399"/>
      <c r="AS30" s="399"/>
      <c r="AT30" s="399"/>
      <c r="AU30" s="399"/>
      <c r="AV30" s="399"/>
      <c r="AW30" s="399"/>
      <c r="AX30" s="399"/>
      <c r="AY30" s="399"/>
      <c r="AZ30" s="399"/>
      <c r="BA30" s="399"/>
      <c r="BB30" s="399"/>
      <c r="BC30" s="399"/>
      <c r="BD30" s="399"/>
      <c r="BE30" s="399"/>
      <c r="BF30" s="399"/>
      <c r="BG30" s="399"/>
      <c r="BH30" s="399"/>
      <c r="BI30" s="399"/>
      <c r="BJ30" s="399"/>
      <c r="BK30" s="399"/>
      <c r="BL30" s="399"/>
      <c r="BM30" s="399"/>
      <c r="BN30" s="399"/>
      <c r="BO30" s="399"/>
      <c r="BP30" s="798"/>
      <c r="BQ30" s="72"/>
      <c r="BR30" s="136" t="s">
        <v>262</v>
      </c>
      <c r="BS30" s="145"/>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305"/>
      <c r="B31" s="306"/>
      <c r="C31" s="306"/>
      <c r="D31" s="306"/>
      <c r="E31" s="306"/>
      <c r="F31" s="306"/>
      <c r="G31" s="306"/>
      <c r="H31" s="306"/>
      <c r="I31" s="306"/>
      <c r="J31" s="306"/>
      <c r="K31" s="306"/>
      <c r="L31" s="306"/>
      <c r="M31" s="306"/>
      <c r="N31" s="306"/>
      <c r="O31" s="306"/>
      <c r="P31" s="306"/>
      <c r="Q31" s="306"/>
      <c r="R31" s="306"/>
      <c r="S31" s="306"/>
      <c r="T31" s="306"/>
      <c r="U31" s="306"/>
      <c r="V31" s="306"/>
      <c r="W31" s="306"/>
      <c r="X31" s="306"/>
      <c r="Y31" s="306"/>
      <c r="Z31" s="306"/>
      <c r="AA31" s="306"/>
      <c r="AB31" s="306"/>
      <c r="AC31" s="306"/>
      <c r="AD31" s="306"/>
      <c r="AE31" s="306"/>
      <c r="AF31" s="306"/>
      <c r="AG31" s="306"/>
      <c r="AH31" s="306"/>
      <c r="AI31" s="306"/>
      <c r="AJ31" s="306"/>
      <c r="AK31" s="306"/>
      <c r="AL31" s="307"/>
      <c r="AM31" s="93"/>
      <c r="AN31" s="797"/>
      <c r="AO31" s="399"/>
      <c r="AP31" s="399"/>
      <c r="AQ31" s="399"/>
      <c r="AR31" s="399"/>
      <c r="AS31" s="399"/>
      <c r="AT31" s="399"/>
      <c r="AU31" s="399"/>
      <c r="AV31" s="399"/>
      <c r="AW31" s="399"/>
      <c r="AX31" s="399"/>
      <c r="AY31" s="399"/>
      <c r="AZ31" s="399"/>
      <c r="BA31" s="399"/>
      <c r="BB31" s="399"/>
      <c r="BC31" s="399"/>
      <c r="BD31" s="399"/>
      <c r="BE31" s="399"/>
      <c r="BF31" s="399"/>
      <c r="BG31" s="399"/>
      <c r="BH31" s="399"/>
      <c r="BI31" s="399"/>
      <c r="BJ31" s="399"/>
      <c r="BK31" s="399"/>
      <c r="BL31" s="399"/>
      <c r="BM31" s="399"/>
      <c r="BN31" s="399"/>
      <c r="BO31" s="399"/>
      <c r="BP31" s="798"/>
      <c r="BQ31" s="54"/>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305"/>
      <c r="B32" s="306"/>
      <c r="C32" s="306"/>
      <c r="D32" s="306"/>
      <c r="E32" s="306"/>
      <c r="F32" s="306"/>
      <c r="G32" s="306"/>
      <c r="H32" s="306"/>
      <c r="I32" s="306"/>
      <c r="J32" s="306"/>
      <c r="K32" s="306"/>
      <c r="L32" s="306"/>
      <c r="M32" s="306"/>
      <c r="N32" s="306"/>
      <c r="O32" s="306"/>
      <c r="P32" s="306"/>
      <c r="Q32" s="306"/>
      <c r="R32" s="306"/>
      <c r="S32" s="306"/>
      <c r="T32" s="306"/>
      <c r="U32" s="306"/>
      <c r="V32" s="306"/>
      <c r="W32" s="306"/>
      <c r="X32" s="306"/>
      <c r="Y32" s="306"/>
      <c r="Z32" s="306"/>
      <c r="AA32" s="306"/>
      <c r="AB32" s="306"/>
      <c r="AC32" s="306"/>
      <c r="AD32" s="306"/>
      <c r="AE32" s="306"/>
      <c r="AF32" s="306"/>
      <c r="AG32" s="306"/>
      <c r="AH32" s="306"/>
      <c r="AI32" s="306"/>
      <c r="AJ32" s="306"/>
      <c r="AK32" s="306"/>
      <c r="AL32" s="307"/>
      <c r="AM32" s="93"/>
      <c r="AN32" s="797"/>
      <c r="AO32" s="399"/>
      <c r="AP32" s="399"/>
      <c r="AQ32" s="399"/>
      <c r="AR32" s="399"/>
      <c r="AS32" s="399"/>
      <c r="AT32" s="399"/>
      <c r="AU32" s="399"/>
      <c r="AV32" s="399"/>
      <c r="AW32" s="399"/>
      <c r="AX32" s="399"/>
      <c r="AY32" s="399"/>
      <c r="AZ32" s="399"/>
      <c r="BA32" s="399"/>
      <c r="BB32" s="399"/>
      <c r="BC32" s="399"/>
      <c r="BD32" s="399"/>
      <c r="BE32" s="399"/>
      <c r="BF32" s="399"/>
      <c r="BG32" s="399"/>
      <c r="BH32" s="399"/>
      <c r="BI32" s="399"/>
      <c r="BJ32" s="399"/>
      <c r="BK32" s="399"/>
      <c r="BL32" s="399"/>
      <c r="BM32" s="399"/>
      <c r="BN32" s="399"/>
      <c r="BO32" s="399"/>
      <c r="BP32" s="798"/>
      <c r="BQ32" s="53"/>
      <c r="BR32" s="295"/>
      <c r="BS32" s="296"/>
      <c r="BT32" s="296"/>
      <c r="BU32" s="296"/>
      <c r="BV32" s="296"/>
      <c r="BW32" s="296"/>
      <c r="BX32" s="297"/>
      <c r="BY32" s="295"/>
      <c r="BZ32" s="296"/>
      <c r="CA32" s="296"/>
      <c r="CB32" s="296"/>
      <c r="CC32" s="296"/>
      <c r="CD32" s="296"/>
      <c r="CE32" s="296"/>
      <c r="CF32" s="296"/>
      <c r="CG32" s="297"/>
      <c r="CH32" s="295"/>
      <c r="CI32" s="296"/>
      <c r="CJ32" s="296"/>
      <c r="CK32" s="296"/>
      <c r="CL32" s="296"/>
      <c r="CM32" s="297"/>
      <c r="CQ32" s="3" ph="1"/>
      <c r="CR32" s="3" ph="1"/>
      <c r="CS32" s="3" ph="1"/>
      <c r="CT32" s="3" ph="1"/>
      <c r="CU32" s="3" ph="1"/>
      <c r="CV32" s="3" ph="1"/>
    </row>
    <row r="33" spans="1:100" ht="17.25" customHeight="1" x14ac:dyDescent="0.15">
      <c r="A33" s="305"/>
      <c r="B33" s="306"/>
      <c r="C33" s="306"/>
      <c r="D33" s="306"/>
      <c r="E33" s="306"/>
      <c r="F33" s="306"/>
      <c r="G33" s="306"/>
      <c r="H33" s="306"/>
      <c r="I33" s="306"/>
      <c r="J33" s="306"/>
      <c r="K33" s="306"/>
      <c r="L33" s="306"/>
      <c r="M33" s="306"/>
      <c r="N33" s="306"/>
      <c r="O33" s="306"/>
      <c r="P33" s="306"/>
      <c r="Q33" s="306"/>
      <c r="R33" s="306"/>
      <c r="S33" s="306"/>
      <c r="T33" s="306"/>
      <c r="U33" s="306"/>
      <c r="V33" s="306"/>
      <c r="W33" s="306"/>
      <c r="X33" s="306"/>
      <c r="Y33" s="306"/>
      <c r="Z33" s="306"/>
      <c r="AA33" s="306"/>
      <c r="AB33" s="306"/>
      <c r="AC33" s="306"/>
      <c r="AD33" s="306"/>
      <c r="AE33" s="306"/>
      <c r="AF33" s="306"/>
      <c r="AG33" s="306"/>
      <c r="AH33" s="306"/>
      <c r="AI33" s="306"/>
      <c r="AJ33" s="306"/>
      <c r="AK33" s="306"/>
      <c r="AL33" s="307"/>
      <c r="AM33" s="93"/>
      <c r="AN33" s="799"/>
      <c r="AO33" s="800"/>
      <c r="AP33" s="800"/>
      <c r="AQ33" s="800"/>
      <c r="AR33" s="800"/>
      <c r="AS33" s="800"/>
      <c r="AT33" s="800"/>
      <c r="AU33" s="800"/>
      <c r="AV33" s="800"/>
      <c r="AW33" s="800"/>
      <c r="AX33" s="800"/>
      <c r="AY33" s="800"/>
      <c r="AZ33" s="800"/>
      <c r="BA33" s="800"/>
      <c r="BB33" s="800"/>
      <c r="BC33" s="800"/>
      <c r="BD33" s="800"/>
      <c r="BE33" s="800"/>
      <c r="BF33" s="800"/>
      <c r="BG33" s="800"/>
      <c r="BH33" s="800"/>
      <c r="BI33" s="800"/>
      <c r="BJ33" s="800"/>
      <c r="BK33" s="800"/>
      <c r="BL33" s="800"/>
      <c r="BM33" s="800"/>
      <c r="BN33" s="800"/>
      <c r="BO33" s="800"/>
      <c r="BP33" s="801"/>
      <c r="BQ33" s="72"/>
      <c r="BR33" s="292" t="s">
        <v>267</v>
      </c>
      <c r="BS33" s="293"/>
      <c r="BT33" s="293"/>
      <c r="BU33" s="293"/>
      <c r="BV33" s="293"/>
      <c r="BW33" s="293"/>
      <c r="BX33" s="294"/>
      <c r="BY33" s="284">
        <v>1552</v>
      </c>
      <c r="BZ33" s="285"/>
      <c r="CA33" s="285"/>
      <c r="CB33" s="285"/>
      <c r="CC33" s="285"/>
      <c r="CD33" s="285"/>
      <c r="CE33" s="285"/>
      <c r="CF33" s="285"/>
      <c r="CG33" s="288"/>
      <c r="CH33" s="286">
        <v>0.92932000000000003</v>
      </c>
      <c r="CI33" s="286"/>
      <c r="CJ33" s="286"/>
      <c r="CK33" s="286"/>
      <c r="CL33" s="286"/>
      <c r="CM33" s="286"/>
      <c r="CQ33" s="3" ph="1"/>
      <c r="CR33" s="3" ph="1"/>
      <c r="CS33" s="3" ph="1"/>
      <c r="CT33" s="3" ph="1"/>
      <c r="CU33" s="3" ph="1"/>
      <c r="CV33" s="3" ph="1"/>
    </row>
    <row r="34" spans="1:100" ht="17.25" customHeight="1" x14ac:dyDescent="0.15">
      <c r="A34" s="305"/>
      <c r="B34" s="306"/>
      <c r="C34" s="306"/>
      <c r="D34" s="306"/>
      <c r="E34" s="306"/>
      <c r="F34" s="306"/>
      <c r="G34" s="306"/>
      <c r="H34" s="306"/>
      <c r="I34" s="306"/>
      <c r="J34" s="306"/>
      <c r="K34" s="306"/>
      <c r="L34" s="306"/>
      <c r="M34" s="306"/>
      <c r="N34" s="306"/>
      <c r="O34" s="306"/>
      <c r="P34" s="306"/>
      <c r="Q34" s="306"/>
      <c r="R34" s="306"/>
      <c r="S34" s="306"/>
      <c r="T34" s="306"/>
      <c r="U34" s="306"/>
      <c r="V34" s="306"/>
      <c r="W34" s="306"/>
      <c r="X34" s="306"/>
      <c r="Y34" s="306"/>
      <c r="Z34" s="306"/>
      <c r="AA34" s="306"/>
      <c r="AB34" s="306"/>
      <c r="AC34" s="306"/>
      <c r="AD34" s="306"/>
      <c r="AE34" s="306"/>
      <c r="AF34" s="306"/>
      <c r="AG34" s="306"/>
      <c r="AH34" s="306"/>
      <c r="AI34" s="306"/>
      <c r="AJ34" s="306"/>
      <c r="AK34" s="306"/>
      <c r="AL34" s="307"/>
      <c r="AM34" s="93"/>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08"/>
      <c r="B35" s="309"/>
      <c r="C35" s="309"/>
      <c r="D35" s="309"/>
      <c r="E35" s="309"/>
      <c r="F35" s="309"/>
      <c r="G35" s="309"/>
      <c r="H35" s="309"/>
      <c r="I35" s="309"/>
      <c r="J35" s="309"/>
      <c r="K35" s="309"/>
      <c r="L35" s="309"/>
      <c r="M35" s="309"/>
      <c r="N35" s="309"/>
      <c r="O35" s="309"/>
      <c r="P35" s="309"/>
      <c r="Q35" s="309"/>
      <c r="R35" s="309"/>
      <c r="S35" s="309"/>
      <c r="T35" s="309"/>
      <c r="U35" s="309"/>
      <c r="V35" s="309"/>
      <c r="W35" s="309"/>
      <c r="X35" s="309"/>
      <c r="Y35" s="309"/>
      <c r="Z35" s="309"/>
      <c r="AA35" s="309"/>
      <c r="AB35" s="309"/>
      <c r="AC35" s="309"/>
      <c r="AD35" s="309"/>
      <c r="AE35" s="309"/>
      <c r="AF35" s="309"/>
      <c r="AG35" s="309"/>
      <c r="AH35" s="309"/>
      <c r="AI35" s="309"/>
      <c r="AJ35" s="309"/>
      <c r="AK35" s="309"/>
      <c r="AL35" s="310"/>
      <c r="AM35" s="93"/>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28631</v>
      </c>
      <c r="BZ35" s="681"/>
      <c r="CA35" s="682"/>
      <c r="CB35" s="682"/>
      <c r="CC35" s="682"/>
      <c r="CD35" s="682"/>
      <c r="CE35" s="682"/>
      <c r="CF35" s="682"/>
      <c r="CG35" s="682"/>
      <c r="CH35" s="788">
        <v>17.143899999999999</v>
      </c>
      <c r="CI35" s="789"/>
      <c r="CJ35" s="789"/>
      <c r="CK35" s="789"/>
      <c r="CL35" s="789"/>
      <c r="CM35" s="790"/>
      <c r="CQ35" s="3" ph="1"/>
    </row>
    <row r="36" spans="1:100" ht="17.25" customHeight="1" x14ac:dyDescent="0.15">
      <c r="A36" s="255" t="s">
        <v>274</v>
      </c>
      <c r="B36" s="255"/>
      <c r="C36" s="255"/>
      <c r="D36" s="255"/>
      <c r="E36" s="255"/>
      <c r="F36" s="255"/>
      <c r="G36" s="255"/>
      <c r="H36" s="255"/>
      <c r="I36" s="255"/>
      <c r="J36" s="255"/>
      <c r="K36" s="255"/>
      <c r="L36" s="255"/>
      <c r="M36" s="255"/>
      <c r="N36" s="145"/>
      <c r="O36" s="255" t="s">
        <v>275</v>
      </c>
      <c r="P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93"/>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791"/>
      <c r="CI36" s="792"/>
      <c r="CJ36" s="792"/>
      <c r="CK36" s="792"/>
      <c r="CL36" s="792"/>
      <c r="CM36" s="793"/>
      <c r="CQ36" s="3" ph="1"/>
    </row>
    <row r="37" spans="1:100" ht="17.25" customHeight="1" x14ac:dyDescent="0.15">
      <c r="A37" s="785" t="s">
        <v>316</v>
      </c>
      <c r="B37" s="786"/>
      <c r="C37" s="786"/>
      <c r="D37" s="786"/>
      <c r="E37" s="786"/>
      <c r="F37" s="786"/>
      <c r="G37" s="786"/>
      <c r="H37" s="786"/>
      <c r="I37" s="786"/>
      <c r="J37" s="786"/>
      <c r="K37" s="786"/>
      <c r="L37" s="786"/>
      <c r="M37" s="787"/>
      <c r="N37" s="144"/>
      <c r="O37" s="785" t="s">
        <v>228</v>
      </c>
      <c r="P37" s="786"/>
      <c r="Q37" s="786"/>
      <c r="R37" s="786"/>
      <c r="S37" s="786"/>
      <c r="T37" s="786"/>
      <c r="U37" s="786"/>
      <c r="V37" s="786"/>
      <c r="W37" s="786"/>
      <c r="X37" s="786"/>
      <c r="Y37" s="786"/>
      <c r="Z37" s="786"/>
      <c r="AA37" s="786"/>
      <c r="AB37" s="786"/>
      <c r="AC37" s="786"/>
      <c r="AD37" s="786"/>
      <c r="AE37" s="786"/>
      <c r="AF37" s="786"/>
      <c r="AG37" s="786"/>
      <c r="AH37" s="786"/>
      <c r="AI37" s="786"/>
      <c r="AJ37" s="786"/>
      <c r="AK37" s="786"/>
      <c r="AL37" s="787"/>
      <c r="AM37" s="93"/>
      <c r="AN37" s="287" t="s">
        <v>399</v>
      </c>
      <c r="AO37" s="287"/>
      <c r="AP37" s="287"/>
      <c r="AQ37" s="287"/>
      <c r="AR37" s="287"/>
      <c r="AS37" s="287"/>
      <c r="AT37" s="287"/>
      <c r="AU37" s="287"/>
      <c r="AV37" s="287"/>
      <c r="AW37" s="681">
        <v>406586</v>
      </c>
      <c r="AX37" s="681"/>
      <c r="AY37" s="681"/>
      <c r="AZ37" s="681"/>
      <c r="BA37" s="681"/>
      <c r="BB37" s="681"/>
      <c r="BC37" s="681"/>
      <c r="BD37" s="681"/>
      <c r="BE37" s="681"/>
      <c r="BF37" s="681"/>
      <c r="BG37" s="681">
        <v>165746</v>
      </c>
      <c r="BH37" s="681"/>
      <c r="BI37" s="681"/>
      <c r="BJ37" s="681"/>
      <c r="BK37" s="681"/>
      <c r="BL37" s="681"/>
      <c r="BM37" s="681"/>
      <c r="BN37" s="681"/>
      <c r="BO37" s="681"/>
      <c r="BP37" s="681"/>
      <c r="BQ37" s="149"/>
      <c r="BR37" s="680" t="s">
        <v>273</v>
      </c>
      <c r="BS37" s="680"/>
      <c r="BT37" s="680"/>
      <c r="BU37" s="680"/>
      <c r="BV37" s="680"/>
      <c r="BW37" s="680"/>
      <c r="BX37" s="680"/>
      <c r="BY37" s="681">
        <v>136821</v>
      </c>
      <c r="BZ37" s="681"/>
      <c r="CA37" s="682"/>
      <c r="CB37" s="682"/>
      <c r="CC37" s="682"/>
      <c r="CD37" s="682"/>
      <c r="CE37" s="682"/>
      <c r="CF37" s="682"/>
      <c r="CG37" s="682"/>
      <c r="CH37" s="683">
        <v>81.926779999999994</v>
      </c>
      <c r="CI37" s="683"/>
      <c r="CJ37" s="683"/>
      <c r="CK37" s="683"/>
      <c r="CL37" s="683"/>
      <c r="CM37" s="683"/>
      <c r="CQ37" s="3" ph="1"/>
    </row>
    <row r="38" spans="1:100" ht="17.25" customHeight="1" x14ac:dyDescent="0.15">
      <c r="A38" s="779">
        <v>25629</v>
      </c>
      <c r="B38" s="780"/>
      <c r="C38" s="780"/>
      <c r="D38" s="780"/>
      <c r="E38" s="780"/>
      <c r="F38" s="780"/>
      <c r="G38" s="780"/>
      <c r="H38" s="780"/>
      <c r="I38" s="780"/>
      <c r="J38" s="780"/>
      <c r="K38" s="780"/>
      <c r="L38" s="780"/>
      <c r="M38" s="781"/>
      <c r="N38" s="143"/>
      <c r="O38" s="761" t="s">
        <v>230</v>
      </c>
      <c r="P38" s="774"/>
      <c r="Q38" s="774"/>
      <c r="R38" s="774"/>
      <c r="S38" s="774"/>
      <c r="T38" s="774"/>
      <c r="U38" s="774"/>
      <c r="V38" s="774"/>
      <c r="W38" s="774"/>
      <c r="X38" s="774"/>
      <c r="Y38" s="774"/>
      <c r="Z38" s="774"/>
      <c r="AA38" s="774"/>
      <c r="AB38" s="774"/>
      <c r="AC38" s="774"/>
      <c r="AD38" s="774"/>
      <c r="AE38" s="774"/>
      <c r="AF38" s="774"/>
      <c r="AG38" s="774"/>
      <c r="AH38" s="774"/>
      <c r="AI38" s="774"/>
      <c r="AJ38" s="774"/>
      <c r="AK38" s="774"/>
      <c r="AL38" s="775"/>
      <c r="AM38" s="93"/>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779" t="s">
        <v>340</v>
      </c>
      <c r="B39" s="780"/>
      <c r="C39" s="780"/>
      <c r="D39" s="780"/>
      <c r="E39" s="780"/>
      <c r="F39" s="780"/>
      <c r="G39" s="780"/>
      <c r="H39" s="780"/>
      <c r="I39" s="780"/>
      <c r="J39" s="780"/>
      <c r="K39" s="780"/>
      <c r="L39" s="780"/>
      <c r="M39" s="781"/>
      <c r="N39" s="143"/>
      <c r="O39" s="782" t="s">
        <v>425</v>
      </c>
      <c r="P39" s="783"/>
      <c r="Q39" s="783"/>
      <c r="R39" s="783"/>
      <c r="S39" s="783"/>
      <c r="T39" s="783"/>
      <c r="U39" s="783"/>
      <c r="V39" s="783"/>
      <c r="W39" s="783"/>
      <c r="X39" s="783"/>
      <c r="Y39" s="783"/>
      <c r="Z39" s="783"/>
      <c r="AA39" s="783"/>
      <c r="AB39" s="783"/>
      <c r="AC39" s="783"/>
      <c r="AD39" s="783"/>
      <c r="AE39" s="783"/>
      <c r="AF39" s="783"/>
      <c r="AG39" s="783"/>
      <c r="AH39" s="783"/>
      <c r="AI39" s="783"/>
      <c r="AJ39" s="783"/>
      <c r="AK39" s="783"/>
      <c r="AL39" s="784"/>
      <c r="AM39" s="93"/>
      <c r="AN39" s="300" t="s">
        <v>1059</v>
      </c>
      <c r="AO39" s="300"/>
      <c r="AP39" s="300"/>
      <c r="AQ39" s="300"/>
      <c r="AR39" s="300"/>
      <c r="AS39" s="300"/>
      <c r="AT39" s="300"/>
      <c r="AU39" s="300"/>
      <c r="AV39" s="300"/>
      <c r="AW39" s="681">
        <v>388078</v>
      </c>
      <c r="AX39" s="681"/>
      <c r="AY39" s="681"/>
      <c r="AZ39" s="682"/>
      <c r="BA39" s="682"/>
      <c r="BB39" s="682"/>
      <c r="BC39" s="682"/>
      <c r="BD39" s="682"/>
      <c r="BE39" s="682"/>
      <c r="BF39" s="682"/>
      <c r="BG39" s="681">
        <v>165473</v>
      </c>
      <c r="BH39" s="681"/>
      <c r="BI39" s="681"/>
      <c r="BJ39" s="681"/>
      <c r="BK39" s="681"/>
      <c r="BL39" s="681"/>
      <c r="BM39" s="681"/>
      <c r="BN39" s="681"/>
      <c r="BO39" s="681"/>
      <c r="BP39" s="681"/>
      <c r="BQ39" s="149"/>
      <c r="BR39" s="301" t="s">
        <v>1119</v>
      </c>
      <c r="BS39" s="293"/>
      <c r="BT39" s="293"/>
      <c r="BU39" s="293"/>
      <c r="BV39" s="293"/>
      <c r="BW39" s="293"/>
      <c r="BX39" s="294"/>
      <c r="BY39" s="681">
        <v>172129</v>
      </c>
      <c r="BZ39" s="681"/>
      <c r="CA39" s="682"/>
      <c r="CB39" s="682"/>
      <c r="CC39" s="682"/>
      <c r="CD39" s="682"/>
      <c r="CE39" s="682"/>
      <c r="CF39" s="682"/>
      <c r="CG39" s="682"/>
      <c r="CH39" s="683">
        <v>100</v>
      </c>
      <c r="CI39" s="683"/>
      <c r="CJ39" s="683"/>
      <c r="CK39" s="683"/>
      <c r="CL39" s="683"/>
      <c r="CM39" s="683"/>
    </row>
    <row r="40" spans="1:100" ht="17.25" customHeight="1" x14ac:dyDescent="0.15">
      <c r="A40" s="779">
        <v>28549</v>
      </c>
      <c r="B40" s="780"/>
      <c r="C40" s="780"/>
      <c r="D40" s="780"/>
      <c r="E40" s="780"/>
      <c r="F40" s="780"/>
      <c r="G40" s="780"/>
      <c r="H40" s="780"/>
      <c r="I40" s="780"/>
      <c r="J40" s="780"/>
      <c r="K40" s="780"/>
      <c r="L40" s="780"/>
      <c r="M40" s="781"/>
      <c r="N40" s="143"/>
      <c r="O40" s="761" t="s">
        <v>1559</v>
      </c>
      <c r="P40" s="762"/>
      <c r="Q40" s="762"/>
      <c r="R40" s="762"/>
      <c r="S40" s="762"/>
      <c r="T40" s="762"/>
      <c r="U40" s="762"/>
      <c r="V40" s="762"/>
      <c r="W40" s="762"/>
      <c r="X40" s="762"/>
      <c r="Y40" s="762"/>
      <c r="Z40" s="762"/>
      <c r="AA40" s="762"/>
      <c r="AB40" s="762"/>
      <c r="AC40" s="762"/>
      <c r="AD40" s="762"/>
      <c r="AE40" s="762"/>
      <c r="AF40" s="762"/>
      <c r="AG40" s="762"/>
      <c r="AH40" s="762"/>
      <c r="AI40" s="762"/>
      <c r="AJ40" s="762"/>
      <c r="AK40" s="762"/>
      <c r="AL40" s="763"/>
      <c r="AM40" s="93"/>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761" t="s">
        <v>341</v>
      </c>
      <c r="B41" s="774"/>
      <c r="C41" s="774"/>
      <c r="D41" s="774"/>
      <c r="E41" s="774"/>
      <c r="F41" s="774"/>
      <c r="G41" s="774"/>
      <c r="H41" s="774"/>
      <c r="I41" s="774"/>
      <c r="J41" s="774"/>
      <c r="K41" s="774"/>
      <c r="L41" s="774"/>
      <c r="M41" s="775"/>
      <c r="N41" s="144"/>
      <c r="O41" s="771" t="s">
        <v>1550</v>
      </c>
      <c r="P41" s="772"/>
      <c r="Q41" s="772"/>
      <c r="R41" s="772"/>
      <c r="S41" s="772"/>
      <c r="T41" s="772"/>
      <c r="U41" s="772"/>
      <c r="V41" s="772"/>
      <c r="W41" s="772"/>
      <c r="X41" s="772"/>
      <c r="Y41" s="772"/>
      <c r="Z41" s="772"/>
      <c r="AA41" s="772"/>
      <c r="AB41" s="772"/>
      <c r="AC41" s="772"/>
      <c r="AD41" s="772"/>
      <c r="AE41" s="772"/>
      <c r="AF41" s="772"/>
      <c r="AG41" s="772"/>
      <c r="AH41" s="772"/>
      <c r="AI41" s="772"/>
      <c r="AJ41" s="772"/>
      <c r="AK41" s="772"/>
      <c r="AL41" s="773"/>
      <c r="AM41" s="93"/>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768">
        <v>32651</v>
      </c>
      <c r="B42" s="769"/>
      <c r="C42" s="769"/>
      <c r="D42" s="769"/>
      <c r="E42" s="769"/>
      <c r="F42" s="769"/>
      <c r="G42" s="769"/>
      <c r="H42" s="769"/>
      <c r="I42" s="769"/>
      <c r="J42" s="769"/>
      <c r="K42" s="769"/>
      <c r="L42" s="769"/>
      <c r="M42" s="770"/>
      <c r="N42" s="184"/>
      <c r="O42" s="771" t="s">
        <v>1551</v>
      </c>
      <c r="P42" s="772"/>
      <c r="Q42" s="772"/>
      <c r="R42" s="772"/>
      <c r="S42" s="772"/>
      <c r="T42" s="772"/>
      <c r="U42" s="772"/>
      <c r="V42" s="772"/>
      <c r="W42" s="772"/>
      <c r="X42" s="772"/>
      <c r="Y42" s="772"/>
      <c r="Z42" s="772"/>
      <c r="AA42" s="772"/>
      <c r="AB42" s="772"/>
      <c r="AC42" s="772"/>
      <c r="AD42" s="772"/>
      <c r="AE42" s="772"/>
      <c r="AF42" s="772"/>
      <c r="AG42" s="772"/>
      <c r="AH42" s="772"/>
      <c r="AI42" s="772"/>
      <c r="AJ42" s="772"/>
      <c r="AK42" s="772"/>
      <c r="AL42" s="773"/>
      <c r="AM42" s="93"/>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761" t="s">
        <v>342</v>
      </c>
      <c r="B43" s="774"/>
      <c r="C43" s="774"/>
      <c r="D43" s="774"/>
      <c r="E43" s="774"/>
      <c r="F43" s="774"/>
      <c r="G43" s="774"/>
      <c r="H43" s="774"/>
      <c r="I43" s="774"/>
      <c r="J43" s="774"/>
      <c r="K43" s="774"/>
      <c r="L43" s="774"/>
      <c r="M43" s="775"/>
      <c r="N43" s="144"/>
      <c r="O43" s="761"/>
      <c r="P43" s="762"/>
      <c r="Q43" s="762"/>
      <c r="R43" s="762"/>
      <c r="S43" s="762"/>
      <c r="T43" s="762"/>
      <c r="U43" s="762"/>
      <c r="V43" s="762"/>
      <c r="W43" s="762"/>
      <c r="X43" s="762"/>
      <c r="Y43" s="762"/>
      <c r="Z43" s="762"/>
      <c r="AA43" s="762"/>
      <c r="AB43" s="762"/>
      <c r="AC43" s="762"/>
      <c r="AD43" s="762"/>
      <c r="AE43" s="762"/>
      <c r="AF43" s="762"/>
      <c r="AG43" s="762"/>
      <c r="AH43" s="762"/>
      <c r="AI43" s="762"/>
      <c r="AJ43" s="762"/>
      <c r="AK43" s="762"/>
      <c r="AL43" s="763"/>
      <c r="AM43" s="93"/>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779">
        <v>34124</v>
      </c>
      <c r="B44" s="780"/>
      <c r="C44" s="780"/>
      <c r="D44" s="780"/>
      <c r="E44" s="780"/>
      <c r="F44" s="780"/>
      <c r="G44" s="780"/>
      <c r="H44" s="780"/>
      <c r="I44" s="780"/>
      <c r="J44" s="780"/>
      <c r="K44" s="780"/>
      <c r="L44" s="780"/>
      <c r="M44" s="781"/>
      <c r="N44" s="107"/>
      <c r="O44" s="776"/>
      <c r="P44" s="777"/>
      <c r="Q44" s="777"/>
      <c r="R44" s="777"/>
      <c r="S44" s="777"/>
      <c r="T44" s="777"/>
      <c r="U44" s="777"/>
      <c r="V44" s="777"/>
      <c r="W44" s="777"/>
      <c r="X44" s="777"/>
      <c r="Y44" s="777"/>
      <c r="Z44" s="777"/>
      <c r="AA44" s="777"/>
      <c r="AB44" s="777"/>
      <c r="AC44" s="777"/>
      <c r="AD44" s="777"/>
      <c r="AE44" s="777"/>
      <c r="AF44" s="777"/>
      <c r="AG44" s="777"/>
      <c r="AH44" s="777"/>
      <c r="AI44" s="777"/>
      <c r="AJ44" s="777"/>
      <c r="AK44" s="777"/>
      <c r="AL44" s="778"/>
      <c r="AM44" s="93"/>
      <c r="AN44" s="764">
        <v>3849.2</v>
      </c>
      <c r="AO44" s="765"/>
      <c r="AP44" s="765"/>
      <c r="AQ44" s="765"/>
      <c r="AR44" s="765"/>
      <c r="AS44" s="727" t="s">
        <v>383</v>
      </c>
      <c r="AT44" s="727"/>
      <c r="AU44" s="727"/>
      <c r="AV44" s="728"/>
      <c r="AW44" s="729">
        <v>32.200000000000003</v>
      </c>
      <c r="AX44" s="730"/>
      <c r="AY44" s="730"/>
      <c r="AZ44" s="730"/>
      <c r="BA44" s="730"/>
      <c r="BB44" s="730"/>
      <c r="BC44" s="706" t="s">
        <v>384</v>
      </c>
      <c r="BD44" s="706"/>
      <c r="BE44" s="706"/>
      <c r="BF44" s="707"/>
      <c r="BG44" s="710">
        <v>92.2</v>
      </c>
      <c r="BH44" s="711"/>
      <c r="BI44" s="711"/>
      <c r="BJ44" s="711"/>
      <c r="BK44" s="711"/>
      <c r="BL44" s="711"/>
      <c r="BM44" s="706" t="s">
        <v>384</v>
      </c>
      <c r="BN44" s="706"/>
      <c r="BO44" s="706"/>
      <c r="BP44" s="707"/>
      <c r="BQ44" s="130"/>
      <c r="BR44" s="714">
        <v>100.8</v>
      </c>
      <c r="BS44" s="715"/>
      <c r="BT44" s="715"/>
      <c r="BU44" s="715"/>
      <c r="BV44" s="715"/>
      <c r="BW44" s="715"/>
      <c r="BX44" s="715"/>
      <c r="BY44" s="696" t="s">
        <v>385</v>
      </c>
      <c r="BZ44" s="696"/>
      <c r="CA44" s="696"/>
      <c r="CB44" s="697"/>
      <c r="CC44" s="718">
        <v>6627</v>
      </c>
      <c r="CD44" s="719"/>
      <c r="CE44" s="719"/>
      <c r="CF44" s="719"/>
      <c r="CG44" s="719"/>
      <c r="CH44" s="719"/>
      <c r="CI44" s="719"/>
      <c r="CJ44" s="696" t="s">
        <v>386</v>
      </c>
      <c r="CK44" s="696"/>
      <c r="CL44" s="696"/>
      <c r="CM44" s="697"/>
    </row>
    <row r="45" spans="1:100" ht="17.25" customHeight="1" x14ac:dyDescent="0.15">
      <c r="A45" s="761" t="s">
        <v>343</v>
      </c>
      <c r="B45" s="774"/>
      <c r="C45" s="774"/>
      <c r="D45" s="774"/>
      <c r="E45" s="774"/>
      <c r="F45" s="774"/>
      <c r="G45" s="774"/>
      <c r="H45" s="774"/>
      <c r="I45" s="774"/>
      <c r="J45" s="774"/>
      <c r="K45" s="774"/>
      <c r="L45" s="774"/>
      <c r="M45" s="775"/>
      <c r="N45" s="177"/>
      <c r="O45" s="776"/>
      <c r="P45" s="777"/>
      <c r="Q45" s="777"/>
      <c r="R45" s="777"/>
      <c r="S45" s="777"/>
      <c r="T45" s="777"/>
      <c r="U45" s="777"/>
      <c r="V45" s="777"/>
      <c r="W45" s="777"/>
      <c r="X45" s="777"/>
      <c r="Y45" s="777"/>
      <c r="Z45" s="777"/>
      <c r="AA45" s="777"/>
      <c r="AB45" s="777"/>
      <c r="AC45" s="777"/>
      <c r="AD45" s="777"/>
      <c r="AE45" s="777"/>
      <c r="AF45" s="777"/>
      <c r="AG45" s="777"/>
      <c r="AH45" s="777"/>
      <c r="AI45" s="777"/>
      <c r="AJ45" s="777"/>
      <c r="AK45" s="777"/>
      <c r="AL45" s="778"/>
      <c r="AM45" s="93"/>
      <c r="AN45" s="766"/>
      <c r="AO45" s="767"/>
      <c r="AP45" s="767"/>
      <c r="AQ45" s="767"/>
      <c r="AR45" s="767"/>
      <c r="AS45" s="282"/>
      <c r="AT45" s="282"/>
      <c r="AU45" s="282"/>
      <c r="AV45" s="283"/>
      <c r="AW45" s="731"/>
      <c r="AX45" s="732"/>
      <c r="AY45" s="732"/>
      <c r="AZ45" s="732"/>
      <c r="BA45" s="732"/>
      <c r="BB45" s="732"/>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v>39131</v>
      </c>
      <c r="B46" s="252"/>
      <c r="C46" s="252"/>
      <c r="D46" s="252"/>
      <c r="E46" s="252"/>
      <c r="F46" s="252"/>
      <c r="G46" s="252"/>
      <c r="H46" s="252"/>
      <c r="I46" s="252"/>
      <c r="J46" s="252"/>
      <c r="K46" s="252"/>
      <c r="L46" s="252"/>
      <c r="M46" s="253"/>
      <c r="N46" s="87"/>
      <c r="O46" s="752"/>
      <c r="P46" s="753"/>
      <c r="Q46" s="753"/>
      <c r="R46" s="753"/>
      <c r="S46" s="753"/>
      <c r="T46" s="753"/>
      <c r="U46" s="753"/>
      <c r="V46" s="753"/>
      <c r="W46" s="753"/>
      <c r="X46" s="753"/>
      <c r="Y46" s="753"/>
      <c r="Z46" s="753"/>
      <c r="AA46" s="753"/>
      <c r="AB46" s="753"/>
      <c r="AC46" s="753"/>
      <c r="AD46" s="753"/>
      <c r="AE46" s="753"/>
      <c r="AF46" s="753"/>
      <c r="AG46" s="753"/>
      <c r="AH46" s="753"/>
      <c r="AI46" s="753"/>
      <c r="AJ46" s="753"/>
      <c r="AK46" s="753"/>
      <c r="AL46" s="754"/>
      <c r="AM46" s="93"/>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752"/>
      <c r="B47" s="753"/>
      <c r="C47" s="753"/>
      <c r="D47" s="753"/>
      <c r="E47" s="753"/>
      <c r="F47" s="753"/>
      <c r="G47" s="753"/>
      <c r="H47" s="753"/>
      <c r="I47" s="753"/>
      <c r="J47" s="753"/>
      <c r="K47" s="753"/>
      <c r="L47" s="753"/>
      <c r="M47" s="754"/>
      <c r="N47" s="84"/>
      <c r="O47" s="752"/>
      <c r="P47" s="753"/>
      <c r="Q47" s="753"/>
      <c r="R47" s="753"/>
      <c r="S47" s="753"/>
      <c r="T47" s="753"/>
      <c r="U47" s="753"/>
      <c r="V47" s="753"/>
      <c r="W47" s="753"/>
      <c r="X47" s="753"/>
      <c r="Y47" s="753"/>
      <c r="Z47" s="753"/>
      <c r="AA47" s="753"/>
      <c r="AB47" s="753"/>
      <c r="AC47" s="753"/>
      <c r="AD47" s="753"/>
      <c r="AE47" s="753"/>
      <c r="AF47" s="753"/>
      <c r="AG47" s="753"/>
      <c r="AH47" s="753"/>
      <c r="AI47" s="753"/>
      <c r="AJ47" s="753"/>
      <c r="AK47" s="753"/>
      <c r="AL47" s="754"/>
      <c r="AM47" s="93"/>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752"/>
      <c r="B48" s="753"/>
      <c r="C48" s="753"/>
      <c r="D48" s="753"/>
      <c r="E48" s="753"/>
      <c r="F48" s="753"/>
      <c r="G48" s="753"/>
      <c r="H48" s="753"/>
      <c r="I48" s="753"/>
      <c r="J48" s="753"/>
      <c r="K48" s="753"/>
      <c r="L48" s="753"/>
      <c r="M48" s="754"/>
      <c r="N48" s="140"/>
      <c r="O48" s="761" t="s">
        <v>520</v>
      </c>
      <c r="P48" s="762"/>
      <c r="Q48" s="762"/>
      <c r="R48" s="762"/>
      <c r="S48" s="762"/>
      <c r="T48" s="762"/>
      <c r="U48" s="762"/>
      <c r="V48" s="762"/>
      <c r="W48" s="762"/>
      <c r="X48" s="762"/>
      <c r="Y48" s="762"/>
      <c r="Z48" s="762"/>
      <c r="AA48" s="762"/>
      <c r="AB48" s="762"/>
      <c r="AC48" s="762"/>
      <c r="AD48" s="762"/>
      <c r="AE48" s="762"/>
      <c r="AF48" s="762"/>
      <c r="AG48" s="762"/>
      <c r="AH48" s="762"/>
      <c r="AI48" s="762"/>
      <c r="AJ48" s="762"/>
      <c r="AK48" s="762"/>
      <c r="AL48" s="763"/>
      <c r="AM48" s="93"/>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752"/>
      <c r="B49" s="753"/>
      <c r="C49" s="753"/>
      <c r="D49" s="753"/>
      <c r="E49" s="753"/>
      <c r="F49" s="753"/>
      <c r="G49" s="753"/>
      <c r="H49" s="753"/>
      <c r="I49" s="753"/>
      <c r="J49" s="753"/>
      <c r="K49" s="753"/>
      <c r="L49" s="753"/>
      <c r="M49" s="754"/>
      <c r="N49" s="84"/>
      <c r="O49" s="752"/>
      <c r="P49" s="753"/>
      <c r="Q49" s="753"/>
      <c r="R49" s="753"/>
      <c r="S49" s="753"/>
      <c r="T49" s="753"/>
      <c r="U49" s="753"/>
      <c r="V49" s="753"/>
      <c r="W49" s="753"/>
      <c r="X49" s="753"/>
      <c r="Y49" s="753"/>
      <c r="Z49" s="753"/>
      <c r="AA49" s="753"/>
      <c r="AB49" s="753"/>
      <c r="AC49" s="753"/>
      <c r="AD49" s="753"/>
      <c r="AE49" s="753"/>
      <c r="AF49" s="753"/>
      <c r="AG49" s="753"/>
      <c r="AH49" s="753"/>
      <c r="AI49" s="753"/>
      <c r="AJ49" s="753"/>
      <c r="AK49" s="753"/>
      <c r="AL49" s="754"/>
      <c r="AM49" s="93"/>
      <c r="AN49" s="223">
        <v>86486.858999999997</v>
      </c>
      <c r="AO49" s="224"/>
      <c r="AP49" s="224"/>
      <c r="AQ49" s="224"/>
      <c r="AR49" s="224"/>
      <c r="AS49" s="224"/>
      <c r="AT49" s="225"/>
      <c r="AU49" s="229">
        <v>0.748</v>
      </c>
      <c r="AV49" s="230"/>
      <c r="AW49" s="230"/>
      <c r="AX49" s="230"/>
      <c r="AY49" s="231"/>
      <c r="AZ49" s="210">
        <v>15.2</v>
      </c>
      <c r="BA49" s="211"/>
      <c r="BB49" s="211"/>
      <c r="BC49" s="211"/>
      <c r="BD49" s="212"/>
      <c r="BE49" s="210">
        <v>5.6</v>
      </c>
      <c r="BF49" s="211"/>
      <c r="BG49" s="211"/>
      <c r="BH49" s="211"/>
      <c r="BI49" s="212"/>
      <c r="BJ49" s="210">
        <v>26</v>
      </c>
      <c r="BK49" s="211"/>
      <c r="BL49" s="211"/>
      <c r="BM49" s="211"/>
      <c r="BN49" s="212"/>
      <c r="BO49" s="210">
        <v>5.9</v>
      </c>
      <c r="BP49" s="211"/>
      <c r="BQ49" s="211"/>
      <c r="BR49" s="211"/>
      <c r="BS49" s="212"/>
      <c r="BT49" s="210">
        <v>99.9</v>
      </c>
      <c r="BU49" s="211"/>
      <c r="BV49" s="211"/>
      <c r="BW49" s="211"/>
      <c r="BX49" s="212"/>
      <c r="BY49" s="210">
        <v>13.3</v>
      </c>
      <c r="BZ49" s="211"/>
      <c r="CA49" s="211"/>
      <c r="CB49" s="211"/>
      <c r="CC49" s="212"/>
      <c r="CD49" s="210">
        <v>54</v>
      </c>
      <c r="CE49" s="211"/>
      <c r="CF49" s="211"/>
      <c r="CG49" s="211"/>
      <c r="CH49" s="212"/>
      <c r="CI49" s="210">
        <v>46.8</v>
      </c>
      <c r="CJ49" s="211"/>
      <c r="CK49" s="211"/>
      <c r="CL49" s="211"/>
      <c r="CM49" s="212"/>
    </row>
    <row r="50" spans="1:91" ht="17.25" customHeight="1" x14ac:dyDescent="0.15">
      <c r="A50" s="755"/>
      <c r="B50" s="756"/>
      <c r="C50" s="756"/>
      <c r="D50" s="756"/>
      <c r="E50" s="756"/>
      <c r="F50" s="756"/>
      <c r="G50" s="756"/>
      <c r="H50" s="756"/>
      <c r="I50" s="756"/>
      <c r="J50" s="756"/>
      <c r="K50" s="756"/>
      <c r="L50" s="756"/>
      <c r="M50" s="757"/>
      <c r="N50" s="84"/>
      <c r="O50" s="758" t="s">
        <v>520</v>
      </c>
      <c r="P50" s="759"/>
      <c r="Q50" s="759"/>
      <c r="R50" s="759"/>
      <c r="S50" s="759"/>
      <c r="T50" s="759"/>
      <c r="U50" s="759"/>
      <c r="V50" s="759"/>
      <c r="W50" s="759"/>
      <c r="X50" s="759"/>
      <c r="Y50" s="759"/>
      <c r="Z50" s="759"/>
      <c r="AA50" s="759"/>
      <c r="AB50" s="759"/>
      <c r="AC50" s="759"/>
      <c r="AD50" s="759"/>
      <c r="AE50" s="759"/>
      <c r="AF50" s="759"/>
      <c r="AG50" s="759"/>
      <c r="AH50" s="759"/>
      <c r="AI50" s="759"/>
      <c r="AJ50" s="759"/>
      <c r="AK50" s="759"/>
      <c r="AL50" s="760"/>
      <c r="AM50" s="93"/>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selectLockedCells="1"/>
  <mergeCells count="189">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 ref="AN12:CM12"/>
    <mergeCell ref="F13:M14"/>
    <mergeCell ref="Q13:T13"/>
    <mergeCell ref="U13:X13"/>
    <mergeCell ref="Y13:AL13"/>
    <mergeCell ref="AN13:AS15"/>
    <mergeCell ref="AT13:CM15"/>
    <mergeCell ref="A9:D10"/>
    <mergeCell ref="E9:AL10"/>
    <mergeCell ref="A11:D11"/>
    <mergeCell ref="E11:AL11"/>
    <mergeCell ref="A12:E13"/>
    <mergeCell ref="F12:M12"/>
    <mergeCell ref="O12:P21"/>
    <mergeCell ref="Q12:T12"/>
    <mergeCell ref="U12:X12"/>
    <mergeCell ref="Y12:AL12"/>
    <mergeCell ref="A14:E14"/>
    <mergeCell ref="Q14:T14"/>
    <mergeCell ref="U14:X14"/>
    <mergeCell ref="Y14:AL14"/>
    <mergeCell ref="A15:E15"/>
    <mergeCell ref="F15:M15"/>
    <mergeCell ref="Q15:T15"/>
    <mergeCell ref="U15:X15"/>
    <mergeCell ref="Y15:AL15"/>
    <mergeCell ref="A16:E21"/>
    <mergeCell ref="F16:M16"/>
    <mergeCell ref="Q16:T16"/>
    <mergeCell ref="U16:X16"/>
    <mergeCell ref="Y16:AL16"/>
    <mergeCell ref="AN16:AS17"/>
    <mergeCell ref="F19:M19"/>
    <mergeCell ref="Q19:T19"/>
    <mergeCell ref="U19:X19"/>
    <mergeCell ref="Y19:AL19"/>
    <mergeCell ref="F20:M21"/>
    <mergeCell ref="Q20:T20"/>
    <mergeCell ref="U20:X20"/>
    <mergeCell ref="Y20:AL20"/>
    <mergeCell ref="AN20:AS21"/>
    <mergeCell ref="AT20:CM21"/>
    <mergeCell ref="Q21:AL21"/>
    <mergeCell ref="AT16:CM17"/>
    <mergeCell ref="F17:M18"/>
    <mergeCell ref="Q17:T17"/>
    <mergeCell ref="U17:X17"/>
    <mergeCell ref="Y17:AL17"/>
    <mergeCell ref="Q18:T18"/>
    <mergeCell ref="U18:X18"/>
    <mergeCell ref="Y18:AL18"/>
    <mergeCell ref="AN18:AS19"/>
    <mergeCell ref="AT18:CM19"/>
    <mergeCell ref="A22:E24"/>
    <mergeCell ref="F22:M22"/>
    <mergeCell ref="O22:P23"/>
    <mergeCell ref="Q22:AL22"/>
    <mergeCell ref="AN22:CM22"/>
    <mergeCell ref="F23:M24"/>
    <mergeCell ref="Q23:AL23"/>
    <mergeCell ref="O24:P25"/>
    <mergeCell ref="Q24:AL24"/>
    <mergeCell ref="AO24:CM24"/>
    <mergeCell ref="A25:E27"/>
    <mergeCell ref="F25:M25"/>
    <mergeCell ref="Q25:AL25"/>
    <mergeCell ref="AO25:CM25"/>
    <mergeCell ref="F26:M27"/>
    <mergeCell ref="O26:P27"/>
    <mergeCell ref="Q26:AL26"/>
    <mergeCell ref="AO26:CM26"/>
    <mergeCell ref="Q27:AL27"/>
    <mergeCell ref="AO27:CM27"/>
    <mergeCell ref="CH33:CM34"/>
    <mergeCell ref="AN34:BO34"/>
    <mergeCell ref="AN35:AV36"/>
    <mergeCell ref="AW35:BF36"/>
    <mergeCell ref="BG35:BP36"/>
    <mergeCell ref="BR35:BX36"/>
    <mergeCell ref="BY35:CG36"/>
    <mergeCell ref="CH35:CM36"/>
    <mergeCell ref="A28:AL28"/>
    <mergeCell ref="AN28:BP28"/>
    <mergeCell ref="A29:AL35"/>
    <mergeCell ref="AN29:BP33"/>
    <mergeCell ref="BY30:CI30"/>
    <mergeCell ref="BR31:BX32"/>
    <mergeCell ref="BY31:CG32"/>
    <mergeCell ref="CH31:CM32"/>
    <mergeCell ref="BR33:BX34"/>
    <mergeCell ref="BY33:CG34"/>
    <mergeCell ref="BG37:BP38"/>
    <mergeCell ref="BR37:BX38"/>
    <mergeCell ref="BY37:CG38"/>
    <mergeCell ref="CH37:CM38"/>
    <mergeCell ref="A38:M38"/>
    <mergeCell ref="O38:AL38"/>
    <mergeCell ref="A36:M36"/>
    <mergeCell ref="O36:AL36"/>
    <mergeCell ref="A37:M37"/>
    <mergeCell ref="O37:AL37"/>
    <mergeCell ref="AN37:AV38"/>
    <mergeCell ref="AW37:BF38"/>
    <mergeCell ref="BG42:BP43"/>
    <mergeCell ref="CJ44:CM45"/>
    <mergeCell ref="A45:M45"/>
    <mergeCell ref="O45:AL45"/>
    <mergeCell ref="BR42:CB43"/>
    <mergeCell ref="CC42:CM43"/>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A43:M43"/>
    <mergeCell ref="O43:AL43"/>
    <mergeCell ref="A44:M44"/>
    <mergeCell ref="O44:AL44"/>
    <mergeCell ref="AN44:AR45"/>
    <mergeCell ref="AS44:AV45"/>
    <mergeCell ref="AW44:BB45"/>
    <mergeCell ref="A42:M42"/>
    <mergeCell ref="O42:AL42"/>
    <mergeCell ref="AN42:AV43"/>
    <mergeCell ref="AW42:BF43"/>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yokosuk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4―</oddFooter>
  </headerFooter>
  <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7"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849" t="s" ph="1">
        <v>359</v>
      </c>
      <c r="B1" s="849" ph="1"/>
      <c r="C1" s="849" ph="1"/>
      <c r="D1" s="849" ph="1"/>
      <c r="E1" s="849" ph="1"/>
      <c r="F1" s="849" ph="1"/>
      <c r="G1" s="849" ph="1"/>
      <c r="H1" s="849" ph="1"/>
      <c r="I1" s="645"/>
      <c r="J1" s="645"/>
      <c r="K1" s="645"/>
      <c r="L1" s="645"/>
      <c r="M1" s="645"/>
      <c r="N1" s="454" t="s">
        <v>347</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849" ph="1"/>
      <c r="B2" s="849" ph="1"/>
      <c r="C2" s="849" ph="1"/>
      <c r="D2" s="849" ph="1"/>
      <c r="E2" s="849" ph="1"/>
      <c r="F2" s="849" ph="1"/>
      <c r="G2" s="849" ph="1"/>
      <c r="H2" s="849"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794" t="s">
        <v>1118</v>
      </c>
      <c r="AO2" s="795"/>
      <c r="AP2" s="795"/>
      <c r="AQ2" s="795"/>
      <c r="AR2" s="795"/>
      <c r="AS2" s="795"/>
      <c r="AT2" s="795"/>
      <c r="AU2" s="795"/>
      <c r="AV2" s="795"/>
      <c r="AW2" s="795"/>
      <c r="AX2" s="795"/>
      <c r="AY2" s="795"/>
      <c r="AZ2" s="795"/>
      <c r="BA2" s="795"/>
      <c r="BB2" s="795"/>
      <c r="BC2" s="795"/>
      <c r="BD2" s="795"/>
      <c r="BE2" s="795"/>
      <c r="BF2" s="795"/>
      <c r="BG2" s="795"/>
      <c r="BH2" s="795"/>
      <c r="BI2" s="795"/>
      <c r="BJ2" s="795"/>
      <c r="BK2" s="795"/>
      <c r="BL2" s="795"/>
      <c r="BM2" s="795"/>
      <c r="BN2" s="795"/>
      <c r="BO2" s="795"/>
      <c r="BP2" s="795"/>
      <c r="BQ2" s="795"/>
      <c r="BR2" s="795"/>
      <c r="BS2" s="795"/>
      <c r="BT2" s="795"/>
      <c r="BU2" s="795"/>
      <c r="BV2" s="795"/>
      <c r="BW2" s="795"/>
      <c r="BX2" s="795"/>
      <c r="BY2" s="795"/>
      <c r="BZ2" s="795"/>
      <c r="CA2" s="795"/>
      <c r="CB2" s="795"/>
      <c r="CC2" s="795"/>
      <c r="CD2" s="795"/>
      <c r="CE2" s="795"/>
      <c r="CF2" s="795"/>
      <c r="CG2" s="795"/>
      <c r="CH2" s="795"/>
      <c r="CI2" s="795"/>
      <c r="CJ2" s="795"/>
      <c r="CK2" s="795"/>
      <c r="CL2" s="795"/>
      <c r="CM2" s="796"/>
      <c r="CQ2" s="3" ph="1"/>
    </row>
    <row r="3" spans="1:100" ht="17.25" customHeight="1" x14ac:dyDescent="0.15">
      <c r="A3" s="849" ph="1"/>
      <c r="B3" s="849" ph="1"/>
      <c r="C3" s="849" ph="1"/>
      <c r="D3" s="849" ph="1"/>
      <c r="E3" s="849" ph="1"/>
      <c r="F3" s="849" ph="1"/>
      <c r="G3" s="849" ph="1"/>
      <c r="H3" s="849"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797"/>
      <c r="AO3" s="399"/>
      <c r="AP3" s="399"/>
      <c r="AQ3" s="399"/>
      <c r="AR3" s="399"/>
      <c r="AS3" s="399"/>
      <c r="AT3" s="399"/>
      <c r="AU3" s="399"/>
      <c r="AV3" s="399"/>
      <c r="AW3" s="399"/>
      <c r="AX3" s="399"/>
      <c r="AY3" s="399"/>
      <c r="AZ3" s="399"/>
      <c r="BA3" s="399"/>
      <c r="BB3" s="399"/>
      <c r="BC3" s="399"/>
      <c r="BD3" s="399"/>
      <c r="BE3" s="399"/>
      <c r="BF3" s="399"/>
      <c r="BG3" s="399"/>
      <c r="BH3" s="399"/>
      <c r="BI3" s="399"/>
      <c r="BJ3" s="399"/>
      <c r="BK3" s="399"/>
      <c r="BL3" s="399"/>
      <c r="BM3" s="399"/>
      <c r="BN3" s="399"/>
      <c r="BO3" s="399"/>
      <c r="BP3" s="399"/>
      <c r="BQ3" s="399"/>
      <c r="BR3" s="399"/>
      <c r="BS3" s="399"/>
      <c r="BT3" s="399"/>
      <c r="BU3" s="399"/>
      <c r="BV3" s="399"/>
      <c r="BW3" s="399"/>
      <c r="BX3" s="399"/>
      <c r="BY3" s="399"/>
      <c r="BZ3" s="399"/>
      <c r="CA3" s="399"/>
      <c r="CB3" s="399"/>
      <c r="CC3" s="399"/>
      <c r="CD3" s="399"/>
      <c r="CE3" s="399"/>
      <c r="CF3" s="399"/>
      <c r="CG3" s="399"/>
      <c r="CH3" s="399"/>
      <c r="CI3" s="399"/>
      <c r="CJ3" s="399"/>
      <c r="CK3" s="399"/>
      <c r="CL3" s="399"/>
      <c r="CM3" s="798"/>
      <c r="CQ3" s="3" ph="1"/>
    </row>
    <row r="4" spans="1:100" ht="17.25" customHeight="1" x14ac:dyDescent="0.15">
      <c r="A4" s="641" t="s">
        <v>236</v>
      </c>
      <c r="B4" s="641"/>
      <c r="C4" s="641"/>
      <c r="D4" s="641"/>
      <c r="E4" s="458">
        <v>142034</v>
      </c>
      <c r="F4" s="458"/>
      <c r="G4" s="458"/>
      <c r="H4" s="458"/>
      <c r="I4" s="647"/>
      <c r="J4" s="647"/>
      <c r="K4" s="647"/>
      <c r="L4" s="647"/>
      <c r="M4" s="647"/>
      <c r="N4" s="459" t="s">
        <v>348</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797"/>
      <c r="AO4" s="399"/>
      <c r="AP4" s="399"/>
      <c r="AQ4" s="399"/>
      <c r="AR4" s="399"/>
      <c r="AS4" s="399"/>
      <c r="AT4" s="399"/>
      <c r="AU4" s="399"/>
      <c r="AV4" s="399"/>
      <c r="AW4" s="399"/>
      <c r="AX4" s="399"/>
      <c r="AY4" s="399"/>
      <c r="AZ4" s="399"/>
      <c r="BA4" s="399"/>
      <c r="BB4" s="399"/>
      <c r="BC4" s="399"/>
      <c r="BD4" s="399"/>
      <c r="BE4" s="399"/>
      <c r="BF4" s="399"/>
      <c r="BG4" s="399"/>
      <c r="BH4" s="399"/>
      <c r="BI4" s="399"/>
      <c r="BJ4" s="399"/>
      <c r="BK4" s="399"/>
      <c r="BL4" s="399"/>
      <c r="BM4" s="399"/>
      <c r="BN4" s="399"/>
      <c r="BO4" s="399"/>
      <c r="BP4" s="399"/>
      <c r="BQ4" s="399"/>
      <c r="BR4" s="399"/>
      <c r="BS4" s="399"/>
      <c r="BT4" s="399"/>
      <c r="BU4" s="399"/>
      <c r="BV4" s="399"/>
      <c r="BW4" s="399"/>
      <c r="BX4" s="399"/>
      <c r="BY4" s="399"/>
      <c r="BZ4" s="399"/>
      <c r="CA4" s="399"/>
      <c r="CB4" s="399"/>
      <c r="CC4" s="399"/>
      <c r="CD4" s="399"/>
      <c r="CE4" s="399"/>
      <c r="CF4" s="399"/>
      <c r="CG4" s="399"/>
      <c r="CH4" s="399"/>
      <c r="CI4" s="399"/>
      <c r="CJ4" s="399"/>
      <c r="CK4" s="399"/>
      <c r="CL4" s="399"/>
      <c r="CM4" s="798"/>
    </row>
    <row r="5" spans="1:100" ht="17.25" customHeight="1" x14ac:dyDescent="0.15">
      <c r="A5" s="428" t="s">
        <v>237</v>
      </c>
      <c r="B5" s="428"/>
      <c r="C5" s="428"/>
      <c r="D5" s="428"/>
      <c r="E5" s="428"/>
      <c r="F5" s="428"/>
      <c r="G5" s="428"/>
      <c r="H5" s="428"/>
      <c r="I5" s="848" t="s">
        <v>1353</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797"/>
      <c r="AO5" s="399"/>
      <c r="AP5" s="399"/>
      <c r="AQ5" s="399"/>
      <c r="AR5" s="399"/>
      <c r="AS5" s="399"/>
      <c r="AT5" s="399"/>
      <c r="AU5" s="399"/>
      <c r="AV5" s="399"/>
      <c r="AW5" s="399"/>
      <c r="AX5" s="399"/>
      <c r="AY5" s="399"/>
      <c r="AZ5" s="399"/>
      <c r="BA5" s="399"/>
      <c r="BB5" s="399"/>
      <c r="BC5" s="399"/>
      <c r="BD5" s="399"/>
      <c r="BE5" s="399"/>
      <c r="BF5" s="399"/>
      <c r="BG5" s="399"/>
      <c r="BH5" s="399"/>
      <c r="BI5" s="399"/>
      <c r="BJ5" s="399"/>
      <c r="BK5" s="399"/>
      <c r="BL5" s="399"/>
      <c r="BM5" s="399"/>
      <c r="BN5" s="399"/>
      <c r="BO5" s="399"/>
      <c r="BP5" s="399"/>
      <c r="BQ5" s="399"/>
      <c r="BR5" s="399"/>
      <c r="BS5" s="399"/>
      <c r="BT5" s="399"/>
      <c r="BU5" s="399"/>
      <c r="BV5" s="399"/>
      <c r="BW5" s="399"/>
      <c r="BX5" s="399"/>
      <c r="BY5" s="399"/>
      <c r="BZ5" s="399"/>
      <c r="CA5" s="399"/>
      <c r="CB5" s="399"/>
      <c r="CC5" s="399"/>
      <c r="CD5" s="399"/>
      <c r="CE5" s="399"/>
      <c r="CF5" s="399"/>
      <c r="CG5" s="399"/>
      <c r="CH5" s="399"/>
      <c r="CI5" s="399"/>
      <c r="CJ5" s="399"/>
      <c r="CK5" s="399"/>
      <c r="CL5" s="399"/>
      <c r="CM5" s="798"/>
    </row>
    <row r="6" spans="1:100" ht="17.25" customHeight="1" x14ac:dyDescent="0.15">
      <c r="A6" s="428"/>
      <c r="B6" s="428"/>
      <c r="C6" s="428"/>
      <c r="D6" s="428"/>
      <c r="E6" s="428"/>
      <c r="F6" s="428"/>
      <c r="G6" s="428"/>
      <c r="H6" s="428"/>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797"/>
      <c r="AO6" s="399"/>
      <c r="AP6" s="399"/>
      <c r="AQ6" s="399"/>
      <c r="AR6" s="399"/>
      <c r="AS6" s="399"/>
      <c r="AT6" s="399"/>
      <c r="AU6" s="399"/>
      <c r="AV6" s="399"/>
      <c r="AW6" s="399"/>
      <c r="AX6" s="399"/>
      <c r="AY6" s="399"/>
      <c r="AZ6" s="399"/>
      <c r="BA6" s="399"/>
      <c r="BB6" s="399"/>
      <c r="BC6" s="399"/>
      <c r="BD6" s="399"/>
      <c r="BE6" s="399"/>
      <c r="BF6" s="399"/>
      <c r="BG6" s="399"/>
      <c r="BH6" s="399"/>
      <c r="BI6" s="399"/>
      <c r="BJ6" s="399"/>
      <c r="BK6" s="399"/>
      <c r="BL6" s="399"/>
      <c r="BM6" s="399"/>
      <c r="BN6" s="399"/>
      <c r="BO6" s="399"/>
      <c r="BP6" s="399"/>
      <c r="BQ6" s="399"/>
      <c r="BR6" s="399"/>
      <c r="BS6" s="399"/>
      <c r="BT6" s="399"/>
      <c r="BU6" s="399"/>
      <c r="BV6" s="399"/>
      <c r="BW6" s="399"/>
      <c r="BX6" s="399"/>
      <c r="BY6" s="399"/>
      <c r="BZ6" s="399"/>
      <c r="CA6" s="399"/>
      <c r="CB6" s="399"/>
      <c r="CC6" s="399"/>
      <c r="CD6" s="399"/>
      <c r="CE6" s="399"/>
      <c r="CF6" s="399"/>
      <c r="CG6" s="399"/>
      <c r="CH6" s="399"/>
      <c r="CI6" s="399"/>
      <c r="CJ6" s="399"/>
      <c r="CK6" s="399"/>
      <c r="CL6" s="399"/>
      <c r="CM6" s="798"/>
    </row>
    <row r="7" spans="1:100" ht="17.25" customHeight="1" x14ac:dyDescent="0.15">
      <c r="A7" s="405" t="s">
        <v>238</v>
      </c>
      <c r="B7" s="406"/>
      <c r="C7" s="406"/>
      <c r="D7" s="407"/>
      <c r="E7" s="65" t="s">
        <v>0</v>
      </c>
      <c r="F7" s="492" t="s">
        <v>349</v>
      </c>
      <c r="G7" s="492"/>
      <c r="H7" s="492"/>
      <c r="I7" s="492"/>
      <c r="J7" s="492"/>
      <c r="K7" s="492"/>
      <c r="L7" s="493"/>
      <c r="M7" s="642"/>
      <c r="N7" s="642"/>
      <c r="O7" s="642"/>
      <c r="P7" s="642"/>
      <c r="Q7" s="642"/>
      <c r="R7" s="642"/>
      <c r="S7" s="642"/>
      <c r="T7" s="642"/>
      <c r="U7" s="642"/>
      <c r="V7" s="642"/>
      <c r="W7" s="642"/>
      <c r="X7" s="642"/>
      <c r="Y7" s="643"/>
      <c r="Z7" s="332" t="s">
        <v>239</v>
      </c>
      <c r="AA7" s="332"/>
      <c r="AB7" s="332"/>
      <c r="AC7" s="431" t="s">
        <v>350</v>
      </c>
      <c r="AD7" s="431"/>
      <c r="AE7" s="431"/>
      <c r="AF7" s="431"/>
      <c r="AG7" s="431"/>
      <c r="AH7" s="431"/>
      <c r="AI7" s="431"/>
      <c r="AJ7" s="431"/>
      <c r="AK7" s="431"/>
      <c r="AL7" s="431"/>
      <c r="AM7" s="5"/>
      <c r="AN7" s="797"/>
      <c r="AO7" s="399"/>
      <c r="AP7" s="399"/>
      <c r="AQ7" s="399"/>
      <c r="AR7" s="399"/>
      <c r="AS7" s="399"/>
      <c r="AT7" s="399"/>
      <c r="AU7" s="399"/>
      <c r="AV7" s="399"/>
      <c r="AW7" s="399"/>
      <c r="AX7" s="399"/>
      <c r="AY7" s="399"/>
      <c r="AZ7" s="399"/>
      <c r="BA7" s="399"/>
      <c r="BB7" s="399"/>
      <c r="BC7" s="399"/>
      <c r="BD7" s="399"/>
      <c r="BE7" s="399"/>
      <c r="BF7" s="399"/>
      <c r="BG7" s="399"/>
      <c r="BH7" s="399"/>
      <c r="BI7" s="399"/>
      <c r="BJ7" s="399"/>
      <c r="BK7" s="399"/>
      <c r="BL7" s="399"/>
      <c r="BM7" s="399"/>
      <c r="BN7" s="399"/>
      <c r="BO7" s="399"/>
      <c r="BP7" s="399"/>
      <c r="BQ7" s="399"/>
      <c r="BR7" s="399"/>
      <c r="BS7" s="399"/>
      <c r="BT7" s="399"/>
      <c r="BU7" s="399"/>
      <c r="BV7" s="399"/>
      <c r="BW7" s="399"/>
      <c r="BX7" s="399"/>
      <c r="BY7" s="399"/>
      <c r="BZ7" s="399"/>
      <c r="CA7" s="399"/>
      <c r="CB7" s="399"/>
      <c r="CC7" s="399"/>
      <c r="CD7" s="399"/>
      <c r="CE7" s="399"/>
      <c r="CF7" s="399"/>
      <c r="CG7" s="399"/>
      <c r="CH7" s="399"/>
      <c r="CI7" s="399"/>
      <c r="CJ7" s="399"/>
      <c r="CK7" s="399"/>
      <c r="CL7" s="399"/>
      <c r="CM7" s="798"/>
    </row>
    <row r="8" spans="1:100" ht="17.25" customHeight="1" x14ac:dyDescent="0.15">
      <c r="A8" s="405"/>
      <c r="B8" s="406"/>
      <c r="C8" s="406"/>
      <c r="D8" s="407"/>
      <c r="E8" s="433" t="s">
        <v>351</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797"/>
      <c r="AO8" s="399"/>
      <c r="AP8" s="399"/>
      <c r="AQ8" s="399"/>
      <c r="AR8" s="399"/>
      <c r="AS8" s="399"/>
      <c r="AT8" s="399"/>
      <c r="AU8" s="399"/>
      <c r="AV8" s="399"/>
      <c r="AW8" s="399"/>
      <c r="AX8" s="399"/>
      <c r="AY8" s="399"/>
      <c r="AZ8" s="399"/>
      <c r="BA8" s="399"/>
      <c r="BB8" s="399"/>
      <c r="BC8" s="399"/>
      <c r="BD8" s="399"/>
      <c r="BE8" s="399"/>
      <c r="BF8" s="399"/>
      <c r="BG8" s="399"/>
      <c r="BH8" s="399"/>
      <c r="BI8" s="399"/>
      <c r="BJ8" s="399"/>
      <c r="BK8" s="399"/>
      <c r="BL8" s="399"/>
      <c r="BM8" s="399"/>
      <c r="BN8" s="399"/>
      <c r="BO8" s="399"/>
      <c r="BP8" s="399"/>
      <c r="BQ8" s="399"/>
      <c r="BR8" s="399"/>
      <c r="BS8" s="399"/>
      <c r="BT8" s="399"/>
      <c r="BU8" s="399"/>
      <c r="BV8" s="399"/>
      <c r="BW8" s="399"/>
      <c r="BX8" s="399"/>
      <c r="BY8" s="399"/>
      <c r="BZ8" s="399"/>
      <c r="CA8" s="399"/>
      <c r="CB8" s="399"/>
      <c r="CC8" s="399"/>
      <c r="CD8" s="399"/>
      <c r="CE8" s="399"/>
      <c r="CF8" s="399"/>
      <c r="CG8" s="399"/>
      <c r="CH8" s="399"/>
      <c r="CI8" s="399"/>
      <c r="CJ8" s="399"/>
      <c r="CK8" s="399"/>
      <c r="CL8" s="399"/>
      <c r="CM8" s="798"/>
    </row>
    <row r="9" spans="1:100" ht="17.25" customHeight="1" x14ac:dyDescent="0.15">
      <c r="A9" s="405" t="s">
        <v>240</v>
      </c>
      <c r="B9" s="406"/>
      <c r="C9" s="406"/>
      <c r="D9" s="407"/>
      <c r="E9" s="445" t="s">
        <v>837</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797"/>
      <c r="AO9" s="399"/>
      <c r="AP9" s="399"/>
      <c r="AQ9" s="399"/>
      <c r="AR9" s="399"/>
      <c r="AS9" s="399"/>
      <c r="AT9" s="399"/>
      <c r="AU9" s="399"/>
      <c r="AV9" s="399"/>
      <c r="AW9" s="399"/>
      <c r="AX9" s="399"/>
      <c r="AY9" s="399"/>
      <c r="AZ9" s="399"/>
      <c r="BA9" s="399"/>
      <c r="BB9" s="399"/>
      <c r="BC9" s="399"/>
      <c r="BD9" s="399"/>
      <c r="BE9" s="399"/>
      <c r="BF9" s="399"/>
      <c r="BG9" s="399"/>
      <c r="BH9" s="399"/>
      <c r="BI9" s="399"/>
      <c r="BJ9" s="399"/>
      <c r="BK9" s="399"/>
      <c r="BL9" s="399"/>
      <c r="BM9" s="399"/>
      <c r="BN9" s="399"/>
      <c r="BO9" s="399"/>
      <c r="BP9" s="399"/>
      <c r="BQ9" s="399"/>
      <c r="BR9" s="399"/>
      <c r="BS9" s="399"/>
      <c r="BT9" s="399"/>
      <c r="BU9" s="399"/>
      <c r="BV9" s="399"/>
      <c r="BW9" s="399"/>
      <c r="BX9" s="399"/>
      <c r="BY9" s="399"/>
      <c r="BZ9" s="399"/>
      <c r="CA9" s="399"/>
      <c r="CB9" s="399"/>
      <c r="CC9" s="399"/>
      <c r="CD9" s="399"/>
      <c r="CE9" s="399"/>
      <c r="CF9" s="399"/>
      <c r="CG9" s="399"/>
      <c r="CH9" s="399"/>
      <c r="CI9" s="399"/>
      <c r="CJ9" s="399"/>
      <c r="CK9" s="399"/>
      <c r="CL9" s="399"/>
      <c r="CM9" s="798"/>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797"/>
      <c r="AO10" s="399"/>
      <c r="AP10" s="399"/>
      <c r="AQ10" s="399"/>
      <c r="AR10" s="399"/>
      <c r="AS10" s="399"/>
      <c r="AT10" s="399"/>
      <c r="AU10" s="399"/>
      <c r="AV10" s="399"/>
      <c r="AW10" s="399"/>
      <c r="AX10" s="399"/>
      <c r="AY10" s="399"/>
      <c r="AZ10" s="399"/>
      <c r="BA10" s="399"/>
      <c r="BB10" s="399"/>
      <c r="BC10" s="399"/>
      <c r="BD10" s="399"/>
      <c r="BE10" s="399"/>
      <c r="BF10" s="399"/>
      <c r="BG10" s="399"/>
      <c r="BH10" s="399"/>
      <c r="BI10" s="399"/>
      <c r="BJ10" s="399"/>
      <c r="BK10" s="399"/>
      <c r="BL10" s="399"/>
      <c r="BM10" s="399"/>
      <c r="BN10" s="399"/>
      <c r="BO10" s="399"/>
      <c r="BP10" s="399"/>
      <c r="BQ10" s="399"/>
      <c r="BR10" s="399"/>
      <c r="BS10" s="399"/>
      <c r="BT10" s="399"/>
      <c r="BU10" s="399"/>
      <c r="BV10" s="399"/>
      <c r="BW10" s="399"/>
      <c r="BX10" s="399"/>
      <c r="BY10" s="399"/>
      <c r="BZ10" s="399"/>
      <c r="CA10" s="399"/>
      <c r="CB10" s="399"/>
      <c r="CC10" s="399"/>
      <c r="CD10" s="399"/>
      <c r="CE10" s="399"/>
      <c r="CF10" s="399"/>
      <c r="CG10" s="399"/>
      <c r="CH10" s="399"/>
      <c r="CI10" s="399"/>
      <c r="CJ10" s="399"/>
      <c r="CK10" s="399"/>
      <c r="CL10" s="399"/>
      <c r="CM10" s="798"/>
    </row>
    <row r="11" spans="1:100" ht="17.25" customHeight="1" x14ac:dyDescent="0.15">
      <c r="A11" s="405" t="s">
        <v>37</v>
      </c>
      <c r="B11" s="406"/>
      <c r="C11" s="406"/>
      <c r="D11" s="407"/>
      <c r="E11" s="615" t="s">
        <v>1079</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797"/>
      <c r="AO11" s="399"/>
      <c r="AP11" s="399"/>
      <c r="AQ11" s="399"/>
      <c r="AR11" s="399"/>
      <c r="AS11" s="399"/>
      <c r="AT11" s="399"/>
      <c r="AU11" s="399"/>
      <c r="AV11" s="399"/>
      <c r="AW11" s="399"/>
      <c r="AX11" s="399"/>
      <c r="AY11" s="399"/>
      <c r="AZ11" s="399"/>
      <c r="BA11" s="399"/>
      <c r="BB11" s="399"/>
      <c r="BC11" s="399"/>
      <c r="BD11" s="399"/>
      <c r="BE11" s="399"/>
      <c r="BF11" s="399"/>
      <c r="BG11" s="399"/>
      <c r="BH11" s="399"/>
      <c r="BI11" s="399"/>
      <c r="BJ11" s="399"/>
      <c r="BK11" s="399"/>
      <c r="BL11" s="399"/>
      <c r="BM11" s="399"/>
      <c r="BN11" s="399"/>
      <c r="BO11" s="399"/>
      <c r="BP11" s="399"/>
      <c r="BQ11" s="399"/>
      <c r="BR11" s="399"/>
      <c r="BS11" s="399"/>
      <c r="BT11" s="399"/>
      <c r="BU11" s="399"/>
      <c r="BV11" s="399"/>
      <c r="BW11" s="399"/>
      <c r="BX11" s="399"/>
      <c r="BY11" s="399"/>
      <c r="BZ11" s="399"/>
      <c r="CA11" s="399"/>
      <c r="CB11" s="399"/>
      <c r="CC11" s="399"/>
      <c r="CD11" s="399"/>
      <c r="CE11" s="399"/>
      <c r="CF11" s="399"/>
      <c r="CG11" s="399"/>
      <c r="CH11" s="399"/>
      <c r="CI11" s="399"/>
      <c r="CJ11" s="399"/>
      <c r="CK11" s="399"/>
      <c r="CL11" s="399"/>
      <c r="CM11" s="798"/>
    </row>
    <row r="12" spans="1:100" ht="17.25" customHeight="1" x14ac:dyDescent="0.15">
      <c r="A12" s="332" t="s">
        <v>241</v>
      </c>
      <c r="B12" s="332"/>
      <c r="C12" s="332"/>
      <c r="D12" s="332"/>
      <c r="E12" s="328"/>
      <c r="F12" s="850" t="s">
        <v>352</v>
      </c>
      <c r="G12" s="851"/>
      <c r="H12" s="851"/>
      <c r="I12" s="851"/>
      <c r="J12" s="851"/>
      <c r="K12" s="851"/>
      <c r="L12" s="851"/>
      <c r="M12" s="851"/>
      <c r="N12" s="170"/>
      <c r="O12" s="416" t="s">
        <v>242</v>
      </c>
      <c r="P12" s="417"/>
      <c r="Q12" s="377">
        <v>11780</v>
      </c>
      <c r="R12" s="220"/>
      <c r="S12" s="220"/>
      <c r="T12" s="220"/>
      <c r="U12" s="371" t="s">
        <v>360</v>
      </c>
      <c r="V12" s="220"/>
      <c r="W12" s="220"/>
      <c r="X12" s="220"/>
      <c r="Y12" s="371"/>
      <c r="Z12" s="220"/>
      <c r="AA12" s="220"/>
      <c r="AB12" s="220"/>
      <c r="AC12" s="220"/>
      <c r="AD12" s="220"/>
      <c r="AE12" s="220"/>
      <c r="AF12" s="220"/>
      <c r="AG12" s="220"/>
      <c r="AH12" s="220"/>
      <c r="AI12" s="220"/>
      <c r="AJ12" s="220"/>
      <c r="AK12" s="220"/>
      <c r="AL12" s="372"/>
      <c r="AM12" s="5"/>
      <c r="AN12" s="799"/>
      <c r="AO12" s="800"/>
      <c r="AP12" s="800"/>
      <c r="AQ12" s="800"/>
      <c r="AR12" s="800"/>
      <c r="AS12" s="800"/>
      <c r="AT12" s="800"/>
      <c r="AU12" s="800"/>
      <c r="AV12" s="800"/>
      <c r="AW12" s="800"/>
      <c r="AX12" s="800"/>
      <c r="AY12" s="800"/>
      <c r="AZ12" s="800"/>
      <c r="BA12" s="800"/>
      <c r="BB12" s="800"/>
      <c r="BC12" s="800"/>
      <c r="BD12" s="800"/>
      <c r="BE12" s="800"/>
      <c r="BF12" s="800"/>
      <c r="BG12" s="800"/>
      <c r="BH12" s="800"/>
      <c r="BI12" s="800"/>
      <c r="BJ12" s="800"/>
      <c r="BK12" s="800"/>
      <c r="BL12" s="800"/>
      <c r="BM12" s="800"/>
      <c r="BN12" s="800"/>
      <c r="BO12" s="800"/>
      <c r="BP12" s="800"/>
      <c r="BQ12" s="800"/>
      <c r="BR12" s="800"/>
      <c r="BS12" s="800"/>
      <c r="BT12" s="800"/>
      <c r="BU12" s="800"/>
      <c r="BV12" s="800"/>
      <c r="BW12" s="800"/>
      <c r="BX12" s="800"/>
      <c r="BY12" s="800"/>
      <c r="BZ12" s="800"/>
      <c r="CA12" s="800"/>
      <c r="CB12" s="800"/>
      <c r="CC12" s="800"/>
      <c r="CD12" s="800"/>
      <c r="CE12" s="800"/>
      <c r="CF12" s="800"/>
      <c r="CG12" s="800"/>
      <c r="CH12" s="800"/>
      <c r="CI12" s="800"/>
      <c r="CJ12" s="800"/>
      <c r="CK12" s="800"/>
      <c r="CL12" s="800"/>
      <c r="CM12" s="801"/>
      <c r="CQ12" s="3" ph="1"/>
      <c r="CR12" s="3" ph="1"/>
      <c r="CS12" s="3" ph="1"/>
      <c r="CT12" s="3" ph="1"/>
      <c r="CU12" s="3" ph="1"/>
      <c r="CV12" s="3" ph="1"/>
    </row>
    <row r="13" spans="1:100" ht="17.25" customHeight="1" x14ac:dyDescent="0.15">
      <c r="A13" s="328"/>
      <c r="B13" s="328"/>
      <c r="C13" s="328"/>
      <c r="D13" s="328"/>
      <c r="E13" s="328"/>
      <c r="F13" s="398" t="s">
        <v>838</v>
      </c>
      <c r="G13" s="369"/>
      <c r="H13" s="369"/>
      <c r="I13" s="369"/>
      <c r="J13" s="369"/>
      <c r="K13" s="369"/>
      <c r="L13" s="369"/>
      <c r="M13" s="369"/>
      <c r="N13" s="152"/>
      <c r="O13" s="418"/>
      <c r="P13" s="419"/>
      <c r="Q13" s="377">
        <v>19920</v>
      </c>
      <c r="R13" s="220"/>
      <c r="S13" s="220"/>
      <c r="T13" s="220"/>
      <c r="U13" s="371" t="s">
        <v>326</v>
      </c>
      <c r="V13" s="220"/>
      <c r="W13" s="220"/>
      <c r="X13" s="220"/>
      <c r="Y13" s="371" t="s">
        <v>361</v>
      </c>
      <c r="Z13" s="852"/>
      <c r="AA13" s="852"/>
      <c r="AB13" s="852"/>
      <c r="AC13" s="852"/>
      <c r="AD13" s="852"/>
      <c r="AE13" s="852"/>
      <c r="AF13" s="852"/>
      <c r="AG13" s="852"/>
      <c r="AH13" s="852"/>
      <c r="AI13" s="852"/>
      <c r="AJ13" s="852"/>
      <c r="AK13" s="852"/>
      <c r="AL13" s="853"/>
      <c r="AM13" s="5"/>
      <c r="AN13" s="388" t="s">
        <v>245</v>
      </c>
      <c r="AO13" s="388"/>
      <c r="AP13" s="389"/>
      <c r="AQ13" s="389"/>
      <c r="AR13" s="389"/>
      <c r="AS13" s="389"/>
      <c r="AT13" s="389"/>
      <c r="AU13" s="389"/>
      <c r="AV13" s="389"/>
      <c r="AW13" s="389"/>
      <c r="AX13" s="389"/>
      <c r="AY13" s="389"/>
      <c r="AZ13" s="389"/>
      <c r="BA13" s="389"/>
      <c r="BB13" s="389"/>
      <c r="BC13" s="389"/>
      <c r="BD13" s="389"/>
      <c r="BE13" s="389"/>
      <c r="BF13" s="389"/>
      <c r="BG13" s="389"/>
      <c r="BH13" s="389"/>
      <c r="BI13" s="389"/>
      <c r="BJ13" s="389"/>
      <c r="BK13" s="389"/>
      <c r="BL13" s="389"/>
      <c r="BM13" s="389"/>
      <c r="BN13" s="389"/>
      <c r="BO13" s="389"/>
      <c r="BP13" s="389"/>
      <c r="BQ13" s="389"/>
      <c r="BR13" s="389"/>
      <c r="BS13" s="389"/>
      <c r="BT13" s="389"/>
      <c r="BU13" s="389"/>
      <c r="BV13" s="389"/>
      <c r="BW13" s="389"/>
      <c r="BX13" s="389"/>
      <c r="BY13" s="389"/>
      <c r="BZ13" s="389"/>
      <c r="CA13" s="389"/>
      <c r="CB13" s="389"/>
      <c r="CC13" s="389"/>
      <c r="CD13" s="389"/>
      <c r="CE13" s="389"/>
      <c r="CF13" s="389"/>
      <c r="CG13" s="389"/>
      <c r="CH13" s="389"/>
      <c r="CI13" s="389"/>
      <c r="CJ13" s="389"/>
      <c r="CK13" s="389"/>
      <c r="CL13" s="389"/>
      <c r="CM13" s="389"/>
      <c r="CQ13" s="3" ph="1"/>
      <c r="CR13" s="3" ph="1"/>
      <c r="CS13" s="3" ph="1"/>
      <c r="CT13" s="3" ph="1"/>
      <c r="CU13" s="3" ph="1"/>
      <c r="CV13" s="3" ph="1"/>
    </row>
    <row r="14" spans="1:100" ht="17.25" customHeight="1" x14ac:dyDescent="0.15">
      <c r="A14" s="426">
        <v>4</v>
      </c>
      <c r="B14" s="651"/>
      <c r="C14" s="651"/>
      <c r="D14" s="651"/>
      <c r="E14" s="651"/>
      <c r="F14" s="370"/>
      <c r="G14" s="370"/>
      <c r="H14" s="370"/>
      <c r="I14" s="370"/>
      <c r="J14" s="370"/>
      <c r="K14" s="370"/>
      <c r="L14" s="370"/>
      <c r="M14" s="370"/>
      <c r="N14" s="152"/>
      <c r="O14" s="418"/>
      <c r="P14" s="419"/>
      <c r="Q14" s="377">
        <v>20728</v>
      </c>
      <c r="R14" s="220"/>
      <c r="S14" s="220"/>
      <c r="T14" s="220"/>
      <c r="U14" s="371" t="s">
        <v>326</v>
      </c>
      <c r="V14" s="220"/>
      <c r="W14" s="220"/>
      <c r="X14" s="220"/>
      <c r="Y14" s="854" t="s">
        <v>362</v>
      </c>
      <c r="Z14" s="400"/>
      <c r="AA14" s="400"/>
      <c r="AB14" s="400"/>
      <c r="AC14" s="400"/>
      <c r="AD14" s="400"/>
      <c r="AE14" s="400"/>
      <c r="AF14" s="400"/>
      <c r="AG14" s="400"/>
      <c r="AH14" s="400"/>
      <c r="AI14" s="400"/>
      <c r="AJ14" s="400"/>
      <c r="AK14" s="400"/>
      <c r="AL14" s="401"/>
      <c r="AM14" s="5"/>
      <c r="AN14" s="292" t="s">
        <v>219</v>
      </c>
      <c r="AO14" s="293"/>
      <c r="AP14" s="293"/>
      <c r="AQ14" s="293"/>
      <c r="AR14" s="293"/>
      <c r="AS14" s="294"/>
      <c r="AT14" s="392" t="s">
        <v>839</v>
      </c>
      <c r="AU14" s="393"/>
      <c r="AV14" s="393"/>
      <c r="AW14" s="393"/>
      <c r="AX14" s="393"/>
      <c r="AY14" s="393"/>
      <c r="AZ14" s="393"/>
      <c r="BA14" s="393"/>
      <c r="BB14" s="393"/>
      <c r="BC14" s="393"/>
      <c r="BD14" s="393"/>
      <c r="BE14" s="393"/>
      <c r="BF14" s="393"/>
      <c r="BG14" s="393"/>
      <c r="BH14" s="393"/>
      <c r="BI14" s="393"/>
      <c r="BJ14" s="393"/>
      <c r="BK14" s="393"/>
      <c r="BL14" s="393"/>
      <c r="BM14" s="393"/>
      <c r="BN14" s="393"/>
      <c r="BO14" s="393"/>
      <c r="BP14" s="393"/>
      <c r="BQ14" s="393"/>
      <c r="BR14" s="393"/>
      <c r="BS14" s="393"/>
      <c r="BT14" s="393"/>
      <c r="BU14" s="393"/>
      <c r="BV14" s="393"/>
      <c r="BW14" s="393"/>
      <c r="BX14" s="393"/>
      <c r="BY14" s="393"/>
      <c r="BZ14" s="393"/>
      <c r="CA14" s="393"/>
      <c r="CB14" s="393"/>
      <c r="CC14" s="393"/>
      <c r="CD14" s="393"/>
      <c r="CE14" s="393"/>
      <c r="CF14" s="393"/>
      <c r="CG14" s="393"/>
      <c r="CH14" s="393"/>
      <c r="CI14" s="393"/>
      <c r="CJ14" s="393"/>
      <c r="CK14" s="393"/>
      <c r="CL14" s="393"/>
      <c r="CM14" s="394"/>
      <c r="CQ14" s="3" ph="1"/>
      <c r="CR14" s="3" ph="1"/>
      <c r="CS14" s="3" ph="1"/>
      <c r="CT14" s="3" ph="1"/>
      <c r="CU14" s="3" ph="1"/>
      <c r="CV14" s="3" ph="1"/>
    </row>
    <row r="15" spans="1:100" ht="17.25" customHeight="1" x14ac:dyDescent="0.15">
      <c r="A15" s="428" t="s">
        <v>246</v>
      </c>
      <c r="B15" s="428"/>
      <c r="C15" s="428"/>
      <c r="D15" s="428"/>
      <c r="E15" s="428"/>
      <c r="F15" s="429">
        <v>46506</v>
      </c>
      <c r="G15" s="430"/>
      <c r="H15" s="430"/>
      <c r="I15" s="430"/>
      <c r="J15" s="430"/>
      <c r="K15" s="430"/>
      <c r="L15" s="430"/>
      <c r="M15" s="430"/>
      <c r="N15" s="152"/>
      <c r="O15" s="418"/>
      <c r="P15" s="419"/>
      <c r="Q15" s="377"/>
      <c r="R15" s="220"/>
      <c r="S15" s="220"/>
      <c r="T15" s="220"/>
      <c r="U15" s="371"/>
      <c r="V15" s="220"/>
      <c r="W15" s="220"/>
      <c r="X15" s="220"/>
      <c r="Y15" s="400"/>
      <c r="Z15" s="400"/>
      <c r="AA15" s="400"/>
      <c r="AB15" s="400"/>
      <c r="AC15" s="400"/>
      <c r="AD15" s="400"/>
      <c r="AE15" s="400"/>
      <c r="AF15" s="400"/>
      <c r="AG15" s="400"/>
      <c r="AH15" s="400"/>
      <c r="AI15" s="400"/>
      <c r="AJ15" s="400"/>
      <c r="AK15" s="400"/>
      <c r="AL15" s="401"/>
      <c r="AM15" s="5"/>
      <c r="AN15" s="295"/>
      <c r="AO15" s="296"/>
      <c r="AP15" s="296"/>
      <c r="AQ15" s="296"/>
      <c r="AR15" s="296"/>
      <c r="AS15" s="297"/>
      <c r="AT15" s="395"/>
      <c r="AU15" s="396"/>
      <c r="AV15" s="396"/>
      <c r="AW15" s="396"/>
      <c r="AX15" s="396"/>
      <c r="AY15" s="396"/>
      <c r="AZ15" s="396"/>
      <c r="BA15" s="396"/>
      <c r="BB15" s="396"/>
      <c r="BC15" s="396"/>
      <c r="BD15" s="396"/>
      <c r="BE15" s="396"/>
      <c r="BF15" s="396"/>
      <c r="BG15" s="396"/>
      <c r="BH15" s="396"/>
      <c r="BI15" s="396"/>
      <c r="BJ15" s="396"/>
      <c r="BK15" s="396"/>
      <c r="BL15" s="396"/>
      <c r="BM15" s="396"/>
      <c r="BN15" s="396"/>
      <c r="BO15" s="396"/>
      <c r="BP15" s="396"/>
      <c r="BQ15" s="396"/>
      <c r="BR15" s="396"/>
      <c r="BS15" s="396"/>
      <c r="BT15" s="396"/>
      <c r="BU15" s="396"/>
      <c r="BV15" s="396"/>
      <c r="BW15" s="396"/>
      <c r="BX15" s="396"/>
      <c r="BY15" s="396"/>
      <c r="BZ15" s="396"/>
      <c r="CA15" s="396"/>
      <c r="CB15" s="396"/>
      <c r="CC15" s="396"/>
      <c r="CD15" s="396"/>
      <c r="CE15" s="396"/>
      <c r="CF15" s="396"/>
      <c r="CG15" s="396"/>
      <c r="CH15" s="396"/>
      <c r="CI15" s="396"/>
      <c r="CJ15" s="396"/>
      <c r="CK15" s="396"/>
      <c r="CL15" s="396"/>
      <c r="CM15" s="397"/>
    </row>
    <row r="16" spans="1:100" ht="17.25" customHeight="1" x14ac:dyDescent="0.15">
      <c r="A16" s="382" t="s">
        <v>249</v>
      </c>
      <c r="B16" s="484"/>
      <c r="C16" s="484"/>
      <c r="D16" s="484"/>
      <c r="E16" s="485"/>
      <c r="F16" s="345" t="s">
        <v>1243</v>
      </c>
      <c r="G16" s="346"/>
      <c r="H16" s="346"/>
      <c r="I16" s="346"/>
      <c r="J16" s="346"/>
      <c r="K16" s="346"/>
      <c r="L16" s="346"/>
      <c r="M16" s="346"/>
      <c r="N16" s="152"/>
      <c r="O16" s="418"/>
      <c r="P16" s="419"/>
      <c r="Q16" s="377">
        <v>21094</v>
      </c>
      <c r="R16" s="220"/>
      <c r="S16" s="220"/>
      <c r="T16" s="220"/>
      <c r="U16" s="371" t="s">
        <v>326</v>
      </c>
      <c r="V16" s="220"/>
      <c r="W16" s="220"/>
      <c r="X16" s="220"/>
      <c r="Y16" s="371" t="s">
        <v>363</v>
      </c>
      <c r="Z16" s="220"/>
      <c r="AA16" s="220"/>
      <c r="AB16" s="220"/>
      <c r="AC16" s="220"/>
      <c r="AD16" s="220"/>
      <c r="AE16" s="220"/>
      <c r="AF16" s="220"/>
      <c r="AG16" s="220"/>
      <c r="AH16" s="220"/>
      <c r="AI16" s="220"/>
      <c r="AJ16" s="220"/>
      <c r="AK16" s="220"/>
      <c r="AL16" s="372"/>
      <c r="AM16" s="5"/>
      <c r="AN16" s="292" t="s">
        <v>220</v>
      </c>
      <c r="AO16" s="293"/>
      <c r="AP16" s="293"/>
      <c r="AQ16" s="293"/>
      <c r="AR16" s="293"/>
      <c r="AS16" s="294"/>
      <c r="AT16" s="392" t="s">
        <v>1080</v>
      </c>
      <c r="AU16" s="393"/>
      <c r="AV16" s="393"/>
      <c r="AW16" s="393"/>
      <c r="AX16" s="393"/>
      <c r="AY16" s="393"/>
      <c r="AZ16" s="393"/>
      <c r="BA16" s="393"/>
      <c r="BB16" s="393"/>
      <c r="BC16" s="393"/>
      <c r="BD16" s="393"/>
      <c r="BE16" s="393"/>
      <c r="BF16" s="393"/>
      <c r="BG16" s="393"/>
      <c r="BH16" s="393"/>
      <c r="BI16" s="393"/>
      <c r="BJ16" s="393"/>
      <c r="BK16" s="393"/>
      <c r="BL16" s="393"/>
      <c r="BM16" s="393"/>
      <c r="BN16" s="393"/>
      <c r="BO16" s="393"/>
      <c r="BP16" s="393"/>
      <c r="BQ16" s="393"/>
      <c r="BR16" s="393"/>
      <c r="BS16" s="393"/>
      <c r="BT16" s="393"/>
      <c r="BU16" s="393"/>
      <c r="BV16" s="393"/>
      <c r="BW16" s="393"/>
      <c r="BX16" s="393"/>
      <c r="BY16" s="393"/>
      <c r="BZ16" s="393"/>
      <c r="CA16" s="393"/>
      <c r="CB16" s="393"/>
      <c r="CC16" s="393"/>
      <c r="CD16" s="393"/>
      <c r="CE16" s="393"/>
      <c r="CF16" s="393"/>
      <c r="CG16" s="393"/>
      <c r="CH16" s="393"/>
      <c r="CI16" s="393"/>
      <c r="CJ16" s="393"/>
      <c r="CK16" s="393"/>
      <c r="CL16" s="393"/>
      <c r="CM16" s="394"/>
      <c r="CQ16" s="3" ph="1"/>
      <c r="CR16" s="3" ph="1"/>
      <c r="CS16" s="3" ph="1"/>
      <c r="CT16" s="3" ph="1"/>
      <c r="CU16" s="3" ph="1"/>
      <c r="CV16" s="3" ph="1"/>
    </row>
    <row r="17" spans="1:100" ht="17.25" customHeight="1" x14ac:dyDescent="0.15">
      <c r="A17" s="361"/>
      <c r="B17" s="362"/>
      <c r="C17" s="362"/>
      <c r="D17" s="362"/>
      <c r="E17" s="363"/>
      <c r="F17" s="398" t="s">
        <v>1242</v>
      </c>
      <c r="G17" s="369"/>
      <c r="H17" s="369"/>
      <c r="I17" s="369"/>
      <c r="J17" s="369"/>
      <c r="K17" s="369"/>
      <c r="L17" s="369"/>
      <c r="M17" s="369"/>
      <c r="N17" s="152"/>
      <c r="O17" s="418"/>
      <c r="P17" s="419"/>
      <c r="Q17" s="377">
        <v>36982</v>
      </c>
      <c r="R17" s="220"/>
      <c r="S17" s="220"/>
      <c r="T17" s="220"/>
      <c r="U17" s="371" t="s">
        <v>364</v>
      </c>
      <c r="V17" s="220"/>
      <c r="W17" s="220"/>
      <c r="X17" s="220"/>
      <c r="Y17" s="371"/>
      <c r="Z17" s="852"/>
      <c r="AA17" s="852"/>
      <c r="AB17" s="852"/>
      <c r="AC17" s="852"/>
      <c r="AD17" s="852"/>
      <c r="AE17" s="852"/>
      <c r="AF17" s="852"/>
      <c r="AG17" s="852"/>
      <c r="AH17" s="852"/>
      <c r="AI17" s="852"/>
      <c r="AJ17" s="852"/>
      <c r="AK17" s="852"/>
      <c r="AL17" s="853"/>
      <c r="AM17" s="5"/>
      <c r="AN17" s="295"/>
      <c r="AO17" s="296"/>
      <c r="AP17" s="296"/>
      <c r="AQ17" s="296"/>
      <c r="AR17" s="296"/>
      <c r="AS17" s="297"/>
      <c r="AT17" s="395"/>
      <c r="AU17" s="396"/>
      <c r="AV17" s="396"/>
      <c r="AW17" s="396"/>
      <c r="AX17" s="396"/>
      <c r="AY17" s="396"/>
      <c r="AZ17" s="396"/>
      <c r="BA17" s="396"/>
      <c r="BB17" s="396"/>
      <c r="BC17" s="396"/>
      <c r="BD17" s="396"/>
      <c r="BE17" s="396"/>
      <c r="BF17" s="396"/>
      <c r="BG17" s="396"/>
      <c r="BH17" s="396"/>
      <c r="BI17" s="396"/>
      <c r="BJ17" s="396"/>
      <c r="BK17" s="396"/>
      <c r="BL17" s="396"/>
      <c r="BM17" s="396"/>
      <c r="BN17" s="396"/>
      <c r="BO17" s="396"/>
      <c r="BP17" s="396"/>
      <c r="BQ17" s="396"/>
      <c r="BR17" s="396"/>
      <c r="BS17" s="396"/>
      <c r="BT17" s="396"/>
      <c r="BU17" s="396"/>
      <c r="BV17" s="396"/>
      <c r="BW17" s="396"/>
      <c r="BX17" s="396"/>
      <c r="BY17" s="396"/>
      <c r="BZ17" s="396"/>
      <c r="CA17" s="396"/>
      <c r="CB17" s="396"/>
      <c r="CC17" s="396"/>
      <c r="CD17" s="396"/>
      <c r="CE17" s="396"/>
      <c r="CF17" s="396"/>
      <c r="CG17" s="396"/>
      <c r="CH17" s="396"/>
      <c r="CI17" s="396"/>
      <c r="CJ17" s="396"/>
      <c r="CK17" s="396"/>
      <c r="CL17" s="396"/>
      <c r="CM17" s="397"/>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152"/>
      <c r="O18" s="418"/>
      <c r="P18" s="419"/>
      <c r="Q18" s="377">
        <v>42095</v>
      </c>
      <c r="R18" s="220"/>
      <c r="S18" s="220"/>
      <c r="T18" s="220"/>
      <c r="U18" s="123" t="s">
        <v>382</v>
      </c>
      <c r="V18" s="6"/>
      <c r="W18" s="6"/>
      <c r="X18" s="6"/>
      <c r="Y18" s="123"/>
      <c r="Z18" s="6"/>
      <c r="AA18" s="6"/>
      <c r="AB18" s="6"/>
      <c r="AC18" s="6"/>
      <c r="AD18" s="6"/>
      <c r="AE18" s="6"/>
      <c r="AF18" s="6"/>
      <c r="AG18" s="6"/>
      <c r="AH18" s="6"/>
      <c r="AI18" s="6"/>
      <c r="AJ18" s="6"/>
      <c r="AK18" s="6"/>
      <c r="AL18" s="7"/>
      <c r="AM18" s="5"/>
      <c r="AN18" s="287" t="s">
        <v>221</v>
      </c>
      <c r="AO18" s="287"/>
      <c r="AP18" s="287"/>
      <c r="AQ18" s="287"/>
      <c r="AR18" s="287"/>
      <c r="AS18" s="287"/>
      <c r="AT18" s="855" t="s">
        <v>1162</v>
      </c>
      <c r="AU18" s="855"/>
      <c r="AV18" s="855"/>
      <c r="AW18" s="855"/>
      <c r="AX18" s="855"/>
      <c r="AY18" s="855"/>
      <c r="AZ18" s="855"/>
      <c r="BA18" s="855"/>
      <c r="BB18" s="855"/>
      <c r="BC18" s="855"/>
      <c r="BD18" s="855"/>
      <c r="BE18" s="855"/>
      <c r="BF18" s="855"/>
      <c r="BG18" s="855"/>
      <c r="BH18" s="855"/>
      <c r="BI18" s="855"/>
      <c r="BJ18" s="855"/>
      <c r="BK18" s="855"/>
      <c r="BL18" s="855"/>
      <c r="BM18" s="855"/>
      <c r="BN18" s="855"/>
      <c r="BO18" s="855"/>
      <c r="BP18" s="855"/>
      <c r="BQ18" s="855"/>
      <c r="BR18" s="855"/>
      <c r="BS18" s="855"/>
      <c r="BT18" s="855"/>
      <c r="BU18" s="855"/>
      <c r="BV18" s="855"/>
      <c r="BW18" s="855"/>
      <c r="BX18" s="855"/>
      <c r="BY18" s="855"/>
      <c r="BZ18" s="855"/>
      <c r="CA18" s="855"/>
      <c r="CB18" s="855"/>
      <c r="CC18" s="855"/>
      <c r="CD18" s="855"/>
      <c r="CE18" s="855"/>
      <c r="CF18" s="855"/>
      <c r="CG18" s="855"/>
      <c r="CH18" s="855"/>
      <c r="CI18" s="855"/>
      <c r="CJ18" s="855"/>
      <c r="CK18" s="855"/>
      <c r="CL18" s="855"/>
      <c r="CM18" s="855"/>
      <c r="CQ18" s="3" ph="1"/>
      <c r="CR18" s="3" ph="1"/>
      <c r="CS18" s="3" ph="1"/>
      <c r="CT18" s="3" ph="1"/>
      <c r="CU18" s="3" ph="1"/>
      <c r="CV18" s="3" ph="1"/>
    </row>
    <row r="19" spans="1:100" ht="17.25" customHeight="1" x14ac:dyDescent="0.15">
      <c r="A19" s="361"/>
      <c r="B19" s="362"/>
      <c r="C19" s="362"/>
      <c r="D19" s="362"/>
      <c r="E19" s="363"/>
      <c r="F19" s="666" t="s">
        <v>1244</v>
      </c>
      <c r="G19" s="667"/>
      <c r="H19" s="667"/>
      <c r="I19" s="667"/>
      <c r="J19" s="667"/>
      <c r="K19" s="667"/>
      <c r="L19" s="667"/>
      <c r="M19" s="667"/>
      <c r="N19" s="152"/>
      <c r="O19" s="418"/>
      <c r="P19" s="419"/>
      <c r="Q19" s="377"/>
      <c r="R19" s="220"/>
      <c r="S19" s="220"/>
      <c r="T19" s="220"/>
      <c r="U19" s="371"/>
      <c r="V19" s="852"/>
      <c r="W19" s="852"/>
      <c r="X19" s="852"/>
      <c r="Y19" s="371"/>
      <c r="Z19" s="852"/>
      <c r="AA19" s="852"/>
      <c r="AB19" s="852"/>
      <c r="AC19" s="852"/>
      <c r="AD19" s="852"/>
      <c r="AE19" s="852"/>
      <c r="AF19" s="852"/>
      <c r="AG19" s="852"/>
      <c r="AH19" s="852"/>
      <c r="AI19" s="852"/>
      <c r="AJ19" s="852"/>
      <c r="AK19" s="852"/>
      <c r="AL19" s="853"/>
      <c r="AM19" s="5"/>
      <c r="AN19" s="287"/>
      <c r="AO19" s="287"/>
      <c r="AP19" s="287"/>
      <c r="AQ19" s="287"/>
      <c r="AR19" s="287"/>
      <c r="AS19" s="287"/>
      <c r="AT19" s="855"/>
      <c r="AU19" s="855"/>
      <c r="AV19" s="855"/>
      <c r="AW19" s="855"/>
      <c r="AX19" s="855"/>
      <c r="AY19" s="855"/>
      <c r="AZ19" s="855"/>
      <c r="BA19" s="855"/>
      <c r="BB19" s="855"/>
      <c r="BC19" s="855"/>
      <c r="BD19" s="855"/>
      <c r="BE19" s="855"/>
      <c r="BF19" s="855"/>
      <c r="BG19" s="855"/>
      <c r="BH19" s="855"/>
      <c r="BI19" s="855"/>
      <c r="BJ19" s="855"/>
      <c r="BK19" s="855"/>
      <c r="BL19" s="855"/>
      <c r="BM19" s="855"/>
      <c r="BN19" s="855"/>
      <c r="BO19" s="855"/>
      <c r="BP19" s="855"/>
      <c r="BQ19" s="855"/>
      <c r="BR19" s="855"/>
      <c r="BS19" s="855"/>
      <c r="BT19" s="855"/>
      <c r="BU19" s="855"/>
      <c r="BV19" s="855"/>
      <c r="BW19" s="855"/>
      <c r="BX19" s="855"/>
      <c r="BY19" s="855"/>
      <c r="BZ19" s="855"/>
      <c r="CA19" s="855"/>
      <c r="CB19" s="855"/>
      <c r="CC19" s="855"/>
      <c r="CD19" s="855"/>
      <c r="CE19" s="855"/>
      <c r="CF19" s="855"/>
      <c r="CG19" s="855"/>
      <c r="CH19" s="855"/>
      <c r="CI19" s="855"/>
      <c r="CJ19" s="855"/>
      <c r="CK19" s="855"/>
      <c r="CL19" s="855"/>
      <c r="CM19" s="855"/>
      <c r="CQ19" s="3" ph="1"/>
      <c r="CR19" s="3" ph="1"/>
      <c r="CS19" s="3" ph="1"/>
      <c r="CT19" s="3" ph="1"/>
      <c r="CU19" s="3" ph="1"/>
      <c r="CV19" s="3" ph="1"/>
    </row>
    <row r="20" spans="1:100" ht="17.25" customHeight="1" x14ac:dyDescent="0.15">
      <c r="A20" s="361"/>
      <c r="B20" s="362"/>
      <c r="C20" s="362"/>
      <c r="D20" s="362"/>
      <c r="E20" s="363"/>
      <c r="F20" s="336" t="s">
        <v>1245</v>
      </c>
      <c r="G20" s="337"/>
      <c r="H20" s="337"/>
      <c r="I20" s="337"/>
      <c r="J20" s="337"/>
      <c r="K20" s="337"/>
      <c r="L20" s="337"/>
      <c r="M20" s="338"/>
      <c r="N20" s="152"/>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t="s">
        <v>222</v>
      </c>
      <c r="AO20" s="287"/>
      <c r="AP20" s="287"/>
      <c r="AQ20" s="287"/>
      <c r="AR20" s="287"/>
      <c r="AS20" s="287"/>
      <c r="AT20" s="856" t="s">
        <v>1561</v>
      </c>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1"/>
      <c r="B21" s="362"/>
      <c r="C21" s="362"/>
      <c r="D21" s="362"/>
      <c r="E21" s="363"/>
      <c r="F21" s="339"/>
      <c r="G21" s="340"/>
      <c r="H21" s="340"/>
      <c r="I21" s="340"/>
      <c r="J21" s="340"/>
      <c r="K21" s="340"/>
      <c r="L21" s="340"/>
      <c r="M21" s="341"/>
      <c r="N21" s="152"/>
      <c r="O21" s="418"/>
      <c r="P21" s="419"/>
      <c r="Q21" s="857" t="s">
        <v>353</v>
      </c>
      <c r="R21" s="858"/>
      <c r="S21" s="858"/>
      <c r="T21" s="858"/>
      <c r="U21" s="858"/>
      <c r="V21" s="858"/>
      <c r="W21" s="858"/>
      <c r="X21" s="858"/>
      <c r="Y21" s="858"/>
      <c r="Z21" s="858"/>
      <c r="AA21" s="858"/>
      <c r="AB21" s="858"/>
      <c r="AC21" s="858"/>
      <c r="AD21" s="858"/>
      <c r="AE21" s="858"/>
      <c r="AF21" s="858"/>
      <c r="AG21" s="858"/>
      <c r="AH21" s="858"/>
      <c r="AI21" s="858"/>
      <c r="AJ21" s="858"/>
      <c r="AK21" s="858"/>
      <c r="AL21" s="859"/>
      <c r="AM21" s="5"/>
      <c r="AN21" s="287"/>
      <c r="AO21" s="287"/>
      <c r="AP21" s="287"/>
      <c r="AQ21" s="287"/>
      <c r="AR21" s="287"/>
      <c r="AS21" s="287"/>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32" t="s">
        <v>259</v>
      </c>
      <c r="B22" s="332"/>
      <c r="C22" s="332"/>
      <c r="D22" s="332"/>
      <c r="E22" s="332"/>
      <c r="F22" s="345" t="s">
        <v>1639</v>
      </c>
      <c r="G22" s="346"/>
      <c r="H22" s="346"/>
      <c r="I22" s="346"/>
      <c r="J22" s="346"/>
      <c r="K22" s="346"/>
      <c r="L22" s="346"/>
      <c r="M22" s="346"/>
      <c r="N22" s="152"/>
      <c r="O22" s="416" t="s">
        <v>258</v>
      </c>
      <c r="P22" s="417"/>
      <c r="Q22" s="486" t="s">
        <v>354</v>
      </c>
      <c r="R22" s="487"/>
      <c r="S22" s="487"/>
      <c r="T22" s="487"/>
      <c r="U22" s="487"/>
      <c r="V22" s="487"/>
      <c r="W22" s="487"/>
      <c r="X22" s="487"/>
      <c r="Y22" s="487"/>
      <c r="Z22" s="487"/>
      <c r="AA22" s="487"/>
      <c r="AB22" s="487"/>
      <c r="AC22" s="487"/>
      <c r="AD22" s="487"/>
      <c r="AE22" s="487"/>
      <c r="AF22" s="487"/>
      <c r="AG22" s="487"/>
      <c r="AH22" s="487"/>
      <c r="AI22" s="487"/>
      <c r="AJ22" s="487"/>
      <c r="AK22" s="487"/>
      <c r="AL22" s="488"/>
      <c r="AM22" s="5"/>
      <c r="AN22" s="864" t="s">
        <v>460</v>
      </c>
      <c r="AO22" s="864"/>
      <c r="AP22" s="864"/>
      <c r="AQ22" s="864"/>
      <c r="AR22" s="864"/>
      <c r="AS22" s="864"/>
      <c r="AT22" s="864"/>
      <c r="AU22" s="864"/>
      <c r="AV22" s="864"/>
      <c r="AW22" s="864"/>
      <c r="AX22" s="864"/>
      <c r="AY22" s="864"/>
      <c r="AZ22" s="864"/>
      <c r="BA22" s="864"/>
      <c r="BB22" s="864"/>
      <c r="BC22" s="864"/>
      <c r="BD22" s="864"/>
      <c r="BE22" s="864"/>
      <c r="BF22" s="864"/>
      <c r="BG22" s="864"/>
      <c r="BH22" s="864"/>
      <c r="BI22" s="864"/>
      <c r="BJ22" s="864"/>
      <c r="BK22" s="864"/>
      <c r="BL22" s="864"/>
      <c r="BM22" s="864"/>
      <c r="BN22" s="864"/>
      <c r="BO22" s="864"/>
      <c r="BP22" s="864"/>
      <c r="BQ22" s="864"/>
      <c r="BR22" s="864"/>
      <c r="BS22" s="864"/>
      <c r="BT22" s="864"/>
      <c r="BU22" s="864"/>
      <c r="BV22" s="864"/>
      <c r="BW22" s="864"/>
      <c r="BX22" s="864"/>
      <c r="BY22" s="864"/>
      <c r="BZ22" s="864"/>
      <c r="CA22" s="864"/>
      <c r="CB22" s="864"/>
      <c r="CC22" s="864"/>
      <c r="CD22" s="864"/>
      <c r="CE22" s="864"/>
      <c r="CF22" s="864"/>
      <c r="CG22" s="864"/>
      <c r="CH22" s="864"/>
      <c r="CI22" s="864"/>
      <c r="CJ22" s="864"/>
      <c r="CK22" s="864"/>
      <c r="CL22" s="864"/>
      <c r="CM22" s="864"/>
      <c r="CQ22" s="3" ph="1"/>
      <c r="CR22" s="3" ph="1"/>
      <c r="CS22" s="3" ph="1"/>
      <c r="CT22" s="3" ph="1"/>
      <c r="CU22" s="3" ph="1"/>
      <c r="CV22" s="3" ph="1"/>
    </row>
    <row r="23" spans="1:100" ht="17.25" customHeight="1" x14ac:dyDescent="0.15">
      <c r="A23" s="328"/>
      <c r="B23" s="328"/>
      <c r="C23" s="328"/>
      <c r="D23" s="328"/>
      <c r="E23" s="328"/>
      <c r="F23" s="336" t="s">
        <v>1638</v>
      </c>
      <c r="G23" s="337"/>
      <c r="H23" s="337"/>
      <c r="I23" s="337"/>
      <c r="J23" s="337"/>
      <c r="K23" s="337"/>
      <c r="L23" s="337"/>
      <c r="M23" s="338"/>
      <c r="N23" s="152"/>
      <c r="O23" s="420"/>
      <c r="P23" s="421"/>
      <c r="Q23" s="342">
        <v>30042</v>
      </c>
      <c r="R23" s="343"/>
      <c r="S23" s="343"/>
      <c r="T23" s="343"/>
      <c r="U23" s="343"/>
      <c r="V23" s="343"/>
      <c r="W23" s="343"/>
      <c r="X23" s="343"/>
      <c r="Y23" s="343"/>
      <c r="Z23" s="343"/>
      <c r="AA23" s="343"/>
      <c r="AB23" s="343"/>
      <c r="AC23" s="343"/>
      <c r="AD23" s="343"/>
      <c r="AE23" s="343"/>
      <c r="AF23" s="343"/>
      <c r="AG23" s="343"/>
      <c r="AH23" s="343"/>
      <c r="AI23" s="343"/>
      <c r="AJ23" s="343"/>
      <c r="AK23" s="343"/>
      <c r="AL23" s="344"/>
      <c r="AM23" s="5"/>
      <c r="AN23" s="23" t="s">
        <v>16</v>
      </c>
      <c r="AO23" s="862" t="s">
        <v>1486</v>
      </c>
      <c r="AP23" s="862"/>
      <c r="AQ23" s="862"/>
      <c r="AR23" s="862"/>
      <c r="AS23" s="862"/>
      <c r="AT23" s="862"/>
      <c r="AU23" s="862"/>
      <c r="AV23" s="862"/>
      <c r="AW23" s="862"/>
      <c r="AX23" s="862"/>
      <c r="AY23" s="862"/>
      <c r="AZ23" s="862"/>
      <c r="BA23" s="862"/>
      <c r="BB23" s="862"/>
      <c r="BC23" s="862"/>
      <c r="BD23" s="862"/>
      <c r="BE23" s="862"/>
      <c r="BF23" s="862"/>
      <c r="BG23" s="862"/>
      <c r="BH23" s="862"/>
      <c r="BI23" s="862"/>
      <c r="BJ23" s="862"/>
      <c r="BK23" s="862"/>
      <c r="BL23" s="862"/>
      <c r="BM23" s="862"/>
      <c r="BN23" s="862"/>
      <c r="BO23" s="862"/>
      <c r="BP23" s="862"/>
      <c r="BQ23" s="862"/>
      <c r="BR23" s="862"/>
      <c r="BS23" s="862"/>
      <c r="BT23" s="862"/>
      <c r="BU23" s="862"/>
      <c r="BV23" s="862"/>
      <c r="BW23" s="862"/>
      <c r="BX23" s="862"/>
      <c r="BY23" s="862"/>
      <c r="BZ23" s="862"/>
      <c r="CA23" s="862"/>
      <c r="CB23" s="862"/>
      <c r="CC23" s="862"/>
      <c r="CD23" s="862"/>
      <c r="CE23" s="862"/>
      <c r="CF23" s="862"/>
      <c r="CG23" s="862"/>
      <c r="CH23" s="862"/>
      <c r="CI23" s="862"/>
      <c r="CJ23" s="862"/>
      <c r="CK23" s="862"/>
      <c r="CL23" s="862"/>
      <c r="CM23" s="863"/>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152"/>
      <c r="O24" s="382" t="s">
        <v>260</v>
      </c>
      <c r="P24" s="485"/>
      <c r="Q24" s="486" t="s">
        <v>355</v>
      </c>
      <c r="R24" s="487"/>
      <c r="S24" s="487"/>
      <c r="T24" s="487"/>
      <c r="U24" s="487"/>
      <c r="V24" s="487"/>
      <c r="W24" s="487"/>
      <c r="X24" s="487"/>
      <c r="Y24" s="487"/>
      <c r="Z24" s="487"/>
      <c r="AA24" s="487"/>
      <c r="AB24" s="487"/>
      <c r="AC24" s="487"/>
      <c r="AD24" s="487"/>
      <c r="AE24" s="487"/>
      <c r="AF24" s="487"/>
      <c r="AG24" s="487"/>
      <c r="AH24" s="487"/>
      <c r="AI24" s="487"/>
      <c r="AJ24" s="487"/>
      <c r="AK24" s="487"/>
      <c r="AL24" s="488"/>
      <c r="AM24" s="5"/>
      <c r="AN24" s="24" t="s">
        <v>16</v>
      </c>
      <c r="AO24" s="727" t="s">
        <v>1487</v>
      </c>
      <c r="AP24" s="727"/>
      <c r="AQ24" s="727"/>
      <c r="AR24" s="727"/>
      <c r="AS24" s="727"/>
      <c r="AT24" s="727"/>
      <c r="AU24" s="727"/>
      <c r="AV24" s="727"/>
      <c r="AW24" s="727"/>
      <c r="AX24" s="727"/>
      <c r="AY24" s="727"/>
      <c r="AZ24" s="727"/>
      <c r="BA24" s="727"/>
      <c r="BB24" s="727"/>
      <c r="BC24" s="727"/>
      <c r="BD24" s="727"/>
      <c r="BE24" s="727"/>
      <c r="BF24" s="727"/>
      <c r="BG24" s="727"/>
      <c r="BH24" s="727"/>
      <c r="BI24" s="727"/>
      <c r="BJ24" s="727"/>
      <c r="BK24" s="727"/>
      <c r="BL24" s="727"/>
      <c r="BM24" s="727"/>
      <c r="BN24" s="727"/>
      <c r="BO24" s="727"/>
      <c r="BP24" s="727"/>
      <c r="BQ24" s="727"/>
      <c r="BR24" s="727"/>
      <c r="BS24" s="727"/>
      <c r="BT24" s="727"/>
      <c r="BU24" s="727"/>
      <c r="BV24" s="727"/>
      <c r="BW24" s="727"/>
      <c r="BX24" s="727"/>
      <c r="BY24" s="727"/>
      <c r="BZ24" s="727"/>
      <c r="CA24" s="727"/>
      <c r="CB24" s="727"/>
      <c r="CC24" s="727"/>
      <c r="CD24" s="727"/>
      <c r="CE24" s="727"/>
      <c r="CF24" s="727"/>
      <c r="CG24" s="727"/>
      <c r="CH24" s="727"/>
      <c r="CI24" s="727"/>
      <c r="CJ24" s="727"/>
      <c r="CK24" s="727"/>
      <c r="CL24" s="727"/>
      <c r="CM24" s="728"/>
      <c r="CQ24" s="3" ph="1"/>
      <c r="CR24" s="3" ph="1"/>
      <c r="CS24" s="3" ph="1"/>
      <c r="CT24" s="3" ph="1"/>
      <c r="CU24" s="3" ph="1"/>
      <c r="CV24" s="3" ph="1"/>
    </row>
    <row r="25" spans="1:100" ht="17.25" customHeight="1" x14ac:dyDescent="0.15">
      <c r="A25" s="328" t="s">
        <v>263</v>
      </c>
      <c r="B25" s="328"/>
      <c r="C25" s="328"/>
      <c r="D25" s="328"/>
      <c r="E25" s="328"/>
      <c r="F25" s="844" t="s">
        <v>1641</v>
      </c>
      <c r="G25" s="845"/>
      <c r="H25" s="845"/>
      <c r="I25" s="845"/>
      <c r="J25" s="845"/>
      <c r="K25" s="845"/>
      <c r="L25" s="845"/>
      <c r="M25" s="845"/>
      <c r="N25" s="152"/>
      <c r="O25" s="364"/>
      <c r="P25" s="366"/>
      <c r="Q25" s="342">
        <v>30042</v>
      </c>
      <c r="R25" s="343"/>
      <c r="S25" s="343"/>
      <c r="T25" s="343"/>
      <c r="U25" s="343"/>
      <c r="V25" s="343"/>
      <c r="W25" s="343"/>
      <c r="X25" s="343"/>
      <c r="Y25" s="343"/>
      <c r="Z25" s="343"/>
      <c r="AA25" s="343"/>
      <c r="AB25" s="343"/>
      <c r="AC25" s="343"/>
      <c r="AD25" s="343"/>
      <c r="AE25" s="343"/>
      <c r="AF25" s="343"/>
      <c r="AG25" s="343"/>
      <c r="AH25" s="343"/>
      <c r="AI25" s="343"/>
      <c r="AJ25" s="343"/>
      <c r="AK25" s="343"/>
      <c r="AL25" s="344"/>
      <c r="AM25" s="5"/>
      <c r="AN25" s="24" t="s">
        <v>16</v>
      </c>
      <c r="AO25" s="727" t="s">
        <v>1355</v>
      </c>
      <c r="AP25" s="727"/>
      <c r="AQ25" s="727"/>
      <c r="AR25" s="727"/>
      <c r="AS25" s="727"/>
      <c r="AT25" s="727"/>
      <c r="AU25" s="727"/>
      <c r="AV25" s="727"/>
      <c r="AW25" s="727"/>
      <c r="AX25" s="727"/>
      <c r="AY25" s="727"/>
      <c r="AZ25" s="727"/>
      <c r="BA25" s="727"/>
      <c r="BB25" s="727"/>
      <c r="BC25" s="727"/>
      <c r="BD25" s="727"/>
      <c r="BE25" s="727"/>
      <c r="BF25" s="727"/>
      <c r="BG25" s="727"/>
      <c r="BH25" s="727"/>
      <c r="BI25" s="727"/>
      <c r="BJ25" s="727"/>
      <c r="BK25" s="727"/>
      <c r="BL25" s="727"/>
      <c r="BM25" s="727"/>
      <c r="BN25" s="727"/>
      <c r="BO25" s="727"/>
      <c r="BP25" s="727"/>
      <c r="BQ25" s="727"/>
      <c r="BR25" s="727"/>
      <c r="BS25" s="727"/>
      <c r="BT25" s="727"/>
      <c r="BU25" s="727"/>
      <c r="BV25" s="727"/>
      <c r="BW25" s="727"/>
      <c r="BX25" s="727"/>
      <c r="BY25" s="727"/>
      <c r="BZ25" s="727"/>
      <c r="CA25" s="727"/>
      <c r="CB25" s="727"/>
      <c r="CC25" s="727"/>
      <c r="CD25" s="727"/>
      <c r="CE25" s="727"/>
      <c r="CF25" s="727"/>
      <c r="CG25" s="727"/>
      <c r="CH25" s="727"/>
      <c r="CI25" s="727"/>
      <c r="CJ25" s="727"/>
      <c r="CK25" s="727"/>
      <c r="CL25" s="727"/>
      <c r="CM25" s="728"/>
      <c r="CQ25" s="3" ph="1"/>
      <c r="CR25" s="3" ph="1"/>
      <c r="CS25" s="3" ph="1"/>
      <c r="CT25" s="3" ph="1"/>
      <c r="CU25" s="3" ph="1"/>
      <c r="CV25" s="3" ph="1"/>
    </row>
    <row r="26" spans="1:100" ht="30" customHeight="1" x14ac:dyDescent="0.15">
      <c r="A26" s="328"/>
      <c r="B26" s="328"/>
      <c r="C26" s="328"/>
      <c r="D26" s="328"/>
      <c r="E26" s="328"/>
      <c r="F26" s="336" t="s">
        <v>1640</v>
      </c>
      <c r="G26" s="337"/>
      <c r="H26" s="337"/>
      <c r="I26" s="337"/>
      <c r="J26" s="337"/>
      <c r="K26" s="337"/>
      <c r="L26" s="337"/>
      <c r="M26" s="338"/>
      <c r="N26" s="152"/>
      <c r="O26" s="382" t="s">
        <v>264</v>
      </c>
      <c r="P26" s="485"/>
      <c r="Q26" s="548" t="s">
        <v>356</v>
      </c>
      <c r="R26" s="549"/>
      <c r="S26" s="549"/>
      <c r="T26" s="549"/>
      <c r="U26" s="549"/>
      <c r="V26" s="549"/>
      <c r="W26" s="549"/>
      <c r="X26" s="549"/>
      <c r="Y26" s="549"/>
      <c r="Z26" s="549"/>
      <c r="AA26" s="549"/>
      <c r="AB26" s="549"/>
      <c r="AC26" s="549"/>
      <c r="AD26" s="549"/>
      <c r="AE26" s="549"/>
      <c r="AF26" s="549"/>
      <c r="AG26" s="549"/>
      <c r="AH26" s="549"/>
      <c r="AI26" s="549"/>
      <c r="AJ26" s="549"/>
      <c r="AK26" s="549"/>
      <c r="AL26" s="550"/>
      <c r="AM26" s="5"/>
      <c r="AN26" s="24" t="s">
        <v>16</v>
      </c>
      <c r="AO26" s="865" t="s">
        <v>1356</v>
      </c>
      <c r="AP26" s="865"/>
      <c r="AQ26" s="865"/>
      <c r="AR26" s="865"/>
      <c r="AS26" s="865"/>
      <c r="AT26" s="865"/>
      <c r="AU26" s="865"/>
      <c r="AV26" s="865"/>
      <c r="AW26" s="865"/>
      <c r="AX26" s="865"/>
      <c r="AY26" s="865"/>
      <c r="AZ26" s="865"/>
      <c r="BA26" s="865"/>
      <c r="BB26" s="865"/>
      <c r="BC26" s="865"/>
      <c r="BD26" s="865"/>
      <c r="BE26" s="865"/>
      <c r="BF26" s="865"/>
      <c r="BG26" s="865"/>
      <c r="BH26" s="865"/>
      <c r="BI26" s="865"/>
      <c r="BJ26" s="865"/>
      <c r="BK26" s="865"/>
      <c r="BL26" s="865"/>
      <c r="BM26" s="865"/>
      <c r="BN26" s="865"/>
      <c r="BO26" s="865"/>
      <c r="BP26" s="865"/>
      <c r="BQ26" s="865"/>
      <c r="BR26" s="865"/>
      <c r="BS26" s="865"/>
      <c r="BT26" s="865"/>
      <c r="BU26" s="865"/>
      <c r="BV26" s="865"/>
      <c r="BW26" s="865"/>
      <c r="BX26" s="865"/>
      <c r="BY26" s="865"/>
      <c r="BZ26" s="865"/>
      <c r="CA26" s="865"/>
      <c r="CB26" s="865"/>
      <c r="CC26" s="865"/>
      <c r="CD26" s="865"/>
      <c r="CE26" s="865"/>
      <c r="CF26" s="865"/>
      <c r="CG26" s="865"/>
      <c r="CH26" s="865"/>
      <c r="CI26" s="865"/>
      <c r="CJ26" s="865"/>
      <c r="CK26" s="865"/>
      <c r="CL26" s="865"/>
      <c r="CM26" s="866"/>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152"/>
      <c r="O27" s="364"/>
      <c r="P27" s="366"/>
      <c r="Q27" s="342">
        <v>37530</v>
      </c>
      <c r="R27" s="343"/>
      <c r="S27" s="343"/>
      <c r="T27" s="343"/>
      <c r="U27" s="343"/>
      <c r="V27" s="343"/>
      <c r="W27" s="343"/>
      <c r="X27" s="343"/>
      <c r="Y27" s="343"/>
      <c r="Z27" s="343"/>
      <c r="AA27" s="343"/>
      <c r="AB27" s="343"/>
      <c r="AC27" s="343"/>
      <c r="AD27" s="343"/>
      <c r="AE27" s="343"/>
      <c r="AF27" s="343"/>
      <c r="AG27" s="343"/>
      <c r="AH27" s="343"/>
      <c r="AI27" s="343"/>
      <c r="AJ27" s="343"/>
      <c r="AK27" s="343"/>
      <c r="AL27" s="344"/>
      <c r="AM27" s="108"/>
      <c r="AN27" s="25" t="s">
        <v>16</v>
      </c>
      <c r="AO27" s="860" t="s">
        <v>1488</v>
      </c>
      <c r="AP27" s="860"/>
      <c r="AQ27" s="860"/>
      <c r="AR27" s="860"/>
      <c r="AS27" s="860"/>
      <c r="AT27" s="860"/>
      <c r="AU27" s="860"/>
      <c r="AV27" s="860"/>
      <c r="AW27" s="860"/>
      <c r="AX27" s="860"/>
      <c r="AY27" s="860"/>
      <c r="AZ27" s="860"/>
      <c r="BA27" s="860"/>
      <c r="BB27" s="860"/>
      <c r="BC27" s="860"/>
      <c r="BD27" s="860"/>
      <c r="BE27" s="860"/>
      <c r="BF27" s="860"/>
      <c r="BG27" s="860"/>
      <c r="BH27" s="860"/>
      <c r="BI27" s="860"/>
      <c r="BJ27" s="860"/>
      <c r="BK27" s="860"/>
      <c r="BL27" s="860"/>
      <c r="BM27" s="860"/>
      <c r="BN27" s="860"/>
      <c r="BO27" s="860"/>
      <c r="BP27" s="860"/>
      <c r="BQ27" s="860"/>
      <c r="BR27" s="860"/>
      <c r="BS27" s="860"/>
      <c r="BT27" s="860"/>
      <c r="BU27" s="860"/>
      <c r="BV27" s="860"/>
      <c r="BW27" s="860"/>
      <c r="BX27" s="860"/>
      <c r="BY27" s="860"/>
      <c r="BZ27" s="860"/>
      <c r="CA27" s="860"/>
      <c r="CB27" s="860"/>
      <c r="CC27" s="860"/>
      <c r="CD27" s="860"/>
      <c r="CE27" s="860"/>
      <c r="CF27" s="860"/>
      <c r="CG27" s="860"/>
      <c r="CH27" s="860"/>
      <c r="CI27" s="860"/>
      <c r="CJ27" s="860"/>
      <c r="CK27" s="860"/>
      <c r="CL27" s="860"/>
      <c r="CM27" s="861"/>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108"/>
      <c r="AN28" s="255" t="s">
        <v>261</v>
      </c>
      <c r="AO28" s="255"/>
      <c r="AP28" s="255"/>
      <c r="AQ28" s="255"/>
      <c r="AR28" s="255"/>
      <c r="AS28" s="255"/>
      <c r="AT28" s="255"/>
      <c r="AU28" s="255"/>
      <c r="AV28" s="255"/>
      <c r="AW28" s="255"/>
      <c r="AX28" s="255"/>
      <c r="AY28" s="255"/>
      <c r="AZ28" s="255"/>
      <c r="BA28" s="255"/>
      <c r="BB28" s="255"/>
      <c r="BC28" s="255"/>
      <c r="BD28" s="255"/>
      <c r="BE28" s="255"/>
      <c r="BF28" s="255"/>
      <c r="BG28" s="255"/>
      <c r="BH28" s="255"/>
      <c r="BI28" s="255"/>
      <c r="BJ28" s="255"/>
      <c r="BK28" s="255"/>
      <c r="BL28" s="255"/>
      <c r="BM28" s="255"/>
      <c r="BN28" s="255"/>
      <c r="BO28" s="255"/>
      <c r="BP28" s="255"/>
      <c r="BQ28" s="388"/>
      <c r="BR28" s="388"/>
      <c r="BS28" s="388"/>
      <c r="BT28" s="388"/>
      <c r="BU28" s="388"/>
      <c r="BV28" s="388"/>
      <c r="BW28" s="388"/>
      <c r="BX28" s="388"/>
      <c r="BY28" s="388"/>
      <c r="BZ28" s="388"/>
      <c r="CA28" s="388"/>
      <c r="CB28" s="388"/>
      <c r="CC28" s="388"/>
      <c r="CD28" s="388"/>
      <c r="CE28" s="388"/>
      <c r="CF28" s="388"/>
      <c r="CG28" s="388"/>
      <c r="CH28" s="388"/>
      <c r="CI28" s="388"/>
      <c r="CJ28" s="388"/>
      <c r="CK28" s="388"/>
      <c r="CL28" s="388"/>
      <c r="CM28" s="388"/>
      <c r="CN28" s="33"/>
      <c r="CQ28" s="3" ph="1"/>
      <c r="CR28" s="3" ph="1"/>
      <c r="CS28" s="3" ph="1"/>
      <c r="CT28" s="3" ph="1"/>
      <c r="CU28" s="3" ph="1"/>
      <c r="CV28" s="3" ph="1"/>
    </row>
    <row r="29" spans="1:100" ht="19.5" x14ac:dyDescent="0.15">
      <c r="A29" s="302" t="s">
        <v>1354</v>
      </c>
      <c r="B29" s="303"/>
      <c r="C29" s="303"/>
      <c r="D29" s="303"/>
      <c r="E29" s="303"/>
      <c r="F29" s="303"/>
      <c r="G29" s="303"/>
      <c r="H29" s="303"/>
      <c r="I29" s="303"/>
      <c r="J29" s="303"/>
      <c r="K29" s="303"/>
      <c r="L29" s="303"/>
      <c r="M29" s="303"/>
      <c r="N29" s="303"/>
      <c r="O29" s="303"/>
      <c r="P29" s="303"/>
      <c r="Q29" s="303"/>
      <c r="R29" s="303"/>
      <c r="S29" s="303"/>
      <c r="T29" s="303"/>
      <c r="U29" s="303"/>
      <c r="V29" s="303"/>
      <c r="W29" s="303"/>
      <c r="X29" s="303"/>
      <c r="Y29" s="303"/>
      <c r="Z29" s="303"/>
      <c r="AA29" s="303"/>
      <c r="AB29" s="303"/>
      <c r="AC29" s="303"/>
      <c r="AD29" s="303"/>
      <c r="AE29" s="303"/>
      <c r="AF29" s="303"/>
      <c r="AG29" s="303"/>
      <c r="AH29" s="303"/>
      <c r="AI29" s="303"/>
      <c r="AJ29" s="303"/>
      <c r="AK29" s="303"/>
      <c r="AL29" s="304"/>
      <c r="AM29" s="5"/>
      <c r="AN29" s="26" t="s">
        <v>16</v>
      </c>
      <c r="AO29" s="867" t="s">
        <v>1489</v>
      </c>
      <c r="AP29" s="867"/>
      <c r="AQ29" s="867"/>
      <c r="AR29" s="867"/>
      <c r="AS29" s="867"/>
      <c r="AT29" s="867"/>
      <c r="AU29" s="867"/>
      <c r="AV29" s="867"/>
      <c r="AW29" s="867"/>
      <c r="AX29" s="867"/>
      <c r="AY29" s="867"/>
      <c r="AZ29" s="867"/>
      <c r="BA29" s="867"/>
      <c r="BB29" s="867"/>
      <c r="BC29" s="867"/>
      <c r="BD29" s="867"/>
      <c r="BE29" s="867"/>
      <c r="BF29" s="867"/>
      <c r="BG29" s="867"/>
      <c r="BH29" s="867"/>
      <c r="BI29" s="867"/>
      <c r="BJ29" s="867"/>
      <c r="BK29" s="867"/>
      <c r="BL29" s="867"/>
      <c r="BM29" s="867"/>
      <c r="BN29" s="867"/>
      <c r="BO29" s="867"/>
      <c r="BP29" s="868"/>
      <c r="BQ29" s="126"/>
      <c r="BR29" s="87"/>
      <c r="BS29" s="87"/>
      <c r="BT29" s="87"/>
      <c r="BU29" s="87"/>
      <c r="BV29" s="87"/>
      <c r="BW29" s="87"/>
      <c r="BX29" s="87"/>
      <c r="BY29" s="87"/>
      <c r="BZ29" s="129"/>
      <c r="CA29" s="129"/>
      <c r="CB29" s="129"/>
      <c r="CC29" s="129"/>
      <c r="CD29" s="129"/>
      <c r="CE29" s="129"/>
      <c r="CF29" s="129"/>
      <c r="CG29" s="129"/>
      <c r="CH29" s="129"/>
      <c r="CI29" s="129"/>
      <c r="CJ29" s="129"/>
      <c r="CK29" s="87"/>
      <c r="CL29" s="87"/>
      <c r="CM29" s="87"/>
      <c r="CN29" s="33"/>
      <c r="CQ29" s="3" ph="1"/>
      <c r="CR29" s="3" ph="1"/>
      <c r="CS29" s="3" ph="1"/>
      <c r="CT29" s="3" ph="1"/>
      <c r="CU29" s="3" ph="1"/>
      <c r="CV29" s="3" ph="1"/>
    </row>
    <row r="30" spans="1:100" ht="17.25" customHeight="1" x14ac:dyDescent="0.15">
      <c r="A30" s="305"/>
      <c r="B30" s="306"/>
      <c r="C30" s="306"/>
      <c r="D30" s="306"/>
      <c r="E30" s="306"/>
      <c r="F30" s="306"/>
      <c r="G30" s="306"/>
      <c r="H30" s="306"/>
      <c r="I30" s="306"/>
      <c r="J30" s="306"/>
      <c r="K30" s="306"/>
      <c r="L30" s="306"/>
      <c r="M30" s="306"/>
      <c r="N30" s="306"/>
      <c r="O30" s="306"/>
      <c r="P30" s="306"/>
      <c r="Q30" s="306"/>
      <c r="R30" s="306"/>
      <c r="S30" s="306"/>
      <c r="T30" s="306"/>
      <c r="U30" s="306"/>
      <c r="V30" s="306"/>
      <c r="W30" s="306"/>
      <c r="X30" s="306"/>
      <c r="Y30" s="306"/>
      <c r="Z30" s="306"/>
      <c r="AA30" s="306"/>
      <c r="AB30" s="306"/>
      <c r="AC30" s="306"/>
      <c r="AD30" s="306"/>
      <c r="AE30" s="306"/>
      <c r="AF30" s="306"/>
      <c r="AG30" s="306"/>
      <c r="AH30" s="306"/>
      <c r="AI30" s="306"/>
      <c r="AJ30" s="306"/>
      <c r="AK30" s="306"/>
      <c r="AL30" s="307"/>
      <c r="AM30" s="5"/>
      <c r="AN30" s="27" t="s">
        <v>16</v>
      </c>
      <c r="AO30" s="655" t="s">
        <v>1490</v>
      </c>
      <c r="AP30" s="655"/>
      <c r="AQ30" s="655"/>
      <c r="AR30" s="655"/>
      <c r="AS30" s="655"/>
      <c r="AT30" s="655"/>
      <c r="AU30" s="655"/>
      <c r="AV30" s="655"/>
      <c r="AW30" s="655"/>
      <c r="AX30" s="655"/>
      <c r="AY30" s="655"/>
      <c r="AZ30" s="655"/>
      <c r="BA30" s="655"/>
      <c r="BB30" s="655"/>
      <c r="BC30" s="655"/>
      <c r="BD30" s="655"/>
      <c r="BE30" s="655"/>
      <c r="BF30" s="655"/>
      <c r="BG30" s="655"/>
      <c r="BH30" s="655"/>
      <c r="BI30" s="655"/>
      <c r="BJ30" s="655"/>
      <c r="BK30" s="655"/>
      <c r="BL30" s="655"/>
      <c r="BM30" s="655"/>
      <c r="BN30" s="655"/>
      <c r="BO30" s="655"/>
      <c r="BP30" s="656"/>
      <c r="BQ30" s="171"/>
      <c r="BR30" s="136" t="s">
        <v>262</v>
      </c>
      <c r="BS30" s="145"/>
      <c r="BT30" s="145"/>
      <c r="BU30" s="145"/>
      <c r="BV30" s="145"/>
      <c r="BW30" s="145"/>
      <c r="BX30" s="145"/>
      <c r="BY30" s="327">
        <v>2</v>
      </c>
      <c r="BZ30" s="327"/>
      <c r="CA30" s="327"/>
      <c r="CB30" s="327"/>
      <c r="CC30" s="327"/>
      <c r="CD30" s="327"/>
      <c r="CE30" s="327"/>
      <c r="CF30" s="327"/>
      <c r="CG30" s="327"/>
      <c r="CH30" s="327"/>
      <c r="CI30" s="327"/>
      <c r="CJ30" s="129"/>
      <c r="CK30" s="188"/>
      <c r="CL30" s="145"/>
      <c r="CM30" s="145"/>
      <c r="CN30" s="33"/>
      <c r="CQ30" s="3" ph="1"/>
      <c r="CR30" s="3" ph="1"/>
      <c r="CS30" s="3" ph="1"/>
      <c r="CT30" s="3" ph="1"/>
      <c r="CU30" s="3" ph="1"/>
      <c r="CV30" s="3" ph="1"/>
    </row>
    <row r="31" spans="1:100" ht="19.5" x14ac:dyDescent="0.15">
      <c r="A31" s="305"/>
      <c r="B31" s="306"/>
      <c r="C31" s="306"/>
      <c r="D31" s="306"/>
      <c r="E31" s="306"/>
      <c r="F31" s="306"/>
      <c r="G31" s="306"/>
      <c r="H31" s="306"/>
      <c r="I31" s="306"/>
      <c r="J31" s="306"/>
      <c r="K31" s="306"/>
      <c r="L31" s="306"/>
      <c r="M31" s="306"/>
      <c r="N31" s="306"/>
      <c r="O31" s="306"/>
      <c r="P31" s="306"/>
      <c r="Q31" s="306"/>
      <c r="R31" s="306"/>
      <c r="S31" s="306"/>
      <c r="T31" s="306"/>
      <c r="U31" s="306"/>
      <c r="V31" s="306"/>
      <c r="W31" s="306"/>
      <c r="X31" s="306"/>
      <c r="Y31" s="306"/>
      <c r="Z31" s="306"/>
      <c r="AA31" s="306"/>
      <c r="AB31" s="306"/>
      <c r="AC31" s="306"/>
      <c r="AD31" s="306"/>
      <c r="AE31" s="306"/>
      <c r="AF31" s="306"/>
      <c r="AG31" s="306"/>
      <c r="AH31" s="306"/>
      <c r="AI31" s="306"/>
      <c r="AJ31" s="306"/>
      <c r="AK31" s="306"/>
      <c r="AL31" s="307"/>
      <c r="AM31" s="5"/>
      <c r="AN31" s="27" t="s">
        <v>16</v>
      </c>
      <c r="AO31" s="672" t="s">
        <v>1491</v>
      </c>
      <c r="AP31" s="672"/>
      <c r="AQ31" s="672"/>
      <c r="AR31" s="672"/>
      <c r="AS31" s="672"/>
      <c r="AT31" s="672"/>
      <c r="AU31" s="672"/>
      <c r="AV31" s="672"/>
      <c r="AW31" s="672"/>
      <c r="AX31" s="672"/>
      <c r="AY31" s="672"/>
      <c r="AZ31" s="672"/>
      <c r="BA31" s="672"/>
      <c r="BB31" s="672"/>
      <c r="BC31" s="672"/>
      <c r="BD31" s="672"/>
      <c r="BE31" s="672"/>
      <c r="BF31" s="672"/>
      <c r="BG31" s="672"/>
      <c r="BH31" s="672"/>
      <c r="BI31" s="672"/>
      <c r="BJ31" s="672"/>
      <c r="BK31" s="672"/>
      <c r="BL31" s="672"/>
      <c r="BM31" s="672"/>
      <c r="BN31" s="672"/>
      <c r="BO31" s="672"/>
      <c r="BP31" s="673"/>
      <c r="BQ31" s="85"/>
      <c r="BR31" s="292" t="s">
        <v>265</v>
      </c>
      <c r="BS31" s="293"/>
      <c r="BT31" s="293"/>
      <c r="BU31" s="293"/>
      <c r="BV31" s="293"/>
      <c r="BW31" s="293"/>
      <c r="BX31" s="294"/>
      <c r="BY31" s="292" t="s">
        <v>266</v>
      </c>
      <c r="BZ31" s="293"/>
      <c r="CA31" s="293"/>
      <c r="CB31" s="293"/>
      <c r="CC31" s="293"/>
      <c r="CD31" s="293"/>
      <c r="CE31" s="293"/>
      <c r="CF31" s="293"/>
      <c r="CG31" s="294"/>
      <c r="CH31" s="287" t="s">
        <v>411</v>
      </c>
      <c r="CI31" s="287"/>
      <c r="CJ31" s="287"/>
      <c r="CK31" s="287"/>
      <c r="CL31" s="287"/>
      <c r="CM31" s="287"/>
      <c r="CN31" s="33"/>
      <c r="CQ31" s="3" ph="1"/>
      <c r="CR31" s="3" ph="1"/>
      <c r="CS31" s="3" ph="1"/>
      <c r="CT31" s="3" ph="1"/>
      <c r="CU31" s="3" ph="1"/>
      <c r="CV31" s="3" ph="1"/>
    </row>
    <row r="32" spans="1:100" ht="17.25" customHeight="1" x14ac:dyDescent="0.15">
      <c r="A32" s="305"/>
      <c r="B32" s="306"/>
      <c r="C32" s="306"/>
      <c r="D32" s="306"/>
      <c r="E32" s="306"/>
      <c r="F32" s="306"/>
      <c r="G32" s="306"/>
      <c r="H32" s="306"/>
      <c r="I32" s="306"/>
      <c r="J32" s="306"/>
      <c r="K32" s="306"/>
      <c r="L32" s="306"/>
      <c r="M32" s="306"/>
      <c r="N32" s="306"/>
      <c r="O32" s="306"/>
      <c r="P32" s="306"/>
      <c r="Q32" s="306"/>
      <c r="R32" s="306"/>
      <c r="S32" s="306"/>
      <c r="T32" s="306"/>
      <c r="U32" s="306"/>
      <c r="V32" s="306"/>
      <c r="W32" s="306"/>
      <c r="X32" s="306"/>
      <c r="Y32" s="306"/>
      <c r="Z32" s="306"/>
      <c r="AA32" s="306"/>
      <c r="AB32" s="306"/>
      <c r="AC32" s="306"/>
      <c r="AD32" s="306"/>
      <c r="AE32" s="306"/>
      <c r="AF32" s="306"/>
      <c r="AG32" s="306"/>
      <c r="AH32" s="306"/>
      <c r="AI32" s="306"/>
      <c r="AJ32" s="306"/>
      <c r="AK32" s="306"/>
      <c r="AL32" s="307"/>
      <c r="AM32" s="5"/>
      <c r="AN32" s="27" t="s">
        <v>16</v>
      </c>
      <c r="AO32" s="869" t="s">
        <v>1492</v>
      </c>
      <c r="AP32" s="869"/>
      <c r="AQ32" s="869"/>
      <c r="AR32" s="869"/>
      <c r="AS32" s="869"/>
      <c r="AT32" s="869"/>
      <c r="AU32" s="869"/>
      <c r="AV32" s="869"/>
      <c r="AW32" s="869"/>
      <c r="AX32" s="869"/>
      <c r="AY32" s="869"/>
      <c r="AZ32" s="869"/>
      <c r="BA32" s="869"/>
      <c r="BB32" s="869"/>
      <c r="BC32" s="869"/>
      <c r="BD32" s="869"/>
      <c r="BE32" s="869"/>
      <c r="BF32" s="869"/>
      <c r="BG32" s="869"/>
      <c r="BH32" s="869"/>
      <c r="BI32" s="869"/>
      <c r="BJ32" s="869"/>
      <c r="BK32" s="869"/>
      <c r="BL32" s="869"/>
      <c r="BM32" s="869"/>
      <c r="BN32" s="869"/>
      <c r="BO32" s="869"/>
      <c r="BP32" s="870"/>
      <c r="BQ32" s="68"/>
      <c r="BR32" s="295"/>
      <c r="BS32" s="296"/>
      <c r="BT32" s="296"/>
      <c r="BU32" s="296"/>
      <c r="BV32" s="296"/>
      <c r="BW32" s="296"/>
      <c r="BX32" s="297"/>
      <c r="BY32" s="295"/>
      <c r="BZ32" s="296"/>
      <c r="CA32" s="296"/>
      <c r="CB32" s="296"/>
      <c r="CC32" s="296"/>
      <c r="CD32" s="296"/>
      <c r="CE32" s="296"/>
      <c r="CF32" s="296"/>
      <c r="CG32" s="297"/>
      <c r="CH32" s="287"/>
      <c r="CI32" s="287"/>
      <c r="CJ32" s="287"/>
      <c r="CK32" s="287"/>
      <c r="CL32" s="287"/>
      <c r="CM32" s="287"/>
      <c r="CQ32" s="3" ph="1"/>
      <c r="CR32" s="3" ph="1"/>
      <c r="CS32" s="3" ph="1"/>
      <c r="CT32" s="3" ph="1"/>
      <c r="CU32" s="3" ph="1"/>
      <c r="CV32" s="3" ph="1"/>
    </row>
    <row r="33" spans="1:100" ht="17.25" customHeight="1" x14ac:dyDescent="0.15">
      <c r="A33" s="308"/>
      <c r="B33" s="309"/>
      <c r="C33" s="309"/>
      <c r="D33" s="309"/>
      <c r="E33" s="309"/>
      <c r="F33" s="309"/>
      <c r="G33" s="309"/>
      <c r="H33" s="309"/>
      <c r="I33" s="309"/>
      <c r="J33" s="309"/>
      <c r="K33" s="309"/>
      <c r="L33" s="309"/>
      <c r="M33" s="309"/>
      <c r="N33" s="309"/>
      <c r="O33" s="309"/>
      <c r="P33" s="309"/>
      <c r="Q33" s="309"/>
      <c r="R33" s="309"/>
      <c r="S33" s="309"/>
      <c r="T33" s="309"/>
      <c r="U33" s="309"/>
      <c r="V33" s="309"/>
      <c r="W33" s="309"/>
      <c r="X33" s="309"/>
      <c r="Y33" s="309"/>
      <c r="Z33" s="309"/>
      <c r="AA33" s="309"/>
      <c r="AB33" s="309"/>
      <c r="AC33" s="309"/>
      <c r="AD33" s="309"/>
      <c r="AE33" s="309"/>
      <c r="AF33" s="309"/>
      <c r="AG33" s="309"/>
      <c r="AH33" s="309"/>
      <c r="AI33" s="309"/>
      <c r="AJ33" s="309"/>
      <c r="AK33" s="309"/>
      <c r="AL33" s="310"/>
      <c r="AM33" s="5"/>
      <c r="AN33" s="22" t="s">
        <v>16</v>
      </c>
      <c r="AO33" s="490" t="s">
        <v>1493</v>
      </c>
      <c r="AP33" s="490"/>
      <c r="AQ33" s="490"/>
      <c r="AR33" s="490"/>
      <c r="AS33" s="490"/>
      <c r="AT33" s="490"/>
      <c r="AU33" s="490"/>
      <c r="AV33" s="490"/>
      <c r="AW33" s="490"/>
      <c r="AX33" s="490"/>
      <c r="AY33" s="490"/>
      <c r="AZ33" s="490"/>
      <c r="BA33" s="490"/>
      <c r="BB33" s="490"/>
      <c r="BC33" s="490"/>
      <c r="BD33" s="490"/>
      <c r="BE33" s="490"/>
      <c r="BF33" s="490"/>
      <c r="BG33" s="490"/>
      <c r="BH33" s="490"/>
      <c r="BI33" s="490"/>
      <c r="BJ33" s="490"/>
      <c r="BK33" s="490"/>
      <c r="BL33" s="490"/>
      <c r="BM33" s="490"/>
      <c r="BN33" s="490"/>
      <c r="BO33" s="490"/>
      <c r="BP33" s="491"/>
      <c r="BQ33" s="76"/>
      <c r="BR33" s="292" t="s">
        <v>267</v>
      </c>
      <c r="BS33" s="293"/>
      <c r="BT33" s="293"/>
      <c r="BU33" s="293"/>
      <c r="BV33" s="293"/>
      <c r="BW33" s="293"/>
      <c r="BX33" s="294"/>
      <c r="BY33" s="284">
        <v>1602</v>
      </c>
      <c r="BZ33" s="285"/>
      <c r="CA33" s="285"/>
      <c r="CB33" s="285"/>
      <c r="CC33" s="285"/>
      <c r="CD33" s="285"/>
      <c r="CE33" s="285"/>
      <c r="CF33" s="285"/>
      <c r="CG33" s="288"/>
      <c r="CH33" s="286">
        <v>1.49671</v>
      </c>
      <c r="CI33" s="286"/>
      <c r="CJ33" s="286"/>
      <c r="CK33" s="286"/>
      <c r="CL33" s="286"/>
      <c r="CM33" s="286"/>
      <c r="CQ33" s="3" ph="1"/>
      <c r="CR33" s="3" ph="1"/>
      <c r="CS33" s="3" ph="1"/>
      <c r="CT33" s="3" ph="1"/>
      <c r="CU33" s="3" ph="1"/>
      <c r="CV33" s="3" ph="1"/>
    </row>
    <row r="34" spans="1:100" ht="17.25" customHeight="1" x14ac:dyDescent="0.15">
      <c r="A34" s="703" t="s">
        <v>274</v>
      </c>
      <c r="B34" s="703"/>
      <c r="C34" s="703"/>
      <c r="D34" s="703"/>
      <c r="E34" s="703"/>
      <c r="F34" s="703"/>
      <c r="G34" s="703"/>
      <c r="H34" s="703"/>
      <c r="I34" s="703"/>
      <c r="J34" s="703"/>
      <c r="K34" s="703"/>
      <c r="L34" s="703"/>
      <c r="M34" s="703"/>
      <c r="N34" s="60"/>
      <c r="O34" s="703" t="s">
        <v>275</v>
      </c>
      <c r="P34" s="703"/>
      <c r="Q34" s="703"/>
      <c r="R34" s="703"/>
      <c r="S34" s="703"/>
      <c r="T34" s="703"/>
      <c r="U34" s="703"/>
      <c r="V34" s="703"/>
      <c r="W34" s="703"/>
      <c r="X34" s="703"/>
      <c r="Y34" s="703"/>
      <c r="Z34" s="703"/>
      <c r="AA34" s="703"/>
      <c r="AB34" s="703"/>
      <c r="AC34" s="703"/>
      <c r="AD34" s="703"/>
      <c r="AE34" s="703"/>
      <c r="AF34" s="703"/>
      <c r="AG34" s="703"/>
      <c r="AH34" s="703"/>
      <c r="AI34" s="703"/>
      <c r="AJ34" s="703"/>
      <c r="AK34" s="703"/>
      <c r="AL34" s="703"/>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11" t="s">
        <v>298</v>
      </c>
      <c r="B35" s="312"/>
      <c r="C35" s="312"/>
      <c r="D35" s="312"/>
      <c r="E35" s="312"/>
      <c r="F35" s="312"/>
      <c r="G35" s="312"/>
      <c r="H35" s="312"/>
      <c r="I35" s="312"/>
      <c r="J35" s="312"/>
      <c r="K35" s="312"/>
      <c r="L35" s="312"/>
      <c r="M35" s="313"/>
      <c r="N35" s="189"/>
      <c r="O35" s="311" t="s">
        <v>357</v>
      </c>
      <c r="P35" s="312"/>
      <c r="Q35" s="312"/>
      <c r="R35" s="312"/>
      <c r="S35" s="312"/>
      <c r="T35" s="312"/>
      <c r="U35" s="312"/>
      <c r="V35" s="312"/>
      <c r="W35" s="312"/>
      <c r="X35" s="312"/>
      <c r="Y35" s="312"/>
      <c r="Z35" s="312"/>
      <c r="AA35" s="312"/>
      <c r="AB35" s="312"/>
      <c r="AC35" s="312"/>
      <c r="AD35" s="312"/>
      <c r="AE35" s="312"/>
      <c r="AF35" s="312"/>
      <c r="AG35" s="312"/>
      <c r="AH35" s="312"/>
      <c r="AI35" s="312"/>
      <c r="AJ35" s="312"/>
      <c r="AK35" s="312"/>
      <c r="AL35" s="313"/>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29027</v>
      </c>
      <c r="BZ35" s="681"/>
      <c r="CA35" s="682"/>
      <c r="CB35" s="682"/>
      <c r="CC35" s="682"/>
      <c r="CD35" s="682"/>
      <c r="CE35" s="682"/>
      <c r="CF35" s="682"/>
      <c r="CG35" s="682"/>
      <c r="CH35" s="683">
        <v>27.11917</v>
      </c>
      <c r="CI35" s="683"/>
      <c r="CJ35" s="683"/>
      <c r="CK35" s="683"/>
      <c r="CL35" s="683"/>
      <c r="CM35" s="683"/>
      <c r="CQ35" s="3" ph="1"/>
    </row>
    <row r="36" spans="1:100" ht="17.25" customHeight="1" x14ac:dyDescent="0.15">
      <c r="A36" s="251">
        <v>31401</v>
      </c>
      <c r="B36" s="252"/>
      <c r="C36" s="252"/>
      <c r="D36" s="252"/>
      <c r="E36" s="252"/>
      <c r="F36" s="252"/>
      <c r="G36" s="252"/>
      <c r="H36" s="252"/>
      <c r="I36" s="252"/>
      <c r="J36" s="252"/>
      <c r="K36" s="252"/>
      <c r="L36" s="252"/>
      <c r="M36" s="253"/>
      <c r="N36" s="189"/>
      <c r="O36" s="216" t="s">
        <v>230</v>
      </c>
      <c r="P36" s="217"/>
      <c r="Q36" s="217"/>
      <c r="R36" s="217"/>
      <c r="S36" s="217"/>
      <c r="T36" s="217"/>
      <c r="U36" s="217"/>
      <c r="V36" s="217"/>
      <c r="W36" s="217"/>
      <c r="X36" s="217"/>
      <c r="Y36" s="217"/>
      <c r="Z36" s="217"/>
      <c r="AA36" s="217"/>
      <c r="AB36" s="217"/>
      <c r="AC36" s="217"/>
      <c r="AD36" s="217"/>
      <c r="AE36" s="217"/>
      <c r="AF36" s="217"/>
      <c r="AG36" s="217"/>
      <c r="AH36" s="217"/>
      <c r="AI36" s="217"/>
      <c r="AJ36" s="217"/>
      <c r="AK36" s="217"/>
      <c r="AL36" s="218"/>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24" t="s">
        <v>358</v>
      </c>
      <c r="B37" s="325"/>
      <c r="C37" s="325"/>
      <c r="D37" s="325"/>
      <c r="E37" s="325"/>
      <c r="F37" s="325"/>
      <c r="G37" s="325"/>
      <c r="H37" s="325"/>
      <c r="I37" s="325"/>
      <c r="J37" s="325"/>
      <c r="K37" s="325"/>
      <c r="L37" s="325"/>
      <c r="M37" s="326"/>
      <c r="N37" s="189"/>
      <c r="O37" s="272" t="s">
        <v>365</v>
      </c>
      <c r="P37" s="273"/>
      <c r="Q37" s="273"/>
      <c r="R37" s="273"/>
      <c r="S37" s="273"/>
      <c r="T37" s="273"/>
      <c r="U37" s="273"/>
      <c r="V37" s="273"/>
      <c r="W37" s="273"/>
      <c r="X37" s="273"/>
      <c r="Y37" s="273"/>
      <c r="Z37" s="273"/>
      <c r="AA37" s="273"/>
      <c r="AB37" s="273"/>
      <c r="AC37" s="273"/>
      <c r="AD37" s="273"/>
      <c r="AE37" s="273"/>
      <c r="AF37" s="273"/>
      <c r="AG37" s="273"/>
      <c r="AH37" s="273"/>
      <c r="AI37" s="273"/>
      <c r="AJ37" s="273"/>
      <c r="AK37" s="273"/>
      <c r="AL37" s="274"/>
      <c r="AM37" s="5"/>
      <c r="AN37" s="287" t="s">
        <v>399</v>
      </c>
      <c r="AO37" s="287"/>
      <c r="AP37" s="287"/>
      <c r="AQ37" s="287"/>
      <c r="AR37" s="287"/>
      <c r="AS37" s="287"/>
      <c r="AT37" s="287"/>
      <c r="AU37" s="287"/>
      <c r="AV37" s="287"/>
      <c r="AW37" s="681">
        <v>258227</v>
      </c>
      <c r="AX37" s="681"/>
      <c r="AY37" s="681"/>
      <c r="AZ37" s="681"/>
      <c r="BA37" s="681"/>
      <c r="BB37" s="681"/>
      <c r="BC37" s="681"/>
      <c r="BD37" s="681"/>
      <c r="BE37" s="681"/>
      <c r="BF37" s="681"/>
      <c r="BG37" s="681">
        <v>107397</v>
      </c>
      <c r="BH37" s="681"/>
      <c r="BI37" s="681"/>
      <c r="BJ37" s="681"/>
      <c r="BK37" s="681"/>
      <c r="BL37" s="681"/>
      <c r="BM37" s="681"/>
      <c r="BN37" s="681"/>
      <c r="BO37" s="681"/>
      <c r="BP37" s="681"/>
      <c r="BQ37" s="149"/>
      <c r="BR37" s="680" t="s">
        <v>273</v>
      </c>
      <c r="BS37" s="680"/>
      <c r="BT37" s="680"/>
      <c r="BU37" s="680"/>
      <c r="BV37" s="680"/>
      <c r="BW37" s="680"/>
      <c r="BX37" s="680"/>
      <c r="BY37" s="681">
        <v>76406</v>
      </c>
      <c r="BZ37" s="681"/>
      <c r="CA37" s="682"/>
      <c r="CB37" s="682"/>
      <c r="CC37" s="682"/>
      <c r="CD37" s="682"/>
      <c r="CE37" s="682"/>
      <c r="CF37" s="682"/>
      <c r="CG37" s="682"/>
      <c r="CH37" s="683">
        <v>71.384129999999999</v>
      </c>
      <c r="CI37" s="683"/>
      <c r="CJ37" s="683"/>
      <c r="CK37" s="683"/>
      <c r="CL37" s="683"/>
      <c r="CM37" s="683"/>
      <c r="CQ37" s="3" ph="1"/>
    </row>
    <row r="38" spans="1:100" ht="17.25" customHeight="1" x14ac:dyDescent="0.15">
      <c r="A38" s="251">
        <v>22717</v>
      </c>
      <c r="B38" s="252"/>
      <c r="C38" s="252"/>
      <c r="D38" s="252"/>
      <c r="E38" s="252"/>
      <c r="F38" s="252"/>
      <c r="G38" s="252"/>
      <c r="H38" s="252"/>
      <c r="I38" s="252"/>
      <c r="J38" s="252"/>
      <c r="K38" s="252"/>
      <c r="L38" s="252"/>
      <c r="M38" s="253"/>
      <c r="N38" s="145"/>
      <c r="O38" s="575" t="s">
        <v>409</v>
      </c>
      <c r="P38" s="576"/>
      <c r="Q38" s="576"/>
      <c r="R38" s="576"/>
      <c r="S38" s="576"/>
      <c r="T38" s="576"/>
      <c r="U38" s="576"/>
      <c r="V38" s="576"/>
      <c r="W38" s="576"/>
      <c r="X38" s="576"/>
      <c r="Y38" s="576"/>
      <c r="Z38" s="576"/>
      <c r="AA38" s="576"/>
      <c r="AB38" s="576"/>
      <c r="AC38" s="576"/>
      <c r="AD38" s="576"/>
      <c r="AE38" s="576"/>
      <c r="AF38" s="576"/>
      <c r="AG38" s="576"/>
      <c r="AH38" s="576"/>
      <c r="AI38" s="576"/>
      <c r="AJ38" s="576"/>
      <c r="AK38" s="576"/>
      <c r="AL38" s="577"/>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16"/>
      <c r="B39" s="217"/>
      <c r="C39" s="217"/>
      <c r="D39" s="217"/>
      <c r="E39" s="217"/>
      <c r="F39" s="217"/>
      <c r="G39" s="217"/>
      <c r="H39" s="217"/>
      <c r="I39" s="217"/>
      <c r="J39" s="217"/>
      <c r="K39" s="217"/>
      <c r="L39" s="217"/>
      <c r="M39" s="218"/>
      <c r="N39" s="6"/>
      <c r="O39" s="272" t="s">
        <v>318</v>
      </c>
      <c r="P39" s="273"/>
      <c r="Q39" s="273"/>
      <c r="R39" s="273"/>
      <c r="S39" s="273"/>
      <c r="T39" s="273"/>
      <c r="U39" s="273"/>
      <c r="V39" s="273"/>
      <c r="W39" s="273"/>
      <c r="X39" s="273"/>
      <c r="Y39" s="273"/>
      <c r="Z39" s="273"/>
      <c r="AA39" s="874"/>
      <c r="AB39" s="874"/>
      <c r="AC39" s="874"/>
      <c r="AD39" s="874"/>
      <c r="AE39" s="874"/>
      <c r="AF39" s="874"/>
      <c r="AG39" s="874"/>
      <c r="AH39" s="874"/>
      <c r="AI39" s="874"/>
      <c r="AJ39" s="874"/>
      <c r="AK39" s="874"/>
      <c r="AL39" s="875"/>
      <c r="AM39" s="5"/>
      <c r="AN39" s="300" t="s">
        <v>1059</v>
      </c>
      <c r="AO39" s="300"/>
      <c r="AP39" s="300"/>
      <c r="AQ39" s="300"/>
      <c r="AR39" s="300"/>
      <c r="AS39" s="300"/>
      <c r="AT39" s="300"/>
      <c r="AU39" s="300"/>
      <c r="AV39" s="300"/>
      <c r="AW39" s="681">
        <v>258422</v>
      </c>
      <c r="AX39" s="681"/>
      <c r="AY39" s="681"/>
      <c r="AZ39" s="682"/>
      <c r="BA39" s="682"/>
      <c r="BB39" s="682"/>
      <c r="BC39" s="682"/>
      <c r="BD39" s="682"/>
      <c r="BE39" s="682"/>
      <c r="BF39" s="682"/>
      <c r="BG39" s="681">
        <v>112191</v>
      </c>
      <c r="BH39" s="681"/>
      <c r="BI39" s="681"/>
      <c r="BJ39" s="681"/>
      <c r="BK39" s="681"/>
      <c r="BL39" s="681"/>
      <c r="BM39" s="681"/>
      <c r="BN39" s="681"/>
      <c r="BO39" s="681"/>
      <c r="BP39" s="681"/>
      <c r="BQ39" s="149"/>
      <c r="BR39" s="301" t="s">
        <v>1119</v>
      </c>
      <c r="BS39" s="293"/>
      <c r="BT39" s="293"/>
      <c r="BU39" s="293"/>
      <c r="BV39" s="293"/>
      <c r="BW39" s="293"/>
      <c r="BX39" s="294"/>
      <c r="BY39" s="681">
        <v>110809</v>
      </c>
      <c r="BZ39" s="681"/>
      <c r="CA39" s="682"/>
      <c r="CB39" s="682"/>
      <c r="CC39" s="682"/>
      <c r="CD39" s="682"/>
      <c r="CE39" s="682"/>
      <c r="CF39" s="682"/>
      <c r="CG39" s="682"/>
      <c r="CH39" s="683">
        <v>100</v>
      </c>
      <c r="CI39" s="683"/>
      <c r="CJ39" s="683"/>
      <c r="CK39" s="683"/>
      <c r="CL39" s="683"/>
      <c r="CM39" s="683"/>
    </row>
    <row r="40" spans="1:100" ht="17.25" customHeight="1" x14ac:dyDescent="0.15">
      <c r="A40" s="216"/>
      <c r="B40" s="217"/>
      <c r="C40" s="217"/>
      <c r="D40" s="217"/>
      <c r="E40" s="217"/>
      <c r="F40" s="217"/>
      <c r="G40" s="217"/>
      <c r="H40" s="217"/>
      <c r="I40" s="217"/>
      <c r="J40" s="217"/>
      <c r="K40" s="217"/>
      <c r="L40" s="217"/>
      <c r="M40" s="218"/>
      <c r="N40" s="107"/>
      <c r="O40" s="575" t="s">
        <v>1704</v>
      </c>
      <c r="P40" s="576"/>
      <c r="Q40" s="576"/>
      <c r="R40" s="576"/>
      <c r="S40" s="576"/>
      <c r="T40" s="576"/>
      <c r="U40" s="576"/>
      <c r="V40" s="576"/>
      <c r="W40" s="576"/>
      <c r="X40" s="576"/>
      <c r="Y40" s="576"/>
      <c r="Z40" s="576"/>
      <c r="AA40" s="701"/>
      <c r="AB40" s="701"/>
      <c r="AC40" s="701"/>
      <c r="AD40" s="701"/>
      <c r="AE40" s="701"/>
      <c r="AF40" s="701"/>
      <c r="AG40" s="701"/>
      <c r="AH40" s="701"/>
      <c r="AI40" s="701"/>
      <c r="AJ40" s="701"/>
      <c r="AK40" s="701"/>
      <c r="AL40" s="702"/>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16"/>
      <c r="B41" s="217"/>
      <c r="C41" s="217"/>
      <c r="D41" s="217"/>
      <c r="E41" s="217"/>
      <c r="F41" s="217"/>
      <c r="G41" s="217"/>
      <c r="H41" s="217"/>
      <c r="I41" s="217"/>
      <c r="J41" s="217"/>
      <c r="K41" s="217"/>
      <c r="L41" s="217"/>
      <c r="M41" s="218"/>
      <c r="N41" s="107"/>
      <c r="O41" s="871" t="s">
        <v>1560</v>
      </c>
      <c r="P41" s="872"/>
      <c r="Q41" s="872"/>
      <c r="R41" s="872"/>
      <c r="S41" s="872"/>
      <c r="T41" s="872"/>
      <c r="U41" s="872"/>
      <c r="V41" s="872"/>
      <c r="W41" s="872"/>
      <c r="X41" s="872"/>
      <c r="Y41" s="872"/>
      <c r="Z41" s="872"/>
      <c r="AA41" s="872"/>
      <c r="AB41" s="872"/>
      <c r="AC41" s="872"/>
      <c r="AD41" s="872"/>
      <c r="AE41" s="872"/>
      <c r="AF41" s="872"/>
      <c r="AG41" s="872"/>
      <c r="AH41" s="872"/>
      <c r="AI41" s="872"/>
      <c r="AJ41" s="872"/>
      <c r="AK41" s="872"/>
      <c r="AL41" s="873"/>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16"/>
      <c r="B42" s="217"/>
      <c r="C42" s="217"/>
      <c r="D42" s="217"/>
      <c r="E42" s="217"/>
      <c r="F42" s="217"/>
      <c r="G42" s="217"/>
      <c r="H42" s="217"/>
      <c r="I42" s="217"/>
      <c r="J42" s="217"/>
      <c r="K42" s="217"/>
      <c r="L42" s="217"/>
      <c r="M42" s="218"/>
      <c r="N42" s="107"/>
      <c r="O42" s="687" t="s">
        <v>376</v>
      </c>
      <c r="P42" s="688"/>
      <c r="Q42" s="688"/>
      <c r="R42" s="688"/>
      <c r="S42" s="688"/>
      <c r="T42" s="688"/>
      <c r="U42" s="688"/>
      <c r="V42" s="688"/>
      <c r="W42" s="688"/>
      <c r="X42" s="688"/>
      <c r="Y42" s="688"/>
      <c r="Z42" s="688"/>
      <c r="AA42" s="688"/>
      <c r="AB42" s="688"/>
      <c r="AC42" s="688"/>
      <c r="AD42" s="688"/>
      <c r="AE42" s="688"/>
      <c r="AF42" s="688"/>
      <c r="AG42" s="688"/>
      <c r="AH42" s="688"/>
      <c r="AI42" s="688"/>
      <c r="AJ42" s="688"/>
      <c r="AK42" s="688"/>
      <c r="AL42" s="689"/>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c r="B43" s="217"/>
      <c r="C43" s="217"/>
      <c r="D43" s="217"/>
      <c r="E43" s="217"/>
      <c r="F43" s="217"/>
      <c r="G43" s="217"/>
      <c r="H43" s="217"/>
      <c r="I43" s="217"/>
      <c r="J43" s="217"/>
      <c r="K43" s="217"/>
      <c r="L43" s="217"/>
      <c r="M43" s="218"/>
      <c r="N43" s="84"/>
      <c r="O43" s="883" t="s">
        <v>1128</v>
      </c>
      <c r="P43" s="884"/>
      <c r="Q43" s="884"/>
      <c r="R43" s="884"/>
      <c r="S43" s="884"/>
      <c r="T43" s="884"/>
      <c r="U43" s="884"/>
      <c r="V43" s="884"/>
      <c r="W43" s="884"/>
      <c r="X43" s="884"/>
      <c r="Y43" s="884"/>
      <c r="Z43" s="884"/>
      <c r="AA43" s="884"/>
      <c r="AB43" s="884"/>
      <c r="AC43" s="884"/>
      <c r="AD43" s="884"/>
      <c r="AE43" s="884"/>
      <c r="AF43" s="884"/>
      <c r="AG43" s="884"/>
      <c r="AH43" s="884"/>
      <c r="AI43" s="884"/>
      <c r="AJ43" s="884"/>
      <c r="AK43" s="884"/>
      <c r="AL43" s="885"/>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216"/>
      <c r="B44" s="217"/>
      <c r="C44" s="217"/>
      <c r="D44" s="217"/>
      <c r="E44" s="217"/>
      <c r="F44" s="217"/>
      <c r="G44" s="217"/>
      <c r="H44" s="217"/>
      <c r="I44" s="217"/>
      <c r="J44" s="217"/>
      <c r="K44" s="217"/>
      <c r="L44" s="217"/>
      <c r="M44" s="218"/>
      <c r="N44" s="84"/>
      <c r="O44" s="886" t="s">
        <v>1129</v>
      </c>
      <c r="P44" s="887"/>
      <c r="Q44" s="887"/>
      <c r="R44" s="887"/>
      <c r="S44" s="887"/>
      <c r="T44" s="887"/>
      <c r="U44" s="887"/>
      <c r="V44" s="887"/>
      <c r="W44" s="887"/>
      <c r="X44" s="887"/>
      <c r="Y44" s="887"/>
      <c r="Z44" s="887"/>
      <c r="AA44" s="887"/>
      <c r="AB44" s="887"/>
      <c r="AC44" s="887"/>
      <c r="AD44" s="887"/>
      <c r="AE44" s="887"/>
      <c r="AF44" s="887"/>
      <c r="AG44" s="887"/>
      <c r="AH44" s="887"/>
      <c r="AI44" s="887"/>
      <c r="AJ44" s="887"/>
      <c r="AK44" s="887"/>
      <c r="AL44" s="888"/>
      <c r="AM44" s="5"/>
      <c r="AN44" s="764">
        <v>3810.4</v>
      </c>
      <c r="AO44" s="765"/>
      <c r="AP44" s="765"/>
      <c r="AQ44" s="765"/>
      <c r="AR44" s="765"/>
      <c r="AS44" s="727" t="s">
        <v>383</v>
      </c>
      <c r="AT44" s="727"/>
      <c r="AU44" s="727"/>
      <c r="AV44" s="728"/>
      <c r="AW44" s="879">
        <v>28.7</v>
      </c>
      <c r="AX44" s="880"/>
      <c r="AY44" s="880"/>
      <c r="AZ44" s="880"/>
      <c r="BA44" s="880"/>
      <c r="BB44" s="880"/>
      <c r="BC44" s="706" t="s">
        <v>384</v>
      </c>
      <c r="BD44" s="706"/>
      <c r="BE44" s="706"/>
      <c r="BF44" s="707"/>
      <c r="BG44" s="879">
        <v>98.7</v>
      </c>
      <c r="BH44" s="880"/>
      <c r="BI44" s="880"/>
      <c r="BJ44" s="880"/>
      <c r="BK44" s="880"/>
      <c r="BL44" s="880"/>
      <c r="BM44" s="706" t="s">
        <v>384</v>
      </c>
      <c r="BN44" s="706"/>
      <c r="BO44" s="706"/>
      <c r="BP44" s="707"/>
      <c r="BQ44" s="130"/>
      <c r="BR44" s="714">
        <v>67.83</v>
      </c>
      <c r="BS44" s="715"/>
      <c r="BT44" s="715"/>
      <c r="BU44" s="715"/>
      <c r="BV44" s="715"/>
      <c r="BW44" s="715"/>
      <c r="BX44" s="715"/>
      <c r="BY44" s="696" t="s">
        <v>385</v>
      </c>
      <c r="BZ44" s="696"/>
      <c r="CA44" s="696"/>
      <c r="CB44" s="697"/>
      <c r="CC44" s="718">
        <v>3152</v>
      </c>
      <c r="CD44" s="719"/>
      <c r="CE44" s="719"/>
      <c r="CF44" s="719"/>
      <c r="CG44" s="719"/>
      <c r="CH44" s="719"/>
      <c r="CI44" s="719"/>
      <c r="CJ44" s="696" t="s">
        <v>386</v>
      </c>
      <c r="CK44" s="696"/>
      <c r="CL44" s="696"/>
      <c r="CM44" s="697"/>
    </row>
    <row r="45" spans="1:100" ht="17.25" customHeight="1" x14ac:dyDescent="0.15">
      <c r="A45" s="216"/>
      <c r="B45" s="217"/>
      <c r="C45" s="217"/>
      <c r="D45" s="217"/>
      <c r="E45" s="217"/>
      <c r="F45" s="217"/>
      <c r="G45" s="217"/>
      <c r="H45" s="217"/>
      <c r="I45" s="217"/>
      <c r="J45" s="217"/>
      <c r="K45" s="217"/>
      <c r="L45" s="217"/>
      <c r="M45" s="218"/>
      <c r="N45" s="169"/>
      <c r="O45" s="876"/>
      <c r="P45" s="877"/>
      <c r="Q45" s="877"/>
      <c r="R45" s="877"/>
      <c r="S45" s="877"/>
      <c r="T45" s="877"/>
      <c r="U45" s="877"/>
      <c r="V45" s="877"/>
      <c r="W45" s="877"/>
      <c r="X45" s="877"/>
      <c r="Y45" s="877"/>
      <c r="Z45" s="877"/>
      <c r="AA45" s="877"/>
      <c r="AB45" s="877"/>
      <c r="AC45" s="877"/>
      <c r="AD45" s="877"/>
      <c r="AE45" s="877"/>
      <c r="AF45" s="877"/>
      <c r="AG45" s="877"/>
      <c r="AH45" s="877"/>
      <c r="AI45" s="877"/>
      <c r="AJ45" s="877"/>
      <c r="AK45" s="877"/>
      <c r="AL45" s="878"/>
      <c r="AM45" s="5"/>
      <c r="AN45" s="766"/>
      <c r="AO45" s="767"/>
      <c r="AP45" s="767"/>
      <c r="AQ45" s="767"/>
      <c r="AR45" s="767"/>
      <c r="AS45" s="282"/>
      <c r="AT45" s="282"/>
      <c r="AU45" s="282"/>
      <c r="AV45" s="283"/>
      <c r="AW45" s="881"/>
      <c r="AX45" s="882"/>
      <c r="AY45" s="882"/>
      <c r="AZ45" s="882"/>
      <c r="BA45" s="882"/>
      <c r="BB45" s="882"/>
      <c r="BC45" s="708"/>
      <c r="BD45" s="708"/>
      <c r="BE45" s="708"/>
      <c r="BF45" s="709"/>
      <c r="BG45" s="881"/>
      <c r="BH45" s="882"/>
      <c r="BI45" s="882"/>
      <c r="BJ45" s="882"/>
      <c r="BK45" s="882"/>
      <c r="BL45" s="882"/>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251"/>
      <c r="B46" s="252"/>
      <c r="C46" s="252"/>
      <c r="D46" s="252"/>
      <c r="E46" s="252"/>
      <c r="F46" s="252"/>
      <c r="G46" s="252"/>
      <c r="H46" s="252"/>
      <c r="I46" s="252"/>
      <c r="J46" s="252"/>
      <c r="K46" s="252"/>
      <c r="L46" s="252"/>
      <c r="M46" s="253"/>
      <c r="N46" s="140"/>
      <c r="O46" s="876"/>
      <c r="P46" s="877"/>
      <c r="Q46" s="877"/>
      <c r="R46" s="877"/>
      <c r="S46" s="877"/>
      <c r="T46" s="877"/>
      <c r="U46" s="877"/>
      <c r="V46" s="877"/>
      <c r="W46" s="877"/>
      <c r="X46" s="877"/>
      <c r="Y46" s="877"/>
      <c r="Z46" s="877"/>
      <c r="AA46" s="877"/>
      <c r="AB46" s="877"/>
      <c r="AC46" s="877"/>
      <c r="AD46" s="877"/>
      <c r="AE46" s="877"/>
      <c r="AF46" s="877"/>
      <c r="AG46" s="877"/>
      <c r="AH46" s="877"/>
      <c r="AI46" s="877"/>
      <c r="AJ46" s="877"/>
      <c r="AK46" s="877"/>
      <c r="AL46" s="878"/>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324"/>
      <c r="B47" s="325"/>
      <c r="C47" s="325"/>
      <c r="D47" s="325"/>
      <c r="E47" s="325"/>
      <c r="F47" s="325"/>
      <c r="G47" s="325"/>
      <c r="H47" s="325"/>
      <c r="I47" s="325"/>
      <c r="J47" s="325"/>
      <c r="K47" s="325"/>
      <c r="L47" s="325"/>
      <c r="M47" s="326"/>
      <c r="N47" s="84"/>
      <c r="O47" s="876"/>
      <c r="P47" s="877"/>
      <c r="Q47" s="877"/>
      <c r="R47" s="877"/>
      <c r="S47" s="877"/>
      <c r="T47" s="877"/>
      <c r="U47" s="877"/>
      <c r="V47" s="877"/>
      <c r="W47" s="877"/>
      <c r="X47" s="877"/>
      <c r="Y47" s="877"/>
      <c r="Z47" s="877"/>
      <c r="AA47" s="877"/>
      <c r="AB47" s="877"/>
      <c r="AC47" s="877"/>
      <c r="AD47" s="877"/>
      <c r="AE47" s="877"/>
      <c r="AF47" s="877"/>
      <c r="AG47" s="877"/>
      <c r="AH47" s="877"/>
      <c r="AI47" s="877"/>
      <c r="AJ47" s="877"/>
      <c r="AK47" s="877"/>
      <c r="AL47" s="878"/>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51"/>
      <c r="B48" s="252"/>
      <c r="C48" s="252"/>
      <c r="D48" s="252"/>
      <c r="E48" s="252"/>
      <c r="F48" s="252"/>
      <c r="G48" s="252"/>
      <c r="H48" s="252"/>
      <c r="I48" s="252"/>
      <c r="J48" s="252"/>
      <c r="K48" s="252"/>
      <c r="L48" s="252"/>
      <c r="M48" s="253"/>
      <c r="N48" s="84"/>
      <c r="O48" s="876"/>
      <c r="P48" s="877"/>
      <c r="Q48" s="877"/>
      <c r="R48" s="877"/>
      <c r="S48" s="877"/>
      <c r="T48" s="877"/>
      <c r="U48" s="877"/>
      <c r="V48" s="877"/>
      <c r="W48" s="877"/>
      <c r="X48" s="877"/>
      <c r="Y48" s="877"/>
      <c r="Z48" s="877"/>
      <c r="AA48" s="877"/>
      <c r="AB48" s="877"/>
      <c r="AC48" s="877"/>
      <c r="AD48" s="877"/>
      <c r="AE48" s="877"/>
      <c r="AF48" s="877"/>
      <c r="AG48" s="877"/>
      <c r="AH48" s="877"/>
      <c r="AI48" s="877"/>
      <c r="AJ48" s="877"/>
      <c r="AK48" s="877"/>
      <c r="AL48" s="878"/>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51"/>
      <c r="B49" s="252"/>
      <c r="C49" s="252"/>
      <c r="D49" s="252"/>
      <c r="E49" s="252"/>
      <c r="F49" s="252"/>
      <c r="G49" s="252"/>
      <c r="H49" s="252"/>
      <c r="I49" s="252"/>
      <c r="J49" s="252"/>
      <c r="K49" s="252"/>
      <c r="L49" s="252"/>
      <c r="M49" s="253"/>
      <c r="N49" s="84"/>
      <c r="O49" s="876"/>
      <c r="P49" s="877"/>
      <c r="Q49" s="877"/>
      <c r="R49" s="877"/>
      <c r="S49" s="877"/>
      <c r="T49" s="877"/>
      <c r="U49" s="877"/>
      <c r="V49" s="877"/>
      <c r="W49" s="877"/>
      <c r="X49" s="877"/>
      <c r="Y49" s="877"/>
      <c r="Z49" s="877"/>
      <c r="AA49" s="877"/>
      <c r="AB49" s="877"/>
      <c r="AC49" s="877"/>
      <c r="AD49" s="877"/>
      <c r="AE49" s="877"/>
      <c r="AF49" s="877"/>
      <c r="AG49" s="877"/>
      <c r="AH49" s="877"/>
      <c r="AI49" s="877"/>
      <c r="AJ49" s="877"/>
      <c r="AK49" s="877"/>
      <c r="AL49" s="878"/>
      <c r="AM49" s="5"/>
      <c r="AN49" s="223">
        <v>51946.353999999999</v>
      </c>
      <c r="AO49" s="224"/>
      <c r="AP49" s="224"/>
      <c r="AQ49" s="224"/>
      <c r="AR49" s="224"/>
      <c r="AS49" s="224"/>
      <c r="AT49" s="225"/>
      <c r="AU49" s="229">
        <v>0.94299999999999995</v>
      </c>
      <c r="AV49" s="230"/>
      <c r="AW49" s="230"/>
      <c r="AX49" s="230"/>
      <c r="AY49" s="231"/>
      <c r="AZ49" s="210">
        <v>9.3000000000000007</v>
      </c>
      <c r="BA49" s="211"/>
      <c r="BB49" s="211"/>
      <c r="BC49" s="211"/>
      <c r="BD49" s="212"/>
      <c r="BE49" s="210">
        <v>5</v>
      </c>
      <c r="BF49" s="211"/>
      <c r="BG49" s="211"/>
      <c r="BH49" s="211"/>
      <c r="BI49" s="212"/>
      <c r="BJ49" s="210">
        <v>14.5</v>
      </c>
      <c r="BK49" s="211"/>
      <c r="BL49" s="211"/>
      <c r="BM49" s="211"/>
      <c r="BN49" s="212"/>
      <c r="BO49" s="210">
        <v>5.3</v>
      </c>
      <c r="BP49" s="211"/>
      <c r="BQ49" s="211"/>
      <c r="BR49" s="211"/>
      <c r="BS49" s="212"/>
      <c r="BT49" s="210">
        <v>96.4</v>
      </c>
      <c r="BU49" s="211"/>
      <c r="BV49" s="211"/>
      <c r="BW49" s="211"/>
      <c r="BX49" s="212"/>
      <c r="BY49" s="210">
        <v>14.2</v>
      </c>
      <c r="BZ49" s="211"/>
      <c r="CA49" s="211"/>
      <c r="CB49" s="211"/>
      <c r="CC49" s="212"/>
      <c r="CD49" s="210">
        <v>55.2</v>
      </c>
      <c r="CE49" s="211"/>
      <c r="CF49" s="211"/>
      <c r="CG49" s="211"/>
      <c r="CH49" s="212"/>
      <c r="CI49" s="210">
        <v>56.6</v>
      </c>
      <c r="CJ49" s="211"/>
      <c r="CK49" s="211"/>
      <c r="CL49" s="211"/>
      <c r="CM49" s="212"/>
    </row>
    <row r="50" spans="1:91" ht="17.25" customHeight="1" x14ac:dyDescent="0.15">
      <c r="A50" s="746"/>
      <c r="B50" s="747"/>
      <c r="C50" s="747"/>
      <c r="D50" s="747"/>
      <c r="E50" s="747"/>
      <c r="F50" s="747"/>
      <c r="G50" s="747"/>
      <c r="H50" s="747"/>
      <c r="I50" s="747"/>
      <c r="J50" s="747"/>
      <c r="K50" s="747"/>
      <c r="L50" s="747"/>
      <c r="M50" s="748"/>
      <c r="N50" s="84"/>
      <c r="O50" s="889"/>
      <c r="P50" s="890"/>
      <c r="Q50" s="890"/>
      <c r="R50" s="890"/>
      <c r="S50" s="890"/>
      <c r="T50" s="890"/>
      <c r="U50" s="890"/>
      <c r="V50" s="890"/>
      <c r="W50" s="890"/>
      <c r="X50" s="890"/>
      <c r="Y50" s="890"/>
      <c r="Z50" s="890"/>
      <c r="AA50" s="890"/>
      <c r="AB50" s="890"/>
      <c r="AC50" s="890"/>
      <c r="AD50" s="890"/>
      <c r="AE50" s="890"/>
      <c r="AF50" s="890"/>
      <c r="AG50" s="890"/>
      <c r="AH50" s="890"/>
      <c r="AI50" s="890"/>
      <c r="AJ50" s="890"/>
      <c r="AK50" s="890"/>
      <c r="AL50" s="891"/>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5">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BR42:CB43"/>
    <mergeCell ref="CC42:CM43"/>
    <mergeCell ref="A46:M46"/>
    <mergeCell ref="O46:AL46"/>
    <mergeCell ref="AN46:AV46"/>
    <mergeCell ref="AW46:BD46"/>
    <mergeCell ref="CD46:CM46"/>
    <mergeCell ref="BC44:BF45"/>
    <mergeCell ref="BG44:BL45"/>
    <mergeCell ref="BM44:BP45"/>
    <mergeCell ref="BR44:BX45"/>
    <mergeCell ref="BY44:CB45"/>
    <mergeCell ref="CC44:CI45"/>
    <mergeCell ref="A43:M43"/>
    <mergeCell ref="O43:AL43"/>
    <mergeCell ref="A44:M44"/>
    <mergeCell ref="O44:AL44"/>
    <mergeCell ref="AN44:AR45"/>
    <mergeCell ref="AS44:AV45"/>
    <mergeCell ref="AW44:BB45"/>
    <mergeCell ref="BY39:CG40"/>
    <mergeCell ref="CH39:CM40"/>
    <mergeCell ref="A40:M40"/>
    <mergeCell ref="O40:AL40"/>
    <mergeCell ref="A41:M41"/>
    <mergeCell ref="O41:AL41"/>
    <mergeCell ref="AU41:BE41"/>
    <mergeCell ref="BR41:CM41"/>
    <mergeCell ref="BG42:BP43"/>
    <mergeCell ref="A39:M39"/>
    <mergeCell ref="O39:AL39"/>
    <mergeCell ref="AN39:AV40"/>
    <mergeCell ref="AW39:BF40"/>
    <mergeCell ref="BG39:BP40"/>
    <mergeCell ref="BR39:BX40"/>
    <mergeCell ref="A42:M42"/>
    <mergeCell ref="O42:AL42"/>
    <mergeCell ref="AN42:AV43"/>
    <mergeCell ref="AW42:BF4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7:CG38"/>
    <mergeCell ref="CH37:CM38"/>
    <mergeCell ref="A38:M38"/>
    <mergeCell ref="O38:AL38"/>
    <mergeCell ref="BR33:BX34"/>
    <mergeCell ref="BY33:CG34"/>
    <mergeCell ref="CH33:CM34"/>
    <mergeCell ref="A34:M34"/>
    <mergeCell ref="O34:AL34"/>
    <mergeCell ref="AN34:BO34"/>
    <mergeCell ref="A29:AL33"/>
    <mergeCell ref="AO29:BP29"/>
    <mergeCell ref="AO30:BP30"/>
    <mergeCell ref="BY30:CI30"/>
    <mergeCell ref="AO31:BP31"/>
    <mergeCell ref="BR31:BX32"/>
    <mergeCell ref="BY31:CG32"/>
    <mergeCell ref="CH31:CM32"/>
    <mergeCell ref="AO32:BP32"/>
    <mergeCell ref="AO33:BP33"/>
    <mergeCell ref="Q27:AL27"/>
    <mergeCell ref="AO27:CM27"/>
    <mergeCell ref="A28:AL28"/>
    <mergeCell ref="AN28:CM28"/>
    <mergeCell ref="AO23:CM23"/>
    <mergeCell ref="O24:P25"/>
    <mergeCell ref="Q24:AL24"/>
    <mergeCell ref="AO24:CM24"/>
    <mergeCell ref="A25:E27"/>
    <mergeCell ref="F25:M25"/>
    <mergeCell ref="Q25:AL25"/>
    <mergeCell ref="AO25:CM25"/>
    <mergeCell ref="F26:M27"/>
    <mergeCell ref="O26:P27"/>
    <mergeCell ref="A22:E24"/>
    <mergeCell ref="F22:M22"/>
    <mergeCell ref="O22:P23"/>
    <mergeCell ref="Q22:AL22"/>
    <mergeCell ref="AN22:CM22"/>
    <mergeCell ref="F23:M24"/>
    <mergeCell ref="Q23:AL23"/>
    <mergeCell ref="Q26:AL26"/>
    <mergeCell ref="AO26:CM26"/>
    <mergeCell ref="Y19:AL19"/>
    <mergeCell ref="F20:M21"/>
    <mergeCell ref="Q20:T20"/>
    <mergeCell ref="U20:X20"/>
    <mergeCell ref="Y20:AL20"/>
    <mergeCell ref="AN16:AS17"/>
    <mergeCell ref="AT16:CM17"/>
    <mergeCell ref="F17:M18"/>
    <mergeCell ref="Q17:T17"/>
    <mergeCell ref="U17:X17"/>
    <mergeCell ref="Y17:AL17"/>
    <mergeCell ref="Q18:T18"/>
    <mergeCell ref="AN18:AS19"/>
    <mergeCell ref="AT18:CM19"/>
    <mergeCell ref="F19:M19"/>
    <mergeCell ref="AN20:AS21"/>
    <mergeCell ref="AT20:CM21"/>
    <mergeCell ref="Q21:AL21"/>
    <mergeCell ref="U12:X12"/>
    <mergeCell ref="Y12:AL12"/>
    <mergeCell ref="AT14:CM15"/>
    <mergeCell ref="A15:E15"/>
    <mergeCell ref="F15:M15"/>
    <mergeCell ref="Q15:T15"/>
    <mergeCell ref="U15:X15"/>
    <mergeCell ref="A16:E21"/>
    <mergeCell ref="F16:M16"/>
    <mergeCell ref="Q16:T16"/>
    <mergeCell ref="U16:X16"/>
    <mergeCell ref="Y16:AL16"/>
    <mergeCell ref="F13:M14"/>
    <mergeCell ref="Q13:T13"/>
    <mergeCell ref="U13:X13"/>
    <mergeCell ref="Y13:AL13"/>
    <mergeCell ref="AN13:CM13"/>
    <mergeCell ref="A14:E14"/>
    <mergeCell ref="Q14:T14"/>
    <mergeCell ref="U14:X14"/>
    <mergeCell ref="Y14:AL15"/>
    <mergeCell ref="AN14:AS15"/>
    <mergeCell ref="Q19:T19"/>
    <mergeCell ref="U19:X19"/>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O12:P21"/>
    <mergeCell ref="Q12:T12"/>
  </mergeCells>
  <phoneticPr fontId="3"/>
  <hyperlinks>
    <hyperlink ref="E11:AL11" r:id="rId1" display="http://www.city.hiratsuka.kanagawa.jp/"/>
  </hyperlinks>
  <printOptions horizontalCentered="1" verticalCentered="1"/>
  <pageMargins left="0.19685039370078741" right="0.19685039370078741" top="0.59055118110236227" bottom="0.59055118110236227" header="0.51181102362204722" footer="0.19685039370078741"/>
  <pageSetup paperSize="9" scale="59" fitToWidth="2" orientation="landscape" useFirstPageNumber="1" r:id="rId2"/>
  <headerFooter alignWithMargins="0">
    <oddFooter>&amp;C&amp;"ＭＳ 明朝,標準"―5―</oddFooter>
  </headerFooter>
  <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501" t="s" ph="1">
        <v>36</v>
      </c>
      <c r="B1" s="502"/>
      <c r="C1" s="502"/>
      <c r="D1" s="502"/>
      <c r="E1" s="502"/>
      <c r="F1" s="502"/>
      <c r="G1" s="502"/>
      <c r="H1" s="503"/>
      <c r="I1" s="902"/>
      <c r="J1" s="903"/>
      <c r="K1" s="903"/>
      <c r="L1" s="903"/>
      <c r="M1" s="904"/>
      <c r="N1" s="794" t="s">
        <v>27</v>
      </c>
      <c r="O1" s="795"/>
      <c r="P1" s="795"/>
      <c r="Q1" s="795"/>
      <c r="R1" s="795"/>
      <c r="S1" s="795"/>
      <c r="T1" s="795"/>
      <c r="U1" s="795"/>
      <c r="V1" s="795"/>
      <c r="W1" s="795"/>
      <c r="X1" s="795"/>
      <c r="Y1" s="795"/>
      <c r="Z1" s="795"/>
      <c r="AA1" s="795"/>
      <c r="AB1" s="795"/>
      <c r="AC1" s="795"/>
      <c r="AD1" s="795"/>
      <c r="AE1" s="795"/>
      <c r="AF1" s="795"/>
      <c r="AG1" s="795"/>
      <c r="AH1" s="795"/>
      <c r="AI1" s="795"/>
      <c r="AJ1" s="795"/>
      <c r="AK1" s="795"/>
      <c r="AL1" s="796"/>
      <c r="AM1" s="93"/>
      <c r="AN1" s="892" t="s">
        <v>324</v>
      </c>
      <c r="AO1" s="892"/>
      <c r="AP1" s="892"/>
      <c r="AQ1" s="892"/>
      <c r="AR1" s="892"/>
      <c r="AS1" s="892"/>
      <c r="AT1" s="892"/>
      <c r="AU1" s="892"/>
      <c r="AV1" s="892"/>
      <c r="AW1" s="892"/>
      <c r="AX1" s="892"/>
      <c r="AY1" s="892"/>
      <c r="AZ1" s="892"/>
      <c r="BA1" s="892"/>
      <c r="BB1" s="892"/>
      <c r="BC1" s="892"/>
      <c r="BD1" s="892"/>
      <c r="BE1" s="892"/>
      <c r="BF1" s="892"/>
      <c r="BG1" s="892"/>
      <c r="BH1" s="892"/>
      <c r="BI1" s="892"/>
      <c r="BJ1" s="892"/>
      <c r="BK1" s="892"/>
      <c r="BL1" s="892"/>
      <c r="BM1" s="892"/>
      <c r="BN1" s="892"/>
      <c r="BO1" s="892"/>
      <c r="BP1" s="892"/>
      <c r="BQ1" s="892"/>
      <c r="BR1" s="892"/>
      <c r="BS1" s="892"/>
      <c r="BT1" s="892"/>
      <c r="BU1" s="892"/>
      <c r="BV1" s="892"/>
      <c r="BW1" s="892"/>
      <c r="BX1" s="892"/>
      <c r="BY1" s="892"/>
      <c r="BZ1" s="892"/>
      <c r="CA1" s="892"/>
      <c r="CB1" s="892"/>
      <c r="CC1" s="892"/>
      <c r="CD1" s="892"/>
      <c r="CE1" s="892"/>
      <c r="CF1" s="892"/>
      <c r="CG1" s="892"/>
      <c r="CH1" s="892"/>
      <c r="CI1" s="892"/>
      <c r="CJ1" s="892"/>
      <c r="CK1" s="892"/>
      <c r="CL1" s="892"/>
      <c r="CM1" s="892"/>
      <c r="CQ1" s="3" ph="1"/>
    </row>
    <row r="2" spans="1:100" ht="17.25" customHeight="1" x14ac:dyDescent="0.15">
      <c r="A2" s="504"/>
      <c r="B2" s="505"/>
      <c r="C2" s="505"/>
      <c r="D2" s="505"/>
      <c r="E2" s="505"/>
      <c r="F2" s="505"/>
      <c r="G2" s="505"/>
      <c r="H2" s="506"/>
      <c r="I2" s="905"/>
      <c r="J2" s="906"/>
      <c r="K2" s="906"/>
      <c r="L2" s="906"/>
      <c r="M2" s="907"/>
      <c r="N2" s="797"/>
      <c r="O2" s="399"/>
      <c r="P2" s="399"/>
      <c r="Q2" s="399"/>
      <c r="R2" s="399"/>
      <c r="S2" s="399"/>
      <c r="T2" s="399"/>
      <c r="U2" s="399"/>
      <c r="V2" s="399"/>
      <c r="W2" s="399"/>
      <c r="X2" s="399"/>
      <c r="Y2" s="399"/>
      <c r="Z2" s="399"/>
      <c r="AA2" s="399"/>
      <c r="AB2" s="399"/>
      <c r="AC2" s="399"/>
      <c r="AD2" s="399"/>
      <c r="AE2" s="399"/>
      <c r="AF2" s="399"/>
      <c r="AG2" s="399"/>
      <c r="AH2" s="399"/>
      <c r="AI2" s="399"/>
      <c r="AJ2" s="399"/>
      <c r="AK2" s="399"/>
      <c r="AL2" s="798"/>
      <c r="AM2" s="5"/>
      <c r="AN2" s="466" t="s">
        <v>841</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8.600000000000001" customHeight="1" x14ac:dyDescent="0.15">
      <c r="A3" s="507"/>
      <c r="B3" s="508"/>
      <c r="C3" s="508"/>
      <c r="D3" s="508"/>
      <c r="E3" s="508"/>
      <c r="F3" s="508"/>
      <c r="G3" s="508"/>
      <c r="H3" s="509"/>
      <c r="I3" s="905"/>
      <c r="J3" s="906"/>
      <c r="K3" s="906"/>
      <c r="L3" s="906"/>
      <c r="M3" s="907"/>
      <c r="N3" s="797"/>
      <c r="O3" s="399"/>
      <c r="P3" s="399"/>
      <c r="Q3" s="399"/>
      <c r="R3" s="399"/>
      <c r="S3" s="399"/>
      <c r="T3" s="399"/>
      <c r="U3" s="399"/>
      <c r="V3" s="399"/>
      <c r="W3" s="399"/>
      <c r="X3" s="399"/>
      <c r="Y3" s="399"/>
      <c r="Z3" s="399"/>
      <c r="AA3" s="399"/>
      <c r="AB3" s="399"/>
      <c r="AC3" s="399"/>
      <c r="AD3" s="399"/>
      <c r="AE3" s="399"/>
      <c r="AF3" s="399"/>
      <c r="AG3" s="399"/>
      <c r="AH3" s="399"/>
      <c r="AI3" s="399"/>
      <c r="AJ3" s="399"/>
      <c r="AK3" s="399"/>
      <c r="AL3" s="798"/>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1" t="s">
        <v>236</v>
      </c>
      <c r="B4" s="641"/>
      <c r="C4" s="641"/>
      <c r="D4" s="641"/>
      <c r="E4" s="458">
        <v>142042</v>
      </c>
      <c r="F4" s="458"/>
      <c r="G4" s="458"/>
      <c r="H4" s="458"/>
      <c r="I4" s="908"/>
      <c r="J4" s="909"/>
      <c r="K4" s="909"/>
      <c r="L4" s="909"/>
      <c r="M4" s="910"/>
      <c r="N4" s="459" t="s">
        <v>28</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382" t="s">
        <v>237</v>
      </c>
      <c r="B5" s="484"/>
      <c r="C5" s="484"/>
      <c r="D5" s="484"/>
      <c r="E5" s="484"/>
      <c r="F5" s="484"/>
      <c r="G5" s="484"/>
      <c r="H5" s="485"/>
      <c r="I5" s="486" t="s">
        <v>29</v>
      </c>
      <c r="J5" s="487"/>
      <c r="K5" s="487"/>
      <c r="L5" s="487"/>
      <c r="M5" s="487"/>
      <c r="N5" s="487"/>
      <c r="O5" s="487"/>
      <c r="P5" s="487"/>
      <c r="Q5" s="487"/>
      <c r="R5" s="487"/>
      <c r="S5" s="487"/>
      <c r="T5" s="487"/>
      <c r="U5" s="487"/>
      <c r="V5" s="487"/>
      <c r="W5" s="487"/>
      <c r="X5" s="487"/>
      <c r="Y5" s="487"/>
      <c r="Z5" s="487"/>
      <c r="AA5" s="487"/>
      <c r="AB5" s="487"/>
      <c r="AC5" s="487"/>
      <c r="AD5" s="487"/>
      <c r="AE5" s="487"/>
      <c r="AF5" s="487"/>
      <c r="AG5" s="487"/>
      <c r="AH5" s="487"/>
      <c r="AI5" s="487"/>
      <c r="AJ5" s="487"/>
      <c r="AK5" s="487"/>
      <c r="AL5" s="488"/>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364"/>
      <c r="B6" s="365"/>
      <c r="C6" s="365"/>
      <c r="D6" s="365"/>
      <c r="E6" s="365"/>
      <c r="F6" s="365"/>
      <c r="G6" s="365"/>
      <c r="H6" s="366"/>
      <c r="I6" s="489"/>
      <c r="J6" s="490"/>
      <c r="K6" s="490"/>
      <c r="L6" s="490"/>
      <c r="M6" s="490"/>
      <c r="N6" s="490"/>
      <c r="O6" s="490"/>
      <c r="P6" s="490"/>
      <c r="Q6" s="490"/>
      <c r="R6" s="490"/>
      <c r="S6" s="490"/>
      <c r="T6" s="490"/>
      <c r="U6" s="490"/>
      <c r="V6" s="490"/>
      <c r="W6" s="490"/>
      <c r="X6" s="490"/>
      <c r="Y6" s="490"/>
      <c r="Z6" s="490"/>
      <c r="AA6" s="490"/>
      <c r="AB6" s="490"/>
      <c r="AC6" s="490"/>
      <c r="AD6" s="490"/>
      <c r="AE6" s="490"/>
      <c r="AF6" s="490"/>
      <c r="AG6" s="490"/>
      <c r="AH6" s="490"/>
      <c r="AI6" s="490"/>
      <c r="AJ6" s="490"/>
      <c r="AK6" s="490"/>
      <c r="AL6" s="491"/>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292" t="s">
        <v>238</v>
      </c>
      <c r="B7" s="293"/>
      <c r="C7" s="293"/>
      <c r="D7" s="294"/>
      <c r="E7" s="65" t="s">
        <v>0</v>
      </c>
      <c r="F7" s="893" t="s">
        <v>30</v>
      </c>
      <c r="G7" s="893"/>
      <c r="H7" s="893"/>
      <c r="I7" s="893"/>
      <c r="J7" s="893"/>
      <c r="K7" s="893"/>
      <c r="L7" s="893"/>
      <c r="M7" s="893"/>
      <c r="N7" s="893"/>
      <c r="O7" s="893"/>
      <c r="P7" s="893"/>
      <c r="Q7" s="893"/>
      <c r="R7" s="893"/>
      <c r="S7" s="893"/>
      <c r="T7" s="893"/>
      <c r="U7" s="893"/>
      <c r="V7" s="893"/>
      <c r="W7" s="893"/>
      <c r="X7" s="893"/>
      <c r="Y7" s="894"/>
      <c r="Z7" s="382" t="s">
        <v>239</v>
      </c>
      <c r="AA7" s="484"/>
      <c r="AB7" s="485"/>
      <c r="AC7" s="895" t="s">
        <v>31</v>
      </c>
      <c r="AD7" s="896"/>
      <c r="AE7" s="896"/>
      <c r="AF7" s="896"/>
      <c r="AG7" s="896"/>
      <c r="AH7" s="896"/>
      <c r="AI7" s="896"/>
      <c r="AJ7" s="896"/>
      <c r="AK7" s="896"/>
      <c r="AL7" s="897"/>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295"/>
      <c r="B8" s="296"/>
      <c r="C8" s="296"/>
      <c r="D8" s="297"/>
      <c r="E8" s="433" t="s">
        <v>32</v>
      </c>
      <c r="F8" s="434"/>
      <c r="G8" s="434"/>
      <c r="H8" s="434"/>
      <c r="I8" s="434"/>
      <c r="J8" s="434"/>
      <c r="K8" s="434"/>
      <c r="L8" s="434"/>
      <c r="M8" s="434"/>
      <c r="N8" s="434"/>
      <c r="O8" s="434"/>
      <c r="P8" s="434"/>
      <c r="Q8" s="434"/>
      <c r="R8" s="434"/>
      <c r="S8" s="434"/>
      <c r="T8" s="434"/>
      <c r="U8" s="434"/>
      <c r="V8" s="434"/>
      <c r="W8" s="434"/>
      <c r="X8" s="434"/>
      <c r="Y8" s="435"/>
      <c r="Z8" s="364"/>
      <c r="AA8" s="365"/>
      <c r="AB8" s="366"/>
      <c r="AC8" s="898"/>
      <c r="AD8" s="899"/>
      <c r="AE8" s="899"/>
      <c r="AF8" s="899"/>
      <c r="AG8" s="899"/>
      <c r="AH8" s="899"/>
      <c r="AI8" s="899"/>
      <c r="AJ8" s="899"/>
      <c r="AK8" s="899"/>
      <c r="AL8" s="900"/>
      <c r="AM8" s="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292" t="s">
        <v>240</v>
      </c>
      <c r="B9" s="293"/>
      <c r="C9" s="293"/>
      <c r="D9" s="294"/>
      <c r="E9" s="460" t="s">
        <v>1357</v>
      </c>
      <c r="F9" s="349"/>
      <c r="G9" s="349"/>
      <c r="H9" s="349"/>
      <c r="I9" s="349"/>
      <c r="J9" s="349"/>
      <c r="K9" s="349"/>
      <c r="L9" s="349"/>
      <c r="M9" s="349"/>
      <c r="N9" s="349"/>
      <c r="O9" s="349"/>
      <c r="P9" s="349"/>
      <c r="Q9" s="349"/>
      <c r="R9" s="349"/>
      <c r="S9" s="349"/>
      <c r="T9" s="349"/>
      <c r="U9" s="349"/>
      <c r="V9" s="349"/>
      <c r="W9" s="349"/>
      <c r="X9" s="349"/>
      <c r="Y9" s="349"/>
      <c r="Z9" s="349"/>
      <c r="AA9" s="349"/>
      <c r="AB9" s="349"/>
      <c r="AC9" s="349"/>
      <c r="AD9" s="349"/>
      <c r="AE9" s="349"/>
      <c r="AF9" s="349"/>
      <c r="AG9" s="349"/>
      <c r="AH9" s="349"/>
      <c r="AI9" s="349"/>
      <c r="AJ9" s="349"/>
      <c r="AK9" s="349"/>
      <c r="AL9" s="350"/>
      <c r="AM9" s="5"/>
      <c r="AN9" s="469"/>
      <c r="AO9" s="470"/>
      <c r="AP9" s="470"/>
      <c r="AQ9" s="470"/>
      <c r="AR9" s="470"/>
      <c r="AS9" s="470"/>
      <c r="AT9" s="470"/>
      <c r="AU9" s="470"/>
      <c r="AV9" s="470"/>
      <c r="AW9" s="470"/>
      <c r="AX9" s="470"/>
      <c r="AY9" s="470"/>
      <c r="AZ9" s="470"/>
      <c r="BA9" s="470"/>
      <c r="BB9" s="470"/>
      <c r="BC9" s="470"/>
      <c r="BD9" s="470"/>
      <c r="BE9" s="470"/>
      <c r="BF9" s="470"/>
      <c r="BG9" s="470"/>
      <c r="BH9" s="470"/>
      <c r="BI9" s="470"/>
      <c r="BJ9" s="470"/>
      <c r="BK9" s="470"/>
      <c r="BL9" s="470"/>
      <c r="BM9" s="470"/>
      <c r="BN9" s="470"/>
      <c r="BO9" s="470"/>
      <c r="BP9" s="470"/>
      <c r="BQ9" s="470"/>
      <c r="BR9" s="470"/>
      <c r="BS9" s="470"/>
      <c r="BT9" s="470"/>
      <c r="BU9" s="470"/>
      <c r="BV9" s="470"/>
      <c r="BW9" s="470"/>
      <c r="BX9" s="470"/>
      <c r="BY9" s="470"/>
      <c r="BZ9" s="470"/>
      <c r="CA9" s="470"/>
      <c r="CB9" s="470"/>
      <c r="CC9" s="470"/>
      <c r="CD9" s="470"/>
      <c r="CE9" s="470"/>
      <c r="CF9" s="470"/>
      <c r="CG9" s="470"/>
      <c r="CH9" s="470"/>
      <c r="CI9" s="470"/>
      <c r="CJ9" s="470"/>
      <c r="CK9" s="470"/>
      <c r="CL9" s="470"/>
      <c r="CM9" s="471"/>
    </row>
    <row r="10" spans="1:100" ht="17.25" customHeight="1" x14ac:dyDescent="0.15">
      <c r="A10" s="295"/>
      <c r="B10" s="296"/>
      <c r="C10" s="296"/>
      <c r="D10" s="297"/>
      <c r="E10" s="901"/>
      <c r="F10" s="353"/>
      <c r="G10" s="353"/>
      <c r="H10" s="353"/>
      <c r="I10" s="353"/>
      <c r="J10" s="353"/>
      <c r="K10" s="353"/>
      <c r="L10" s="353"/>
      <c r="M10" s="353"/>
      <c r="N10" s="353"/>
      <c r="O10" s="353"/>
      <c r="P10" s="353"/>
      <c r="Q10" s="353"/>
      <c r="R10" s="353"/>
      <c r="S10" s="353"/>
      <c r="T10" s="353"/>
      <c r="U10" s="353"/>
      <c r="V10" s="353"/>
      <c r="W10" s="353"/>
      <c r="X10" s="353"/>
      <c r="Y10" s="353"/>
      <c r="Z10" s="353"/>
      <c r="AA10" s="353"/>
      <c r="AB10" s="353"/>
      <c r="AC10" s="353"/>
      <c r="AD10" s="353"/>
      <c r="AE10" s="353"/>
      <c r="AF10" s="353"/>
      <c r="AG10" s="353"/>
      <c r="AH10" s="353"/>
      <c r="AI10" s="353"/>
      <c r="AJ10" s="353"/>
      <c r="AK10" s="353"/>
      <c r="AL10" s="354"/>
      <c r="AM10" s="5"/>
      <c r="AN10" s="469"/>
      <c r="AO10" s="470"/>
      <c r="AP10" s="470"/>
      <c r="AQ10" s="470"/>
      <c r="AR10" s="470"/>
      <c r="AS10" s="470"/>
      <c r="AT10" s="470"/>
      <c r="AU10" s="470"/>
      <c r="AV10" s="470"/>
      <c r="AW10" s="470"/>
      <c r="AX10" s="470"/>
      <c r="AY10" s="470"/>
      <c r="AZ10" s="470"/>
      <c r="BA10" s="470"/>
      <c r="BB10" s="470"/>
      <c r="BC10" s="470"/>
      <c r="BD10" s="470"/>
      <c r="BE10" s="470"/>
      <c r="BF10" s="470"/>
      <c r="BG10" s="470"/>
      <c r="BH10" s="470"/>
      <c r="BI10" s="470"/>
      <c r="BJ10" s="470"/>
      <c r="BK10" s="470"/>
      <c r="BL10" s="470"/>
      <c r="BM10" s="470"/>
      <c r="BN10" s="470"/>
      <c r="BO10" s="470"/>
      <c r="BP10" s="470"/>
      <c r="BQ10" s="470"/>
      <c r="BR10" s="470"/>
      <c r="BS10" s="470"/>
      <c r="BT10" s="470"/>
      <c r="BU10" s="470"/>
      <c r="BV10" s="470"/>
      <c r="BW10" s="470"/>
      <c r="BX10" s="470"/>
      <c r="BY10" s="470"/>
      <c r="BZ10" s="470"/>
      <c r="CA10" s="470"/>
      <c r="CB10" s="470"/>
      <c r="CC10" s="470"/>
      <c r="CD10" s="470"/>
      <c r="CE10" s="470"/>
      <c r="CF10" s="470"/>
      <c r="CG10" s="470"/>
      <c r="CH10" s="470"/>
      <c r="CI10" s="470"/>
      <c r="CJ10" s="470"/>
      <c r="CK10" s="470"/>
      <c r="CL10" s="470"/>
      <c r="CM10" s="471"/>
    </row>
    <row r="11" spans="1:100" ht="17.25" customHeight="1" x14ac:dyDescent="0.15">
      <c r="A11" s="405" t="s">
        <v>37</v>
      </c>
      <c r="B11" s="406"/>
      <c r="C11" s="406"/>
      <c r="D11" s="407"/>
      <c r="E11" s="615" t="s">
        <v>842</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469"/>
      <c r="AO11" s="470"/>
      <c r="AP11" s="470"/>
      <c r="AQ11" s="470"/>
      <c r="AR11" s="470"/>
      <c r="AS11" s="470"/>
      <c r="AT11" s="470"/>
      <c r="AU11" s="470"/>
      <c r="AV11" s="470"/>
      <c r="AW11" s="470"/>
      <c r="AX11" s="470"/>
      <c r="AY11" s="470"/>
      <c r="AZ11" s="470"/>
      <c r="BA11" s="470"/>
      <c r="BB11" s="470"/>
      <c r="BC11" s="470"/>
      <c r="BD11" s="470"/>
      <c r="BE11" s="470"/>
      <c r="BF11" s="470"/>
      <c r="BG11" s="470"/>
      <c r="BH11" s="470"/>
      <c r="BI11" s="470"/>
      <c r="BJ11" s="470"/>
      <c r="BK11" s="470"/>
      <c r="BL11" s="470"/>
      <c r="BM11" s="470"/>
      <c r="BN11" s="470"/>
      <c r="BO11" s="470"/>
      <c r="BP11" s="470"/>
      <c r="BQ11" s="470"/>
      <c r="BR11" s="470"/>
      <c r="BS11" s="470"/>
      <c r="BT11" s="470"/>
      <c r="BU11" s="470"/>
      <c r="BV11" s="470"/>
      <c r="BW11" s="470"/>
      <c r="BX11" s="470"/>
      <c r="BY11" s="470"/>
      <c r="BZ11" s="470"/>
      <c r="CA11" s="470"/>
      <c r="CB11" s="470"/>
      <c r="CC11" s="470"/>
      <c r="CD11" s="470"/>
      <c r="CE11" s="470"/>
      <c r="CF11" s="470"/>
      <c r="CG11" s="470"/>
      <c r="CH11" s="470"/>
      <c r="CI11" s="470"/>
      <c r="CJ11" s="470"/>
      <c r="CK11" s="470"/>
      <c r="CL11" s="470"/>
      <c r="CM11" s="471"/>
    </row>
    <row r="12" spans="1:100" ht="17.25" customHeight="1" x14ac:dyDescent="0.15">
      <c r="A12" s="382" t="s">
        <v>241</v>
      </c>
      <c r="B12" s="484"/>
      <c r="C12" s="484"/>
      <c r="D12" s="484"/>
      <c r="E12" s="485"/>
      <c r="F12" s="519" t="s">
        <v>33</v>
      </c>
      <c r="G12" s="911"/>
      <c r="H12" s="911"/>
      <c r="I12" s="911"/>
      <c r="J12" s="911"/>
      <c r="K12" s="911"/>
      <c r="L12" s="911"/>
      <c r="M12" s="912"/>
      <c r="N12" s="523"/>
      <c r="O12" s="416" t="s">
        <v>242</v>
      </c>
      <c r="P12" s="417"/>
      <c r="Q12" s="534">
        <v>14552</v>
      </c>
      <c r="R12" s="423"/>
      <c r="S12" s="423"/>
      <c r="T12" s="423"/>
      <c r="U12" s="424" t="s">
        <v>243</v>
      </c>
      <c r="V12" s="423"/>
      <c r="W12" s="423"/>
      <c r="X12" s="423"/>
      <c r="Y12" s="424"/>
      <c r="Z12" s="423"/>
      <c r="AA12" s="423"/>
      <c r="AB12" s="423"/>
      <c r="AC12" s="423"/>
      <c r="AD12" s="423"/>
      <c r="AE12" s="423"/>
      <c r="AF12" s="423"/>
      <c r="AG12" s="423"/>
      <c r="AH12" s="423"/>
      <c r="AI12" s="423"/>
      <c r="AJ12" s="423"/>
      <c r="AK12" s="423"/>
      <c r="AL12" s="425"/>
      <c r="AM12" s="5"/>
      <c r="AN12" s="472"/>
      <c r="AO12" s="473"/>
      <c r="AP12" s="473"/>
      <c r="AQ12" s="473"/>
      <c r="AR12" s="473"/>
      <c r="AS12" s="473"/>
      <c r="AT12" s="473"/>
      <c r="AU12" s="473"/>
      <c r="AV12" s="473"/>
      <c r="AW12" s="473"/>
      <c r="AX12" s="473"/>
      <c r="AY12" s="473"/>
      <c r="AZ12" s="473"/>
      <c r="BA12" s="473"/>
      <c r="BB12" s="473"/>
      <c r="BC12" s="473"/>
      <c r="BD12" s="473"/>
      <c r="BE12" s="473"/>
      <c r="BF12" s="473"/>
      <c r="BG12" s="473"/>
      <c r="BH12" s="473"/>
      <c r="BI12" s="473"/>
      <c r="BJ12" s="473"/>
      <c r="BK12" s="473"/>
      <c r="BL12" s="473"/>
      <c r="BM12" s="473"/>
      <c r="BN12" s="473"/>
      <c r="BO12" s="473"/>
      <c r="BP12" s="473"/>
      <c r="BQ12" s="473"/>
      <c r="BR12" s="473"/>
      <c r="BS12" s="473"/>
      <c r="BT12" s="473"/>
      <c r="BU12" s="473"/>
      <c r="BV12" s="473"/>
      <c r="BW12" s="473"/>
      <c r="BX12" s="473"/>
      <c r="BY12" s="473"/>
      <c r="BZ12" s="473"/>
      <c r="CA12" s="473"/>
      <c r="CB12" s="473"/>
      <c r="CC12" s="473"/>
      <c r="CD12" s="473"/>
      <c r="CE12" s="473"/>
      <c r="CF12" s="473"/>
      <c r="CG12" s="473"/>
      <c r="CH12" s="473"/>
      <c r="CI12" s="473"/>
      <c r="CJ12" s="473"/>
      <c r="CK12" s="473"/>
      <c r="CL12" s="473"/>
      <c r="CM12" s="474"/>
      <c r="CQ12" s="3" ph="1"/>
      <c r="CR12" s="3" ph="1"/>
      <c r="CS12" s="3" ph="1"/>
      <c r="CT12" s="3" ph="1"/>
      <c r="CU12" s="3" ph="1"/>
      <c r="CV12" s="3" ph="1"/>
    </row>
    <row r="13" spans="1:100" ht="17.25" customHeight="1" x14ac:dyDescent="0.15">
      <c r="A13" s="361"/>
      <c r="B13" s="362"/>
      <c r="C13" s="362"/>
      <c r="D13" s="362"/>
      <c r="E13" s="363"/>
      <c r="F13" s="336" t="s">
        <v>843</v>
      </c>
      <c r="G13" s="337"/>
      <c r="H13" s="337"/>
      <c r="I13" s="337"/>
      <c r="J13" s="337"/>
      <c r="K13" s="337"/>
      <c r="L13" s="337"/>
      <c r="M13" s="338"/>
      <c r="N13" s="523"/>
      <c r="O13" s="418"/>
      <c r="P13" s="419"/>
      <c r="Q13" s="376">
        <v>17533</v>
      </c>
      <c r="R13" s="220"/>
      <c r="S13" s="220"/>
      <c r="T13" s="220"/>
      <c r="U13" s="371" t="s">
        <v>326</v>
      </c>
      <c r="V13" s="220"/>
      <c r="W13" s="220"/>
      <c r="X13" s="220"/>
      <c r="Y13" s="371" t="s">
        <v>38</v>
      </c>
      <c r="Z13" s="852"/>
      <c r="AA13" s="852"/>
      <c r="AB13" s="852"/>
      <c r="AC13" s="852"/>
      <c r="AD13" s="852"/>
      <c r="AE13" s="852"/>
      <c r="AF13" s="852"/>
      <c r="AG13" s="852"/>
      <c r="AH13" s="852"/>
      <c r="AI13" s="852"/>
      <c r="AJ13" s="852"/>
      <c r="AK13" s="852"/>
      <c r="AL13" s="853"/>
      <c r="AM13" s="5"/>
      <c r="AN13" s="388" t="s">
        <v>245</v>
      </c>
      <c r="AO13" s="388"/>
      <c r="AP13" s="389"/>
      <c r="AQ13" s="389"/>
      <c r="AR13" s="389"/>
      <c r="AS13" s="389"/>
      <c r="AT13" s="389"/>
      <c r="AU13" s="389"/>
      <c r="AV13" s="389"/>
      <c r="AW13" s="389"/>
      <c r="AX13" s="389"/>
      <c r="AY13" s="389"/>
      <c r="AZ13" s="389"/>
      <c r="BA13" s="389"/>
      <c r="BB13" s="389"/>
      <c r="BC13" s="389"/>
      <c r="BD13" s="389"/>
      <c r="BE13" s="389"/>
      <c r="BF13" s="389"/>
      <c r="BG13" s="389"/>
      <c r="BH13" s="389"/>
      <c r="BI13" s="389"/>
      <c r="BJ13" s="389"/>
      <c r="BK13" s="389"/>
      <c r="BL13" s="389"/>
      <c r="BM13" s="389"/>
      <c r="BN13" s="389"/>
      <c r="BO13" s="389"/>
      <c r="BP13" s="389"/>
      <c r="BQ13" s="389"/>
      <c r="BR13" s="389"/>
      <c r="BS13" s="389"/>
      <c r="BT13" s="389"/>
      <c r="BU13" s="389"/>
      <c r="BV13" s="389"/>
      <c r="BW13" s="389"/>
      <c r="BX13" s="389"/>
      <c r="BY13" s="389"/>
      <c r="BZ13" s="389"/>
      <c r="CA13" s="389"/>
      <c r="CB13" s="389"/>
      <c r="CC13" s="389"/>
      <c r="CD13" s="389"/>
      <c r="CE13" s="389"/>
      <c r="CF13" s="389"/>
      <c r="CG13" s="389"/>
      <c r="CH13" s="389"/>
      <c r="CI13" s="389"/>
      <c r="CJ13" s="389"/>
      <c r="CK13" s="389"/>
      <c r="CL13" s="389"/>
      <c r="CM13" s="389"/>
      <c r="CQ13" s="3" ph="1"/>
      <c r="CR13" s="3" ph="1"/>
      <c r="CS13" s="3" ph="1"/>
      <c r="CT13" s="3" ph="1"/>
      <c r="CU13" s="3" ph="1"/>
      <c r="CV13" s="3" ph="1"/>
    </row>
    <row r="14" spans="1:100" ht="17.25" customHeight="1" x14ac:dyDescent="0.15">
      <c r="A14" s="426">
        <v>4</v>
      </c>
      <c r="B14" s="651"/>
      <c r="C14" s="651"/>
      <c r="D14" s="651"/>
      <c r="E14" s="651"/>
      <c r="F14" s="339"/>
      <c r="G14" s="340"/>
      <c r="H14" s="340"/>
      <c r="I14" s="340"/>
      <c r="J14" s="340"/>
      <c r="K14" s="340"/>
      <c r="L14" s="340"/>
      <c r="M14" s="341"/>
      <c r="N14" s="523"/>
      <c r="O14" s="418"/>
      <c r="P14" s="419"/>
      <c r="Q14" s="376">
        <v>17685</v>
      </c>
      <c r="R14" s="220"/>
      <c r="S14" s="220"/>
      <c r="T14" s="220"/>
      <c r="U14" s="371" t="s">
        <v>326</v>
      </c>
      <c r="V14" s="220"/>
      <c r="W14" s="220"/>
      <c r="X14" s="220"/>
      <c r="Y14" s="371" t="s">
        <v>39</v>
      </c>
      <c r="Z14" s="220"/>
      <c r="AA14" s="220"/>
      <c r="AB14" s="220"/>
      <c r="AC14" s="220"/>
      <c r="AD14" s="220"/>
      <c r="AE14" s="220"/>
      <c r="AF14" s="220"/>
      <c r="AG14" s="220"/>
      <c r="AH14" s="220"/>
      <c r="AI14" s="220"/>
      <c r="AJ14" s="220"/>
      <c r="AK14" s="220"/>
      <c r="AL14" s="372"/>
      <c r="AM14" s="5"/>
      <c r="AN14" s="287" t="s">
        <v>219</v>
      </c>
      <c r="AO14" s="287"/>
      <c r="AP14" s="287"/>
      <c r="AQ14" s="287"/>
      <c r="AR14" s="287"/>
      <c r="AS14" s="287"/>
      <c r="AT14" s="856" t="s">
        <v>844</v>
      </c>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5961</v>
      </c>
      <c r="G15" s="430"/>
      <c r="H15" s="430"/>
      <c r="I15" s="430"/>
      <c r="J15" s="430"/>
      <c r="K15" s="430"/>
      <c r="L15" s="430"/>
      <c r="M15" s="430"/>
      <c r="N15" s="523"/>
      <c r="O15" s="418"/>
      <c r="P15" s="419"/>
      <c r="Q15" s="376"/>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87"/>
      <c r="AO15" s="287"/>
      <c r="AP15" s="287"/>
      <c r="AQ15" s="287"/>
      <c r="AR15" s="287"/>
      <c r="AS15" s="287"/>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49</v>
      </c>
      <c r="B16" s="484"/>
      <c r="C16" s="484"/>
      <c r="D16" s="484"/>
      <c r="E16" s="485"/>
      <c r="F16" s="345" t="s">
        <v>1067</v>
      </c>
      <c r="G16" s="346"/>
      <c r="H16" s="346"/>
      <c r="I16" s="346"/>
      <c r="J16" s="346"/>
      <c r="K16" s="346"/>
      <c r="L16" s="346"/>
      <c r="M16" s="346"/>
      <c r="N16" s="523"/>
      <c r="O16" s="418"/>
      <c r="P16" s="419"/>
      <c r="Q16" s="376"/>
      <c r="R16" s="220"/>
      <c r="S16" s="220"/>
      <c r="T16" s="220"/>
      <c r="U16" s="371"/>
      <c r="V16" s="220"/>
      <c r="W16" s="220"/>
      <c r="X16" s="220"/>
      <c r="Y16" s="371"/>
      <c r="Z16" s="220"/>
      <c r="AA16" s="220"/>
      <c r="AB16" s="220"/>
      <c r="AC16" s="220"/>
      <c r="AD16" s="220"/>
      <c r="AE16" s="220"/>
      <c r="AF16" s="220"/>
      <c r="AG16" s="220"/>
      <c r="AH16" s="220"/>
      <c r="AI16" s="220"/>
      <c r="AJ16" s="220"/>
      <c r="AK16" s="220"/>
      <c r="AL16" s="372"/>
      <c r="AM16" s="5"/>
      <c r="AN16" s="287" t="s">
        <v>220</v>
      </c>
      <c r="AO16" s="287"/>
      <c r="AP16" s="287"/>
      <c r="AQ16" s="287"/>
      <c r="AR16" s="287"/>
      <c r="AS16" s="287"/>
      <c r="AT16" s="856" t="s">
        <v>374</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36" t="s">
        <v>1066</v>
      </c>
      <c r="G17" s="337"/>
      <c r="H17" s="337"/>
      <c r="I17" s="337"/>
      <c r="J17" s="337"/>
      <c r="K17" s="337"/>
      <c r="L17" s="337"/>
      <c r="M17" s="338"/>
      <c r="N17" s="523"/>
      <c r="O17" s="418"/>
      <c r="P17" s="419"/>
      <c r="Q17" s="376"/>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c r="AO17" s="287"/>
      <c r="AP17" s="287"/>
      <c r="AQ17" s="287"/>
      <c r="AR17" s="287"/>
      <c r="AS17" s="28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17.25" customHeight="1" x14ac:dyDescent="0.15">
      <c r="A18" s="361"/>
      <c r="B18" s="362"/>
      <c r="C18" s="362"/>
      <c r="D18" s="362"/>
      <c r="E18" s="363"/>
      <c r="F18" s="339"/>
      <c r="G18" s="340"/>
      <c r="H18" s="340"/>
      <c r="I18" s="340"/>
      <c r="J18" s="340"/>
      <c r="K18" s="340"/>
      <c r="L18" s="340"/>
      <c r="M18" s="341"/>
      <c r="N18" s="523"/>
      <c r="O18" s="418"/>
      <c r="P18" s="419"/>
      <c r="Q18" s="376"/>
      <c r="R18" s="220"/>
      <c r="S18" s="220"/>
      <c r="T18" s="220"/>
      <c r="U18" s="371"/>
      <c r="V18" s="852"/>
      <c r="W18" s="852"/>
      <c r="X18" s="852"/>
      <c r="Y18" s="371"/>
      <c r="Z18" s="852"/>
      <c r="AA18" s="852"/>
      <c r="AB18" s="852"/>
      <c r="AC18" s="852"/>
      <c r="AD18" s="852"/>
      <c r="AE18" s="852"/>
      <c r="AF18" s="852"/>
      <c r="AG18" s="852"/>
      <c r="AH18" s="852"/>
      <c r="AI18" s="852"/>
      <c r="AJ18" s="852"/>
      <c r="AK18" s="852"/>
      <c r="AL18" s="853"/>
      <c r="AM18" s="5"/>
      <c r="AN18" s="287" t="s">
        <v>221</v>
      </c>
      <c r="AO18" s="287"/>
      <c r="AP18" s="287"/>
      <c r="AQ18" s="287"/>
      <c r="AR18" s="287"/>
      <c r="AS18" s="287"/>
      <c r="AT18" s="856" t="s">
        <v>424</v>
      </c>
      <c r="AU18" s="856"/>
      <c r="AV18" s="856"/>
      <c r="AW18" s="856"/>
      <c r="AX18" s="856"/>
      <c r="AY18" s="856"/>
      <c r="AZ18" s="856"/>
      <c r="BA18" s="856"/>
      <c r="BB18" s="856"/>
      <c r="BC18" s="856"/>
      <c r="BD18" s="856"/>
      <c r="BE18" s="856"/>
      <c r="BF18" s="856"/>
      <c r="BG18" s="856"/>
      <c r="BH18" s="856"/>
      <c r="BI18" s="856"/>
      <c r="BJ18" s="856"/>
      <c r="BK18" s="856"/>
      <c r="BL18" s="856"/>
      <c r="BM18" s="856"/>
      <c r="BN18" s="856"/>
      <c r="BO18" s="856"/>
      <c r="BP18" s="856"/>
      <c r="BQ18" s="856"/>
      <c r="BR18" s="856"/>
      <c r="BS18" s="856"/>
      <c r="BT18" s="856"/>
      <c r="BU18" s="856"/>
      <c r="BV18" s="856"/>
      <c r="BW18" s="856"/>
      <c r="BX18" s="856"/>
      <c r="BY18" s="856"/>
      <c r="BZ18" s="856"/>
      <c r="CA18" s="856"/>
      <c r="CB18" s="856"/>
      <c r="CC18" s="856"/>
      <c r="CD18" s="856"/>
      <c r="CE18" s="856"/>
      <c r="CF18" s="856"/>
      <c r="CG18" s="856"/>
      <c r="CH18" s="856"/>
      <c r="CI18" s="856"/>
      <c r="CJ18" s="856"/>
      <c r="CK18" s="856"/>
      <c r="CL18" s="856"/>
      <c r="CM18" s="856"/>
      <c r="CQ18" s="3" ph="1"/>
      <c r="CR18" s="3" ph="1"/>
      <c r="CS18" s="3" ph="1"/>
      <c r="CT18" s="3" ph="1"/>
      <c r="CU18" s="3" ph="1"/>
      <c r="CV18" s="3" ph="1"/>
    </row>
    <row r="19" spans="1:100" ht="16.149999999999999" customHeight="1" x14ac:dyDescent="0.15">
      <c r="A19" s="361"/>
      <c r="B19" s="362"/>
      <c r="C19" s="362"/>
      <c r="D19" s="362"/>
      <c r="E19" s="363"/>
      <c r="F19" s="380" t="s">
        <v>845</v>
      </c>
      <c r="G19" s="381"/>
      <c r="H19" s="381"/>
      <c r="I19" s="381"/>
      <c r="J19" s="381"/>
      <c r="K19" s="381"/>
      <c r="L19" s="381"/>
      <c r="M19" s="381"/>
      <c r="N19" s="523"/>
      <c r="O19" s="418"/>
      <c r="P19" s="419"/>
      <c r="Q19" s="376"/>
      <c r="R19" s="220"/>
      <c r="S19" s="220"/>
      <c r="T19" s="220"/>
      <c r="U19" s="371"/>
      <c r="V19" s="220"/>
      <c r="W19" s="220"/>
      <c r="X19" s="220"/>
      <c r="Y19" s="371"/>
      <c r="Z19" s="220"/>
      <c r="AA19" s="220"/>
      <c r="AB19" s="220"/>
      <c r="AC19" s="220"/>
      <c r="AD19" s="220"/>
      <c r="AE19" s="220"/>
      <c r="AF19" s="220"/>
      <c r="AG19" s="220"/>
      <c r="AH19" s="220"/>
      <c r="AI19" s="220"/>
      <c r="AJ19" s="220"/>
      <c r="AK19" s="220"/>
      <c r="AL19" s="372"/>
      <c r="AM19" s="5"/>
      <c r="AN19" s="287"/>
      <c r="AO19" s="287"/>
      <c r="AP19" s="287"/>
      <c r="AQ19" s="287"/>
      <c r="AR19" s="287"/>
      <c r="AS19" s="287"/>
      <c r="AT19" s="856"/>
      <c r="AU19" s="856"/>
      <c r="AV19" s="856"/>
      <c r="AW19" s="856"/>
      <c r="AX19" s="856"/>
      <c r="AY19" s="856"/>
      <c r="AZ19" s="856"/>
      <c r="BA19" s="856"/>
      <c r="BB19" s="856"/>
      <c r="BC19" s="856"/>
      <c r="BD19" s="856"/>
      <c r="BE19" s="856"/>
      <c r="BF19" s="856"/>
      <c r="BG19" s="856"/>
      <c r="BH19" s="856"/>
      <c r="BI19" s="856"/>
      <c r="BJ19" s="856"/>
      <c r="BK19" s="856"/>
      <c r="BL19" s="856"/>
      <c r="BM19" s="856"/>
      <c r="BN19" s="856"/>
      <c r="BO19" s="856"/>
      <c r="BP19" s="856"/>
      <c r="BQ19" s="856"/>
      <c r="BR19" s="856"/>
      <c r="BS19" s="856"/>
      <c r="BT19" s="856"/>
      <c r="BU19" s="856"/>
      <c r="BV19" s="856"/>
      <c r="BW19" s="856"/>
      <c r="BX19" s="856"/>
      <c r="BY19" s="856"/>
      <c r="BZ19" s="856"/>
      <c r="CA19" s="856"/>
      <c r="CB19" s="856"/>
      <c r="CC19" s="856"/>
      <c r="CD19" s="856"/>
      <c r="CE19" s="856"/>
      <c r="CF19" s="856"/>
      <c r="CG19" s="856"/>
      <c r="CH19" s="856"/>
      <c r="CI19" s="856"/>
      <c r="CJ19" s="856"/>
      <c r="CK19" s="856"/>
      <c r="CL19" s="856"/>
      <c r="CM19" s="856"/>
      <c r="CQ19" s="3" ph="1"/>
      <c r="CR19" s="3" ph="1"/>
      <c r="CS19" s="3" ph="1"/>
      <c r="CT19" s="3" ph="1"/>
      <c r="CU19" s="3" ph="1"/>
      <c r="CV19" s="3" ph="1"/>
    </row>
    <row r="20" spans="1:100" ht="17.25" customHeight="1" x14ac:dyDescent="0.15">
      <c r="A20" s="361"/>
      <c r="B20" s="362"/>
      <c r="C20" s="362"/>
      <c r="D20" s="362"/>
      <c r="E20" s="363"/>
      <c r="F20" s="564" t="s">
        <v>427</v>
      </c>
      <c r="G20" s="565"/>
      <c r="H20" s="565"/>
      <c r="I20" s="565"/>
      <c r="J20" s="565"/>
      <c r="K20" s="565"/>
      <c r="L20" s="565"/>
      <c r="M20" s="566"/>
      <c r="N20" s="523"/>
      <c r="O20" s="418"/>
      <c r="P20" s="419"/>
      <c r="Q20" s="376"/>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t="s">
        <v>834</v>
      </c>
      <c r="AO20" s="287"/>
      <c r="AP20" s="287"/>
      <c r="AQ20" s="287"/>
      <c r="AR20" s="287"/>
      <c r="AS20" s="287"/>
      <c r="AT20" s="856" t="s">
        <v>846</v>
      </c>
      <c r="AU20" s="856"/>
      <c r="AV20" s="856"/>
      <c r="AW20" s="856"/>
      <c r="AX20" s="856"/>
      <c r="AY20" s="856"/>
      <c r="AZ20" s="856"/>
      <c r="BA20" s="856"/>
      <c r="BB20" s="856"/>
      <c r="BC20" s="856"/>
      <c r="BD20" s="856"/>
      <c r="BE20" s="856"/>
      <c r="BF20" s="856"/>
      <c r="BG20" s="856"/>
      <c r="BH20" s="856"/>
      <c r="BI20" s="856"/>
      <c r="BJ20" s="856"/>
      <c r="BK20" s="856"/>
      <c r="BL20" s="856"/>
      <c r="BM20" s="856"/>
      <c r="BN20" s="856"/>
      <c r="BO20" s="856"/>
      <c r="BP20" s="856"/>
      <c r="BQ20" s="856"/>
      <c r="BR20" s="856"/>
      <c r="BS20" s="856"/>
      <c r="BT20" s="856"/>
      <c r="BU20" s="856"/>
      <c r="BV20" s="856"/>
      <c r="BW20" s="856"/>
      <c r="BX20" s="856"/>
      <c r="BY20" s="856"/>
      <c r="BZ20" s="856"/>
      <c r="CA20" s="856"/>
      <c r="CB20" s="856"/>
      <c r="CC20" s="856"/>
      <c r="CD20" s="856"/>
      <c r="CE20" s="856"/>
      <c r="CF20" s="856"/>
      <c r="CG20" s="856"/>
      <c r="CH20" s="856"/>
      <c r="CI20" s="856"/>
      <c r="CJ20" s="856"/>
      <c r="CK20" s="856"/>
      <c r="CL20" s="856"/>
      <c r="CM20" s="856"/>
      <c r="CQ20" s="3" ph="1"/>
      <c r="CR20" s="3" ph="1"/>
      <c r="CS20" s="3" ph="1"/>
      <c r="CT20" s="3" ph="1"/>
      <c r="CU20" s="3" ph="1"/>
      <c r="CV20" s="3" ph="1"/>
    </row>
    <row r="21" spans="1:100" ht="17.25" customHeight="1" x14ac:dyDescent="0.15">
      <c r="A21" s="364"/>
      <c r="B21" s="365"/>
      <c r="C21" s="365"/>
      <c r="D21" s="365"/>
      <c r="E21" s="366"/>
      <c r="F21" s="567"/>
      <c r="G21" s="568"/>
      <c r="H21" s="568"/>
      <c r="I21" s="568"/>
      <c r="J21" s="568"/>
      <c r="K21" s="568"/>
      <c r="L21" s="568"/>
      <c r="M21" s="569"/>
      <c r="N21" s="523"/>
      <c r="O21" s="420"/>
      <c r="P21" s="421"/>
      <c r="Q21" s="913" t="s">
        <v>34</v>
      </c>
      <c r="R21" s="914"/>
      <c r="S21" s="914"/>
      <c r="T21" s="914"/>
      <c r="U21" s="914"/>
      <c r="V21" s="914"/>
      <c r="W21" s="914"/>
      <c r="X21" s="914"/>
      <c r="Y21" s="914"/>
      <c r="Z21" s="914"/>
      <c r="AA21" s="914"/>
      <c r="AB21" s="914"/>
      <c r="AC21" s="914"/>
      <c r="AD21" s="914"/>
      <c r="AE21" s="914"/>
      <c r="AF21" s="914"/>
      <c r="AG21" s="914"/>
      <c r="AH21" s="914"/>
      <c r="AI21" s="914"/>
      <c r="AJ21" s="914"/>
      <c r="AK21" s="914"/>
      <c r="AL21" s="915"/>
      <c r="AM21" s="5"/>
      <c r="AN21" s="287"/>
      <c r="AO21" s="287"/>
      <c r="AP21" s="287"/>
      <c r="AQ21" s="287"/>
      <c r="AR21" s="287"/>
      <c r="AS21" s="287"/>
      <c r="AT21" s="856"/>
      <c r="AU21" s="856"/>
      <c r="AV21" s="856"/>
      <c r="AW21" s="856"/>
      <c r="AX21" s="856"/>
      <c r="AY21" s="856"/>
      <c r="AZ21" s="856"/>
      <c r="BA21" s="856"/>
      <c r="BB21" s="856"/>
      <c r="BC21" s="856"/>
      <c r="BD21" s="856"/>
      <c r="BE21" s="856"/>
      <c r="BF21" s="856"/>
      <c r="BG21" s="856"/>
      <c r="BH21" s="856"/>
      <c r="BI21" s="856"/>
      <c r="BJ21" s="856"/>
      <c r="BK21" s="856"/>
      <c r="BL21" s="856"/>
      <c r="BM21" s="856"/>
      <c r="BN21" s="856"/>
      <c r="BO21" s="856"/>
      <c r="BP21" s="856"/>
      <c r="BQ21" s="856"/>
      <c r="BR21" s="856"/>
      <c r="BS21" s="856"/>
      <c r="BT21" s="856"/>
      <c r="BU21" s="856"/>
      <c r="BV21" s="856"/>
      <c r="BW21" s="856"/>
      <c r="BX21" s="856"/>
      <c r="BY21" s="856"/>
      <c r="BZ21" s="856"/>
      <c r="CA21" s="856"/>
      <c r="CB21" s="856"/>
      <c r="CC21" s="856"/>
      <c r="CD21" s="856"/>
      <c r="CE21" s="856"/>
      <c r="CF21" s="856"/>
      <c r="CG21" s="856"/>
      <c r="CH21" s="856"/>
      <c r="CI21" s="856"/>
      <c r="CJ21" s="856"/>
      <c r="CK21" s="856"/>
      <c r="CL21" s="856"/>
      <c r="CM21" s="856"/>
      <c r="CQ21" s="3" ph="1"/>
      <c r="CR21" s="3" ph="1"/>
      <c r="CS21" s="3" ph="1"/>
      <c r="CT21" s="3" ph="1"/>
      <c r="CU21" s="3" ph="1"/>
      <c r="CV21" s="3" ph="1"/>
    </row>
    <row r="22" spans="1:100" ht="17.25" customHeight="1" x14ac:dyDescent="0.15">
      <c r="A22" s="382" t="s">
        <v>259</v>
      </c>
      <c r="B22" s="484"/>
      <c r="C22" s="484"/>
      <c r="D22" s="484"/>
      <c r="E22" s="485"/>
      <c r="F22" s="380" t="s">
        <v>1655</v>
      </c>
      <c r="G22" s="381"/>
      <c r="H22" s="381"/>
      <c r="I22" s="381"/>
      <c r="J22" s="381"/>
      <c r="K22" s="381"/>
      <c r="L22" s="381"/>
      <c r="M22" s="381"/>
      <c r="N22" s="523"/>
      <c r="O22" s="416" t="s">
        <v>258</v>
      </c>
      <c r="P22" s="417"/>
      <c r="Q22" s="916" t="s">
        <v>847</v>
      </c>
      <c r="R22" s="917"/>
      <c r="S22" s="917"/>
      <c r="T22" s="917"/>
      <c r="U22" s="917"/>
      <c r="V22" s="917"/>
      <c r="W22" s="917"/>
      <c r="X22" s="917"/>
      <c r="Y22" s="917"/>
      <c r="Z22" s="917"/>
      <c r="AA22" s="917"/>
      <c r="AB22" s="917"/>
      <c r="AC22" s="917"/>
      <c r="AD22" s="917"/>
      <c r="AE22" s="917"/>
      <c r="AF22" s="917"/>
      <c r="AG22" s="917"/>
      <c r="AH22" s="917"/>
      <c r="AI22" s="917"/>
      <c r="AJ22" s="917"/>
      <c r="AK22" s="917"/>
      <c r="AL22" s="918"/>
      <c r="AM22" s="5"/>
      <c r="AN22" s="287"/>
      <c r="AO22" s="287"/>
      <c r="AP22" s="287"/>
      <c r="AQ22" s="287"/>
      <c r="AR22" s="287"/>
      <c r="AS22" s="287"/>
      <c r="AT22" s="856"/>
      <c r="AU22" s="856"/>
      <c r="AV22" s="856"/>
      <c r="AW22" s="856"/>
      <c r="AX22" s="856"/>
      <c r="AY22" s="856"/>
      <c r="AZ22" s="856"/>
      <c r="BA22" s="856"/>
      <c r="BB22" s="856"/>
      <c r="BC22" s="856"/>
      <c r="BD22" s="856"/>
      <c r="BE22" s="856"/>
      <c r="BF22" s="856"/>
      <c r="BG22" s="856"/>
      <c r="BH22" s="856"/>
      <c r="BI22" s="856"/>
      <c r="BJ22" s="856"/>
      <c r="BK22" s="856"/>
      <c r="BL22" s="856"/>
      <c r="BM22" s="856"/>
      <c r="BN22" s="856"/>
      <c r="BO22" s="856"/>
      <c r="BP22" s="856"/>
      <c r="BQ22" s="856"/>
      <c r="BR22" s="856"/>
      <c r="BS22" s="856"/>
      <c r="BT22" s="856"/>
      <c r="BU22" s="856"/>
      <c r="BV22" s="856"/>
      <c r="BW22" s="856"/>
      <c r="BX22" s="856"/>
      <c r="BY22" s="856"/>
      <c r="BZ22" s="856"/>
      <c r="CA22" s="856"/>
      <c r="CB22" s="856"/>
      <c r="CC22" s="856"/>
      <c r="CD22" s="856"/>
      <c r="CE22" s="856"/>
      <c r="CF22" s="856"/>
      <c r="CG22" s="856"/>
      <c r="CH22" s="856"/>
      <c r="CI22" s="856"/>
      <c r="CJ22" s="856"/>
      <c r="CK22" s="856"/>
      <c r="CL22" s="856"/>
      <c r="CM22" s="856"/>
      <c r="CQ22" s="3" ph="1"/>
      <c r="CR22" s="3" ph="1"/>
      <c r="CS22" s="3" ph="1"/>
      <c r="CT22" s="3" ph="1"/>
      <c r="CU22" s="3" ph="1"/>
      <c r="CV22" s="3" ph="1"/>
    </row>
    <row r="23" spans="1:100" ht="17.25" customHeight="1" x14ac:dyDescent="0.15">
      <c r="A23" s="361"/>
      <c r="B23" s="362"/>
      <c r="C23" s="362"/>
      <c r="D23" s="362"/>
      <c r="E23" s="363"/>
      <c r="F23" s="336" t="s">
        <v>1654</v>
      </c>
      <c r="G23" s="337"/>
      <c r="H23" s="337"/>
      <c r="I23" s="337"/>
      <c r="J23" s="337"/>
      <c r="K23" s="337"/>
      <c r="L23" s="337"/>
      <c r="M23" s="338"/>
      <c r="N23" s="523"/>
      <c r="O23" s="420"/>
      <c r="P23" s="421"/>
      <c r="Q23" s="355">
        <v>27692</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919" t="s">
        <v>462</v>
      </c>
      <c r="AO23" s="919"/>
      <c r="AP23" s="919"/>
      <c r="AQ23" s="919"/>
      <c r="AR23" s="919"/>
      <c r="AS23" s="919"/>
      <c r="AT23" s="919"/>
      <c r="AU23" s="919"/>
      <c r="AV23" s="919"/>
      <c r="AW23" s="919"/>
      <c r="AX23" s="919"/>
      <c r="AY23" s="919"/>
      <c r="AZ23" s="919"/>
      <c r="BA23" s="919"/>
      <c r="BB23" s="919"/>
      <c r="BC23" s="919"/>
      <c r="BD23" s="919"/>
      <c r="BE23" s="919"/>
      <c r="BF23" s="919"/>
      <c r="BG23" s="919"/>
      <c r="BH23" s="919"/>
      <c r="BI23" s="919"/>
      <c r="BJ23" s="919"/>
      <c r="BK23" s="919"/>
      <c r="BL23" s="919"/>
      <c r="BM23" s="919"/>
      <c r="BN23" s="919"/>
      <c r="BO23" s="919"/>
      <c r="BP23" s="919"/>
      <c r="BQ23" s="919"/>
      <c r="BR23" s="919"/>
      <c r="BS23" s="919"/>
      <c r="BT23" s="919"/>
      <c r="BU23" s="919"/>
      <c r="BV23" s="919"/>
      <c r="BW23" s="919"/>
      <c r="BX23" s="919"/>
      <c r="BY23" s="919"/>
      <c r="BZ23" s="919"/>
      <c r="CA23" s="919"/>
      <c r="CB23" s="919"/>
      <c r="CC23" s="919"/>
      <c r="CD23" s="919"/>
      <c r="CE23" s="919"/>
      <c r="CF23" s="919"/>
      <c r="CG23" s="919"/>
      <c r="CH23" s="919"/>
      <c r="CI23" s="919"/>
      <c r="CJ23" s="919"/>
      <c r="CK23" s="919"/>
      <c r="CL23" s="919"/>
      <c r="CM23" s="919"/>
      <c r="CQ23" s="3" ph="1"/>
      <c r="CR23" s="3" ph="1"/>
      <c r="CS23" s="3" ph="1"/>
      <c r="CT23" s="3" ph="1"/>
      <c r="CU23" s="3" ph="1"/>
      <c r="CV23" s="3" ph="1"/>
    </row>
    <row r="24" spans="1:100" ht="17.25" customHeight="1" x14ac:dyDescent="0.15">
      <c r="A24" s="364"/>
      <c r="B24" s="365"/>
      <c r="C24" s="365"/>
      <c r="D24" s="365"/>
      <c r="E24" s="366"/>
      <c r="F24" s="339"/>
      <c r="G24" s="340"/>
      <c r="H24" s="340"/>
      <c r="I24" s="340"/>
      <c r="J24" s="340"/>
      <c r="K24" s="340"/>
      <c r="L24" s="340"/>
      <c r="M24" s="341"/>
      <c r="N24" s="523"/>
      <c r="O24" s="416" t="s">
        <v>260</v>
      </c>
      <c r="P24" s="417"/>
      <c r="Q24" s="920" t="s">
        <v>848</v>
      </c>
      <c r="R24" s="921"/>
      <c r="S24" s="921"/>
      <c r="T24" s="921"/>
      <c r="U24" s="921"/>
      <c r="V24" s="921"/>
      <c r="W24" s="921"/>
      <c r="X24" s="921"/>
      <c r="Y24" s="921"/>
      <c r="Z24" s="921"/>
      <c r="AA24" s="921"/>
      <c r="AB24" s="921"/>
      <c r="AC24" s="921"/>
      <c r="AD24" s="921"/>
      <c r="AE24" s="921"/>
      <c r="AF24" s="921"/>
      <c r="AG24" s="921"/>
      <c r="AH24" s="921"/>
      <c r="AI24" s="921"/>
      <c r="AJ24" s="921"/>
      <c r="AK24" s="921"/>
      <c r="AL24" s="922"/>
      <c r="AM24" s="5"/>
      <c r="AN24" s="79" t="s">
        <v>16</v>
      </c>
      <c r="AO24" s="280" t="s">
        <v>454</v>
      </c>
      <c r="AP24" s="280"/>
      <c r="AQ24" s="280"/>
      <c r="AR24" s="280"/>
      <c r="AS24" s="280"/>
      <c r="AT24" s="280"/>
      <c r="AU24" s="280"/>
      <c r="AV24" s="280"/>
      <c r="AW24" s="280"/>
      <c r="AX24" s="280"/>
      <c r="AY24" s="280"/>
      <c r="AZ24" s="280"/>
      <c r="BA24" s="280"/>
      <c r="BB24" s="280"/>
      <c r="BC24" s="280"/>
      <c r="BD24" s="280"/>
      <c r="BE24" s="280"/>
      <c r="BF24" s="280"/>
      <c r="BG24" s="280"/>
      <c r="BH24" s="280"/>
      <c r="BI24" s="280"/>
      <c r="BJ24" s="280"/>
      <c r="BK24" s="280"/>
      <c r="BL24" s="280"/>
      <c r="BM24" s="280"/>
      <c r="BN24" s="280"/>
      <c r="BO24" s="280"/>
      <c r="BP24" s="280"/>
      <c r="BQ24" s="280"/>
      <c r="BR24" s="280"/>
      <c r="BS24" s="280"/>
      <c r="BT24" s="280"/>
      <c r="BU24" s="280"/>
      <c r="BV24" s="280"/>
      <c r="BW24" s="280"/>
      <c r="BX24" s="280"/>
      <c r="BY24" s="280"/>
      <c r="BZ24" s="280"/>
      <c r="CA24" s="280"/>
      <c r="CB24" s="280"/>
      <c r="CC24" s="280"/>
      <c r="CD24" s="280"/>
      <c r="CE24" s="280"/>
      <c r="CF24" s="280"/>
      <c r="CG24" s="280"/>
      <c r="CH24" s="280"/>
      <c r="CI24" s="280"/>
      <c r="CJ24" s="280"/>
      <c r="CK24" s="280"/>
      <c r="CL24" s="280"/>
      <c r="CM24" s="281"/>
      <c r="CQ24" s="3" ph="1"/>
      <c r="CR24" s="3" ph="1"/>
      <c r="CS24" s="3" ph="1"/>
      <c r="CT24" s="3" ph="1"/>
      <c r="CU24" s="3" ph="1"/>
      <c r="CV24" s="3" ph="1"/>
    </row>
    <row r="25" spans="1:100" ht="17.25" customHeight="1" x14ac:dyDescent="0.15">
      <c r="A25" s="382" t="s">
        <v>263</v>
      </c>
      <c r="B25" s="484"/>
      <c r="C25" s="484"/>
      <c r="D25" s="484"/>
      <c r="E25" s="485"/>
      <c r="F25" s="330" t="s">
        <v>1657</v>
      </c>
      <c r="G25" s="331"/>
      <c r="H25" s="331"/>
      <c r="I25" s="331"/>
      <c r="J25" s="331"/>
      <c r="K25" s="331"/>
      <c r="L25" s="331"/>
      <c r="M25" s="331"/>
      <c r="N25" s="523"/>
      <c r="O25" s="420"/>
      <c r="P25" s="421"/>
      <c r="Q25" s="355">
        <v>27692</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92" t="s">
        <v>16</v>
      </c>
      <c r="AO25" s="923" t="s">
        <v>1343</v>
      </c>
      <c r="AP25" s="923"/>
      <c r="AQ25" s="923"/>
      <c r="AR25" s="923"/>
      <c r="AS25" s="923"/>
      <c r="AT25" s="923"/>
      <c r="AU25" s="923"/>
      <c r="AV25" s="923"/>
      <c r="AW25" s="923"/>
      <c r="AX25" s="923"/>
      <c r="AY25" s="923"/>
      <c r="AZ25" s="923"/>
      <c r="BA25" s="923"/>
      <c r="BB25" s="923"/>
      <c r="BC25" s="923"/>
      <c r="BD25" s="923"/>
      <c r="BE25" s="923"/>
      <c r="BF25" s="923"/>
      <c r="BG25" s="923"/>
      <c r="BH25" s="923"/>
      <c r="BI25" s="923"/>
      <c r="BJ25" s="923"/>
      <c r="BK25" s="923"/>
      <c r="BL25" s="923"/>
      <c r="BM25" s="923"/>
      <c r="BN25" s="923"/>
      <c r="BO25" s="923"/>
      <c r="BP25" s="923"/>
      <c r="BQ25" s="923"/>
      <c r="BR25" s="923"/>
      <c r="BS25" s="923"/>
      <c r="BT25" s="923"/>
      <c r="BU25" s="923"/>
      <c r="BV25" s="923"/>
      <c r="BW25" s="923"/>
      <c r="BX25" s="923"/>
      <c r="BY25" s="923"/>
      <c r="BZ25" s="923"/>
      <c r="CA25" s="923"/>
      <c r="CB25" s="923"/>
      <c r="CC25" s="923"/>
      <c r="CD25" s="923"/>
      <c r="CE25" s="923"/>
      <c r="CF25" s="923"/>
      <c r="CG25" s="923"/>
      <c r="CH25" s="923"/>
      <c r="CI25" s="923"/>
      <c r="CJ25" s="923"/>
      <c r="CK25" s="923"/>
      <c r="CL25" s="923"/>
      <c r="CM25" s="924"/>
      <c r="CQ25" s="3" ph="1"/>
      <c r="CR25" s="3" ph="1"/>
      <c r="CS25" s="3" ph="1"/>
      <c r="CT25" s="3" ph="1"/>
      <c r="CU25" s="3" ph="1"/>
      <c r="CV25" s="3" ph="1"/>
    </row>
    <row r="26" spans="1:100" ht="17.25" customHeight="1" x14ac:dyDescent="0.15">
      <c r="A26" s="361"/>
      <c r="B26" s="362"/>
      <c r="C26" s="362"/>
      <c r="D26" s="362"/>
      <c r="E26" s="363"/>
      <c r="F26" s="336" t="s">
        <v>1656</v>
      </c>
      <c r="G26" s="337"/>
      <c r="H26" s="337"/>
      <c r="I26" s="337"/>
      <c r="J26" s="337"/>
      <c r="K26" s="337"/>
      <c r="L26" s="337"/>
      <c r="M26" s="338"/>
      <c r="N26" s="523"/>
      <c r="O26" s="382" t="s">
        <v>264</v>
      </c>
      <c r="P26" s="485"/>
      <c r="Q26" s="925" t="s">
        <v>431</v>
      </c>
      <c r="R26" s="926"/>
      <c r="S26" s="926"/>
      <c r="T26" s="926"/>
      <c r="U26" s="926"/>
      <c r="V26" s="926"/>
      <c r="W26" s="926"/>
      <c r="X26" s="926"/>
      <c r="Y26" s="926"/>
      <c r="Z26" s="926"/>
      <c r="AA26" s="926"/>
      <c r="AB26" s="926"/>
      <c r="AC26" s="926"/>
      <c r="AD26" s="926"/>
      <c r="AE26" s="926"/>
      <c r="AF26" s="926"/>
      <c r="AG26" s="926"/>
      <c r="AH26" s="926"/>
      <c r="AI26" s="926"/>
      <c r="AJ26" s="926"/>
      <c r="AK26" s="926"/>
      <c r="AL26" s="927"/>
      <c r="AM26" s="5"/>
      <c r="AN26" s="28" t="s">
        <v>738</v>
      </c>
      <c r="AO26" s="923" t="s">
        <v>1344</v>
      </c>
      <c r="AP26" s="923"/>
      <c r="AQ26" s="923"/>
      <c r="AR26" s="923"/>
      <c r="AS26" s="923"/>
      <c r="AT26" s="923"/>
      <c r="AU26" s="923"/>
      <c r="AV26" s="923"/>
      <c r="AW26" s="923"/>
      <c r="AX26" s="923"/>
      <c r="AY26" s="923"/>
      <c r="AZ26" s="923"/>
      <c r="BA26" s="923"/>
      <c r="BB26" s="923"/>
      <c r="BC26" s="923"/>
      <c r="BD26" s="923"/>
      <c r="BE26" s="923"/>
      <c r="BF26" s="923"/>
      <c r="BG26" s="923"/>
      <c r="BH26" s="923"/>
      <c r="BI26" s="923"/>
      <c r="BJ26" s="923"/>
      <c r="BK26" s="923"/>
      <c r="BL26" s="923"/>
      <c r="BM26" s="923"/>
      <c r="BN26" s="923"/>
      <c r="BO26" s="923"/>
      <c r="BP26" s="923"/>
      <c r="BQ26" s="923"/>
      <c r="BR26" s="923"/>
      <c r="BS26" s="923"/>
      <c r="BT26" s="923"/>
      <c r="BU26" s="923"/>
      <c r="BV26" s="923"/>
      <c r="BW26" s="923"/>
      <c r="BX26" s="923"/>
      <c r="BY26" s="923"/>
      <c r="BZ26" s="923"/>
      <c r="CA26" s="923"/>
      <c r="CB26" s="923"/>
      <c r="CC26" s="923"/>
      <c r="CD26" s="923"/>
      <c r="CE26" s="923"/>
      <c r="CF26" s="923"/>
      <c r="CG26" s="923"/>
      <c r="CH26" s="923"/>
      <c r="CI26" s="923"/>
      <c r="CJ26" s="923"/>
      <c r="CK26" s="923"/>
      <c r="CL26" s="923"/>
      <c r="CM26" s="924"/>
      <c r="CN26" s="33"/>
      <c r="CQ26" s="3" ph="1"/>
      <c r="CR26" s="3" ph="1"/>
      <c r="CS26" s="3" ph="1"/>
      <c r="CT26" s="3" ph="1"/>
      <c r="CU26" s="3" ph="1"/>
      <c r="CV26" s="3" ph="1"/>
    </row>
    <row r="27" spans="1:100" ht="17.25" customHeight="1" x14ac:dyDescent="0.15">
      <c r="A27" s="364"/>
      <c r="B27" s="365"/>
      <c r="C27" s="365"/>
      <c r="D27" s="365"/>
      <c r="E27" s="366"/>
      <c r="F27" s="339"/>
      <c r="G27" s="340"/>
      <c r="H27" s="340"/>
      <c r="I27" s="340"/>
      <c r="J27" s="340"/>
      <c r="K27" s="340"/>
      <c r="L27" s="340"/>
      <c r="M27" s="341"/>
      <c r="N27" s="523"/>
      <c r="O27" s="364"/>
      <c r="P27" s="366"/>
      <c r="Q27" s="551"/>
      <c r="R27" s="552"/>
      <c r="S27" s="552"/>
      <c r="T27" s="552"/>
      <c r="U27" s="552"/>
      <c r="V27" s="552"/>
      <c r="W27" s="552"/>
      <c r="X27" s="552"/>
      <c r="Y27" s="552"/>
      <c r="Z27" s="552"/>
      <c r="AA27" s="552"/>
      <c r="AB27" s="552"/>
      <c r="AC27" s="552"/>
      <c r="AD27" s="552"/>
      <c r="AE27" s="552"/>
      <c r="AF27" s="552"/>
      <c r="AG27" s="552"/>
      <c r="AH27" s="552"/>
      <c r="AI27" s="552"/>
      <c r="AJ27" s="552"/>
      <c r="AK27" s="552"/>
      <c r="AL27" s="553"/>
      <c r="AM27" s="5"/>
      <c r="AN27" s="9"/>
      <c r="AO27" s="282"/>
      <c r="AP27" s="282"/>
      <c r="AQ27" s="282"/>
      <c r="AR27" s="282"/>
      <c r="AS27" s="282"/>
      <c r="AT27" s="282"/>
      <c r="AU27" s="282"/>
      <c r="AV27" s="282"/>
      <c r="AW27" s="282"/>
      <c r="AX27" s="282"/>
      <c r="AY27" s="282"/>
      <c r="AZ27" s="282"/>
      <c r="BA27" s="282"/>
      <c r="BB27" s="282"/>
      <c r="BC27" s="282"/>
      <c r="BD27" s="282"/>
      <c r="BE27" s="282"/>
      <c r="BF27" s="282"/>
      <c r="BG27" s="282"/>
      <c r="BH27" s="282"/>
      <c r="BI27" s="282"/>
      <c r="BJ27" s="282"/>
      <c r="BK27" s="282"/>
      <c r="BL27" s="282"/>
      <c r="BM27" s="282"/>
      <c r="BN27" s="282"/>
      <c r="BO27" s="282"/>
      <c r="BP27" s="282"/>
      <c r="BQ27" s="282"/>
      <c r="BR27" s="282"/>
      <c r="BS27" s="282"/>
      <c r="BT27" s="282"/>
      <c r="BU27" s="282"/>
      <c r="BV27" s="282"/>
      <c r="BW27" s="282"/>
      <c r="BX27" s="282"/>
      <c r="BY27" s="282"/>
      <c r="BZ27" s="282"/>
      <c r="CA27" s="282"/>
      <c r="CB27" s="282"/>
      <c r="CC27" s="282"/>
      <c r="CD27" s="282"/>
      <c r="CE27" s="282"/>
      <c r="CF27" s="282"/>
      <c r="CG27" s="282"/>
      <c r="CH27" s="282"/>
      <c r="CI27" s="282"/>
      <c r="CJ27" s="282"/>
      <c r="CK27" s="282"/>
      <c r="CL27" s="282"/>
      <c r="CM27" s="283"/>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255" t="s">
        <v>261</v>
      </c>
      <c r="AO28" s="255"/>
      <c r="AP28" s="255"/>
      <c r="AQ28" s="255"/>
      <c r="AR28" s="255"/>
      <c r="AS28" s="255"/>
      <c r="AT28" s="255"/>
      <c r="AU28" s="255"/>
      <c r="AV28" s="255"/>
      <c r="AW28" s="255"/>
      <c r="AX28" s="255"/>
      <c r="AY28" s="255"/>
      <c r="AZ28" s="255"/>
      <c r="BA28" s="255"/>
      <c r="BB28" s="255"/>
      <c r="BC28" s="255"/>
      <c r="BD28" s="255"/>
      <c r="BE28" s="255"/>
      <c r="BF28" s="255"/>
      <c r="BG28" s="255"/>
      <c r="BH28" s="255"/>
      <c r="BI28" s="255"/>
      <c r="BJ28" s="255"/>
      <c r="BK28" s="255"/>
      <c r="BL28" s="255"/>
      <c r="BM28" s="255"/>
      <c r="BN28" s="255"/>
      <c r="BO28" s="255"/>
      <c r="BP28" s="255"/>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466" t="s">
        <v>779</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02" t="s">
        <v>455</v>
      </c>
      <c r="AO29" s="303"/>
      <c r="AP29" s="303"/>
      <c r="AQ29" s="303"/>
      <c r="AR29" s="303"/>
      <c r="AS29" s="303"/>
      <c r="AT29" s="303"/>
      <c r="AU29" s="303"/>
      <c r="AV29" s="303"/>
      <c r="AW29" s="303"/>
      <c r="AX29" s="303"/>
      <c r="AY29" s="303"/>
      <c r="AZ29" s="303"/>
      <c r="BA29" s="303"/>
      <c r="BB29" s="303"/>
      <c r="BC29" s="303"/>
      <c r="BD29" s="303"/>
      <c r="BE29" s="303"/>
      <c r="BF29" s="303"/>
      <c r="BG29" s="303"/>
      <c r="BH29" s="303"/>
      <c r="BI29" s="303"/>
      <c r="BJ29" s="303"/>
      <c r="BK29" s="303"/>
      <c r="BL29" s="303"/>
      <c r="BM29" s="303"/>
      <c r="BN29" s="303"/>
      <c r="BO29" s="303"/>
      <c r="BP29" s="304"/>
      <c r="BQ29" s="53"/>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05"/>
      <c r="AO30" s="306"/>
      <c r="AP30" s="306"/>
      <c r="AQ30" s="306"/>
      <c r="AR30" s="306"/>
      <c r="AS30" s="306"/>
      <c r="AT30" s="306"/>
      <c r="AU30" s="306"/>
      <c r="AV30" s="306"/>
      <c r="AW30" s="306"/>
      <c r="AX30" s="306"/>
      <c r="AY30" s="306"/>
      <c r="AZ30" s="306"/>
      <c r="BA30" s="306"/>
      <c r="BB30" s="306"/>
      <c r="BC30" s="306"/>
      <c r="BD30" s="306"/>
      <c r="BE30" s="306"/>
      <c r="BF30" s="306"/>
      <c r="BG30" s="306"/>
      <c r="BH30" s="306"/>
      <c r="BI30" s="306"/>
      <c r="BJ30" s="306"/>
      <c r="BK30" s="306"/>
      <c r="BL30" s="306"/>
      <c r="BM30" s="306"/>
      <c r="BN30" s="306"/>
      <c r="BO30" s="306"/>
      <c r="BP30" s="307"/>
      <c r="BQ30" s="72"/>
      <c r="BR30" s="136" t="s">
        <v>262</v>
      </c>
      <c r="BS30" s="145"/>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V30" s="3" ph="1"/>
    </row>
    <row r="31" spans="1:100" ht="17.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05"/>
      <c r="AO31" s="306"/>
      <c r="AP31" s="306"/>
      <c r="AQ31" s="306"/>
      <c r="AR31" s="306"/>
      <c r="AS31" s="306"/>
      <c r="AT31" s="306"/>
      <c r="AU31" s="306"/>
      <c r="AV31" s="306"/>
      <c r="AW31" s="306"/>
      <c r="AX31" s="306"/>
      <c r="AY31" s="306"/>
      <c r="AZ31" s="306"/>
      <c r="BA31" s="306"/>
      <c r="BB31" s="306"/>
      <c r="BC31" s="306"/>
      <c r="BD31" s="306"/>
      <c r="BE31" s="306"/>
      <c r="BF31" s="306"/>
      <c r="BG31" s="306"/>
      <c r="BH31" s="306"/>
      <c r="BI31" s="306"/>
      <c r="BJ31" s="306"/>
      <c r="BK31" s="306"/>
      <c r="BL31" s="306"/>
      <c r="BM31" s="306"/>
      <c r="BN31" s="306"/>
      <c r="BO31" s="306"/>
      <c r="BP31" s="307"/>
      <c r="BQ31" s="54"/>
      <c r="BR31" s="292" t="s">
        <v>265</v>
      </c>
      <c r="BS31" s="293"/>
      <c r="BT31" s="293"/>
      <c r="BU31" s="293"/>
      <c r="BV31" s="293"/>
      <c r="BW31" s="293"/>
      <c r="BX31" s="294"/>
      <c r="BY31" s="292" t="s">
        <v>266</v>
      </c>
      <c r="BZ31" s="293"/>
      <c r="CA31" s="293"/>
      <c r="CB31" s="293"/>
      <c r="CC31" s="293"/>
      <c r="CD31" s="293"/>
      <c r="CE31" s="293"/>
      <c r="CF31" s="293"/>
      <c r="CG31" s="294"/>
      <c r="CH31" s="287" t="s">
        <v>411</v>
      </c>
      <c r="CI31" s="287"/>
      <c r="CJ31" s="287"/>
      <c r="CK31" s="287"/>
      <c r="CL31" s="287"/>
      <c r="CM31" s="287"/>
      <c r="CN31" s="33"/>
    </row>
    <row r="32" spans="1:100" ht="17.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05"/>
      <c r="AO32" s="306"/>
      <c r="AP32" s="306"/>
      <c r="AQ32" s="306"/>
      <c r="AR32" s="306"/>
      <c r="AS32" s="306"/>
      <c r="AT32" s="306"/>
      <c r="AU32" s="306"/>
      <c r="AV32" s="306"/>
      <c r="AW32" s="306"/>
      <c r="AX32" s="306"/>
      <c r="AY32" s="306"/>
      <c r="AZ32" s="306"/>
      <c r="BA32" s="306"/>
      <c r="BB32" s="306"/>
      <c r="BC32" s="306"/>
      <c r="BD32" s="306"/>
      <c r="BE32" s="306"/>
      <c r="BF32" s="306"/>
      <c r="BG32" s="306"/>
      <c r="BH32" s="306"/>
      <c r="BI32" s="306"/>
      <c r="BJ32" s="306"/>
      <c r="BK32" s="306"/>
      <c r="BL32" s="306"/>
      <c r="BM32" s="306"/>
      <c r="BN32" s="306"/>
      <c r="BO32" s="306"/>
      <c r="BP32" s="307"/>
      <c r="BQ32" s="53"/>
      <c r="BR32" s="295"/>
      <c r="BS32" s="296"/>
      <c r="BT32" s="296"/>
      <c r="BU32" s="296"/>
      <c r="BV32" s="296"/>
      <c r="BW32" s="296"/>
      <c r="BX32" s="297"/>
      <c r="BY32" s="295"/>
      <c r="BZ32" s="296"/>
      <c r="CA32" s="296"/>
      <c r="CB32" s="296"/>
      <c r="CC32" s="296"/>
      <c r="CD32" s="296"/>
      <c r="CE32" s="296"/>
      <c r="CF32" s="296"/>
      <c r="CG32" s="297"/>
      <c r="CH32" s="287"/>
      <c r="CI32" s="287"/>
      <c r="CJ32" s="287"/>
      <c r="CK32" s="287"/>
      <c r="CL32" s="287"/>
      <c r="CM32" s="287"/>
    </row>
    <row r="33" spans="1:91" ht="17.25" customHeight="1" x14ac:dyDescent="0.15">
      <c r="A33" s="469"/>
      <c r="B33" s="470"/>
      <c r="C33" s="470"/>
      <c r="D33" s="470"/>
      <c r="E33" s="470"/>
      <c r="F33" s="470"/>
      <c r="G33" s="470"/>
      <c r="H33" s="470"/>
      <c r="I33" s="470"/>
      <c r="J33" s="470"/>
      <c r="K33" s="470"/>
      <c r="L33" s="470"/>
      <c r="M33" s="470"/>
      <c r="N33" s="470"/>
      <c r="O33" s="470"/>
      <c r="P33" s="470"/>
      <c r="Q33" s="470"/>
      <c r="R33" s="470"/>
      <c r="S33" s="470"/>
      <c r="T33" s="470"/>
      <c r="U33" s="470"/>
      <c r="V33" s="470"/>
      <c r="W33" s="470"/>
      <c r="X33" s="470"/>
      <c r="Y33" s="470"/>
      <c r="Z33" s="470"/>
      <c r="AA33" s="470"/>
      <c r="AB33" s="470"/>
      <c r="AC33" s="470"/>
      <c r="AD33" s="470"/>
      <c r="AE33" s="470"/>
      <c r="AF33" s="470"/>
      <c r="AG33" s="470"/>
      <c r="AH33" s="470"/>
      <c r="AI33" s="470"/>
      <c r="AJ33" s="470"/>
      <c r="AK33" s="470"/>
      <c r="AL33" s="471"/>
      <c r="AM33" s="5"/>
      <c r="AN33" s="308"/>
      <c r="AO33" s="309"/>
      <c r="AP33" s="309"/>
      <c r="AQ33" s="309"/>
      <c r="AR33" s="309"/>
      <c r="AS33" s="309"/>
      <c r="AT33" s="309"/>
      <c r="AU33" s="309"/>
      <c r="AV33" s="309"/>
      <c r="AW33" s="309"/>
      <c r="AX33" s="309"/>
      <c r="AY33" s="309"/>
      <c r="AZ33" s="309"/>
      <c r="BA33" s="309"/>
      <c r="BB33" s="309"/>
      <c r="BC33" s="309"/>
      <c r="BD33" s="309"/>
      <c r="BE33" s="309"/>
      <c r="BF33" s="309"/>
      <c r="BG33" s="309"/>
      <c r="BH33" s="309"/>
      <c r="BI33" s="309"/>
      <c r="BJ33" s="309"/>
      <c r="BK33" s="309"/>
      <c r="BL33" s="309"/>
      <c r="BM33" s="309"/>
      <c r="BN33" s="309"/>
      <c r="BO33" s="309"/>
      <c r="BP33" s="310"/>
      <c r="BQ33" s="160"/>
      <c r="BR33" s="292" t="s">
        <v>267</v>
      </c>
      <c r="BS33" s="293"/>
      <c r="BT33" s="293"/>
      <c r="BU33" s="293"/>
      <c r="BV33" s="293"/>
      <c r="BW33" s="293"/>
      <c r="BX33" s="294"/>
      <c r="BY33" s="284">
        <v>528</v>
      </c>
      <c r="BZ33" s="285"/>
      <c r="CA33" s="285"/>
      <c r="CB33" s="285"/>
      <c r="CC33" s="285"/>
      <c r="CD33" s="285"/>
      <c r="CE33" s="285"/>
      <c r="CF33" s="285"/>
      <c r="CG33" s="288"/>
      <c r="CH33" s="286">
        <v>0.71848999999999996</v>
      </c>
      <c r="CI33" s="286"/>
      <c r="CJ33" s="286"/>
      <c r="CK33" s="286"/>
      <c r="CL33" s="286"/>
      <c r="CM33" s="286"/>
    </row>
    <row r="34" spans="1:91" ht="17.25" customHeight="1" x14ac:dyDescent="0.15">
      <c r="A34" s="469"/>
      <c r="B34" s="470"/>
      <c r="C34" s="470"/>
      <c r="D34" s="470"/>
      <c r="E34" s="470"/>
      <c r="F34" s="470"/>
      <c r="G34" s="470"/>
      <c r="H34" s="470"/>
      <c r="I34" s="470"/>
      <c r="J34" s="470"/>
      <c r="K34" s="470"/>
      <c r="L34" s="470"/>
      <c r="M34" s="470"/>
      <c r="N34" s="470"/>
      <c r="O34" s="470"/>
      <c r="P34" s="470"/>
      <c r="Q34" s="470"/>
      <c r="R34" s="470"/>
      <c r="S34" s="470"/>
      <c r="T34" s="470"/>
      <c r="U34" s="470"/>
      <c r="V34" s="470"/>
      <c r="W34" s="470"/>
      <c r="X34" s="470"/>
      <c r="Y34" s="470"/>
      <c r="Z34" s="470"/>
      <c r="AA34" s="470"/>
      <c r="AB34" s="470"/>
      <c r="AC34" s="470"/>
      <c r="AD34" s="470"/>
      <c r="AE34" s="470"/>
      <c r="AF34" s="470"/>
      <c r="AG34" s="470"/>
      <c r="AH34" s="470"/>
      <c r="AI34" s="470"/>
      <c r="AJ34" s="470"/>
      <c r="AK34" s="470"/>
      <c r="AL34" s="471"/>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row>
    <row r="35" spans="1:91" ht="17.25" customHeight="1" x14ac:dyDescent="0.15">
      <c r="A35" s="472"/>
      <c r="B35" s="473"/>
      <c r="C35" s="473"/>
      <c r="D35" s="473"/>
      <c r="E35" s="473"/>
      <c r="F35" s="473"/>
      <c r="G35" s="473"/>
      <c r="H35" s="473"/>
      <c r="I35" s="473"/>
      <c r="J35" s="473"/>
      <c r="K35" s="473"/>
      <c r="L35" s="473"/>
      <c r="M35" s="473"/>
      <c r="N35" s="473"/>
      <c r="O35" s="473"/>
      <c r="P35" s="473"/>
      <c r="Q35" s="473"/>
      <c r="R35" s="473"/>
      <c r="S35" s="473"/>
      <c r="T35" s="473"/>
      <c r="U35" s="473"/>
      <c r="V35" s="473"/>
      <c r="W35" s="473"/>
      <c r="X35" s="473"/>
      <c r="Y35" s="473"/>
      <c r="Z35" s="473"/>
      <c r="AA35" s="473"/>
      <c r="AB35" s="473"/>
      <c r="AC35" s="473"/>
      <c r="AD35" s="473"/>
      <c r="AE35" s="473"/>
      <c r="AF35" s="473"/>
      <c r="AG35" s="473"/>
      <c r="AH35" s="473"/>
      <c r="AI35" s="473"/>
      <c r="AJ35" s="473"/>
      <c r="AK35" s="473"/>
      <c r="AL35" s="474"/>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2010</v>
      </c>
      <c r="BZ35" s="681"/>
      <c r="CA35" s="682"/>
      <c r="CB35" s="682"/>
      <c r="CC35" s="682"/>
      <c r="CD35" s="682"/>
      <c r="CE35" s="682"/>
      <c r="CF35" s="682"/>
      <c r="CG35" s="682"/>
      <c r="CH35" s="683">
        <v>16.343029999999999</v>
      </c>
      <c r="CI35" s="683"/>
      <c r="CJ35" s="683"/>
      <c r="CK35" s="683"/>
      <c r="CL35" s="683"/>
      <c r="CM35" s="683"/>
    </row>
    <row r="36" spans="1:91" ht="17.25" customHeight="1" x14ac:dyDescent="0.15">
      <c r="A36" s="518" t="s">
        <v>274</v>
      </c>
      <c r="B36" s="518"/>
      <c r="C36" s="518"/>
      <c r="D36" s="518"/>
      <c r="E36" s="518"/>
      <c r="F36" s="518"/>
      <c r="G36" s="518"/>
      <c r="H36" s="518"/>
      <c r="I36" s="518"/>
      <c r="J36" s="518"/>
      <c r="K36" s="518"/>
      <c r="L36" s="518"/>
      <c r="M36" s="518"/>
      <c r="N36" s="62"/>
      <c r="O36" s="518" t="s">
        <v>275</v>
      </c>
      <c r="P36" s="518"/>
      <c r="Q36" s="518"/>
      <c r="R36" s="518"/>
      <c r="S36" s="518"/>
      <c r="T36" s="518"/>
      <c r="U36" s="518"/>
      <c r="V36" s="518"/>
      <c r="W36" s="518"/>
      <c r="X36" s="518"/>
      <c r="Y36" s="518"/>
      <c r="Z36" s="518"/>
      <c r="AA36" s="518"/>
      <c r="AB36" s="518"/>
      <c r="AC36" s="518"/>
      <c r="AD36" s="518"/>
      <c r="AE36" s="518"/>
      <c r="AF36" s="518"/>
      <c r="AG36" s="518"/>
      <c r="AH36" s="518"/>
      <c r="AI36" s="518"/>
      <c r="AJ36" s="518"/>
      <c r="AK36" s="518"/>
      <c r="AL36" s="518"/>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row>
    <row r="37" spans="1:91" ht="17.25" customHeight="1" x14ac:dyDescent="0.15">
      <c r="A37" s="311" t="s">
        <v>35</v>
      </c>
      <c r="B37" s="312"/>
      <c r="C37" s="312"/>
      <c r="D37" s="312"/>
      <c r="E37" s="312"/>
      <c r="F37" s="312"/>
      <c r="G37" s="312"/>
      <c r="H37" s="312"/>
      <c r="I37" s="312"/>
      <c r="J37" s="312"/>
      <c r="K37" s="312"/>
      <c r="L37" s="312"/>
      <c r="M37" s="313"/>
      <c r="N37" s="62"/>
      <c r="O37" s="311" t="s">
        <v>230</v>
      </c>
      <c r="P37" s="312"/>
      <c r="Q37" s="312"/>
      <c r="R37" s="312"/>
      <c r="S37" s="312"/>
      <c r="T37" s="312"/>
      <c r="U37" s="312"/>
      <c r="V37" s="312"/>
      <c r="W37" s="312"/>
      <c r="X37" s="312"/>
      <c r="Y37" s="312"/>
      <c r="Z37" s="312"/>
      <c r="AA37" s="928"/>
      <c r="AB37" s="928"/>
      <c r="AC37" s="928"/>
      <c r="AD37" s="928"/>
      <c r="AE37" s="928"/>
      <c r="AF37" s="928"/>
      <c r="AG37" s="928"/>
      <c r="AH37" s="928"/>
      <c r="AI37" s="928"/>
      <c r="AJ37" s="928"/>
      <c r="AK37" s="928"/>
      <c r="AL37" s="929"/>
      <c r="AM37" s="5"/>
      <c r="AN37" s="287" t="s">
        <v>399</v>
      </c>
      <c r="AO37" s="287"/>
      <c r="AP37" s="287"/>
      <c r="AQ37" s="287"/>
      <c r="AR37" s="287"/>
      <c r="AS37" s="287"/>
      <c r="AT37" s="287"/>
      <c r="AU37" s="287"/>
      <c r="AV37" s="287"/>
      <c r="AW37" s="681">
        <v>173019</v>
      </c>
      <c r="AX37" s="681"/>
      <c r="AY37" s="681"/>
      <c r="AZ37" s="681"/>
      <c r="BA37" s="681"/>
      <c r="BB37" s="681"/>
      <c r="BC37" s="681"/>
      <c r="BD37" s="681"/>
      <c r="BE37" s="681"/>
      <c r="BF37" s="681"/>
      <c r="BG37" s="681">
        <v>73035</v>
      </c>
      <c r="BH37" s="681"/>
      <c r="BI37" s="681"/>
      <c r="BJ37" s="681"/>
      <c r="BK37" s="681"/>
      <c r="BL37" s="681"/>
      <c r="BM37" s="681"/>
      <c r="BN37" s="681"/>
      <c r="BO37" s="681"/>
      <c r="BP37" s="681"/>
      <c r="BQ37" s="149"/>
      <c r="BR37" s="680" t="s">
        <v>273</v>
      </c>
      <c r="BS37" s="680"/>
      <c r="BT37" s="680"/>
      <c r="BU37" s="680"/>
      <c r="BV37" s="680"/>
      <c r="BW37" s="680"/>
      <c r="BX37" s="680"/>
      <c r="BY37" s="681">
        <v>60949</v>
      </c>
      <c r="BZ37" s="681"/>
      <c r="CA37" s="682"/>
      <c r="CB37" s="682"/>
      <c r="CC37" s="682"/>
      <c r="CD37" s="682"/>
      <c r="CE37" s="682"/>
      <c r="CF37" s="682"/>
      <c r="CG37" s="682"/>
      <c r="CH37" s="683">
        <v>82.938479999999998</v>
      </c>
      <c r="CI37" s="683"/>
      <c r="CJ37" s="683"/>
      <c r="CK37" s="683"/>
      <c r="CL37" s="683"/>
      <c r="CM37" s="683"/>
    </row>
    <row r="38" spans="1:91" ht="17.25" customHeight="1" x14ac:dyDescent="0.15">
      <c r="A38" s="251">
        <v>21407</v>
      </c>
      <c r="B38" s="252"/>
      <c r="C38" s="252"/>
      <c r="D38" s="252"/>
      <c r="E38" s="252"/>
      <c r="F38" s="252"/>
      <c r="G38" s="252"/>
      <c r="H38" s="252"/>
      <c r="I38" s="252"/>
      <c r="J38" s="252"/>
      <c r="K38" s="252"/>
      <c r="L38" s="252"/>
      <c r="M38" s="253"/>
      <c r="N38" s="62"/>
      <c r="O38" s="272" t="s">
        <v>318</v>
      </c>
      <c r="P38" s="874"/>
      <c r="Q38" s="874"/>
      <c r="R38" s="874"/>
      <c r="S38" s="874"/>
      <c r="T38" s="874"/>
      <c r="U38" s="874"/>
      <c r="V38" s="874"/>
      <c r="W38" s="874"/>
      <c r="X38" s="874"/>
      <c r="Y38" s="874"/>
      <c r="Z38" s="874"/>
      <c r="AA38" s="874"/>
      <c r="AB38" s="874"/>
      <c r="AC38" s="874"/>
      <c r="AD38" s="874"/>
      <c r="AE38" s="874"/>
      <c r="AF38" s="874"/>
      <c r="AG38" s="874"/>
      <c r="AH38" s="874"/>
      <c r="AI38" s="874"/>
      <c r="AJ38" s="874"/>
      <c r="AK38" s="874"/>
      <c r="AL38" s="875"/>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row>
    <row r="39" spans="1:91" ht="17.25" customHeight="1" x14ac:dyDescent="0.15">
      <c r="A39" s="930"/>
      <c r="B39" s="931"/>
      <c r="C39" s="931"/>
      <c r="D39" s="931"/>
      <c r="E39" s="931"/>
      <c r="F39" s="931"/>
      <c r="G39" s="931"/>
      <c r="H39" s="931"/>
      <c r="I39" s="931"/>
      <c r="J39" s="931"/>
      <c r="K39" s="931"/>
      <c r="L39" s="931"/>
      <c r="M39" s="932"/>
      <c r="N39" s="62"/>
      <c r="O39" s="930" t="s">
        <v>1552</v>
      </c>
      <c r="P39" s="931"/>
      <c r="Q39" s="931"/>
      <c r="R39" s="931"/>
      <c r="S39" s="931"/>
      <c r="T39" s="931"/>
      <c r="U39" s="931"/>
      <c r="V39" s="931"/>
      <c r="W39" s="931"/>
      <c r="X39" s="931"/>
      <c r="Y39" s="931"/>
      <c r="Z39" s="931"/>
      <c r="AA39" s="931"/>
      <c r="AB39" s="931"/>
      <c r="AC39" s="931"/>
      <c r="AD39" s="931"/>
      <c r="AE39" s="931"/>
      <c r="AF39" s="931"/>
      <c r="AG39" s="931"/>
      <c r="AH39" s="931"/>
      <c r="AI39" s="931"/>
      <c r="AJ39" s="931"/>
      <c r="AK39" s="931"/>
      <c r="AL39" s="932"/>
      <c r="AM39" s="5"/>
      <c r="AN39" s="300" t="s">
        <v>1059</v>
      </c>
      <c r="AO39" s="300"/>
      <c r="AP39" s="300"/>
      <c r="AQ39" s="300"/>
      <c r="AR39" s="300"/>
      <c r="AS39" s="300"/>
      <c r="AT39" s="300"/>
      <c r="AU39" s="300"/>
      <c r="AV39" s="300"/>
      <c r="AW39" s="681">
        <v>172710</v>
      </c>
      <c r="AX39" s="681"/>
      <c r="AY39" s="681"/>
      <c r="AZ39" s="682"/>
      <c r="BA39" s="682"/>
      <c r="BB39" s="682"/>
      <c r="BC39" s="682"/>
      <c r="BD39" s="682"/>
      <c r="BE39" s="682"/>
      <c r="BF39" s="682"/>
      <c r="BG39" s="681">
        <v>75722</v>
      </c>
      <c r="BH39" s="681"/>
      <c r="BI39" s="681"/>
      <c r="BJ39" s="681"/>
      <c r="BK39" s="681"/>
      <c r="BL39" s="681"/>
      <c r="BM39" s="681"/>
      <c r="BN39" s="681"/>
      <c r="BO39" s="681"/>
      <c r="BP39" s="681"/>
      <c r="BQ39" s="149"/>
      <c r="BR39" s="301" t="s">
        <v>1119</v>
      </c>
      <c r="BS39" s="293"/>
      <c r="BT39" s="293"/>
      <c r="BU39" s="293"/>
      <c r="BV39" s="293"/>
      <c r="BW39" s="293"/>
      <c r="BX39" s="294"/>
      <c r="BY39" s="681">
        <v>75824</v>
      </c>
      <c r="BZ39" s="681"/>
      <c r="CA39" s="682"/>
      <c r="CB39" s="682"/>
      <c r="CC39" s="682"/>
      <c r="CD39" s="682"/>
      <c r="CE39" s="682"/>
      <c r="CF39" s="682"/>
      <c r="CG39" s="682"/>
      <c r="CH39" s="683">
        <v>100</v>
      </c>
      <c r="CI39" s="683"/>
      <c r="CJ39" s="683"/>
      <c r="CK39" s="683"/>
      <c r="CL39" s="683"/>
      <c r="CM39" s="683"/>
    </row>
    <row r="40" spans="1:91" ht="17.25" customHeight="1" x14ac:dyDescent="0.15">
      <c r="A40" s="761"/>
      <c r="B40" s="774"/>
      <c r="C40" s="774"/>
      <c r="D40" s="774"/>
      <c r="E40" s="774"/>
      <c r="F40" s="774"/>
      <c r="G40" s="774"/>
      <c r="H40" s="774"/>
      <c r="I40" s="774"/>
      <c r="J40" s="774"/>
      <c r="K40" s="774"/>
      <c r="L40" s="774"/>
      <c r="M40" s="775"/>
      <c r="N40" s="62"/>
      <c r="O40" s="761"/>
      <c r="P40" s="774"/>
      <c r="Q40" s="774"/>
      <c r="R40" s="774"/>
      <c r="S40" s="774"/>
      <c r="T40" s="774"/>
      <c r="U40" s="774"/>
      <c r="V40" s="774"/>
      <c r="W40" s="774"/>
      <c r="X40" s="774"/>
      <c r="Y40" s="774"/>
      <c r="Z40" s="774"/>
      <c r="AA40" s="762"/>
      <c r="AB40" s="762"/>
      <c r="AC40" s="762"/>
      <c r="AD40" s="762"/>
      <c r="AE40" s="762"/>
      <c r="AF40" s="762"/>
      <c r="AG40" s="762"/>
      <c r="AH40" s="762"/>
      <c r="AI40" s="762"/>
      <c r="AJ40" s="762"/>
      <c r="AK40" s="762"/>
      <c r="AL40" s="763"/>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91" ht="17.25" customHeight="1" x14ac:dyDescent="0.15">
      <c r="A41" s="930"/>
      <c r="B41" s="931"/>
      <c r="C41" s="931"/>
      <c r="D41" s="931"/>
      <c r="E41" s="931"/>
      <c r="F41" s="931"/>
      <c r="G41" s="931"/>
      <c r="H41" s="931"/>
      <c r="I41" s="931"/>
      <c r="J41" s="931"/>
      <c r="K41" s="931"/>
      <c r="L41" s="931"/>
      <c r="M41" s="932"/>
      <c r="N41" s="62"/>
      <c r="O41" s="930"/>
      <c r="P41" s="931"/>
      <c r="Q41" s="931"/>
      <c r="R41" s="931"/>
      <c r="S41" s="931"/>
      <c r="T41" s="931"/>
      <c r="U41" s="931"/>
      <c r="V41" s="931"/>
      <c r="W41" s="931"/>
      <c r="X41" s="931"/>
      <c r="Y41" s="931"/>
      <c r="Z41" s="931"/>
      <c r="AA41" s="931"/>
      <c r="AB41" s="931"/>
      <c r="AC41" s="931"/>
      <c r="AD41" s="931"/>
      <c r="AE41" s="931"/>
      <c r="AF41" s="931"/>
      <c r="AG41" s="931"/>
      <c r="AH41" s="931"/>
      <c r="AI41" s="931"/>
      <c r="AJ41" s="931"/>
      <c r="AK41" s="931"/>
      <c r="AL41" s="932"/>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91" ht="17.25" customHeight="1" x14ac:dyDescent="0.15">
      <c r="A42" s="761"/>
      <c r="B42" s="774"/>
      <c r="C42" s="774"/>
      <c r="D42" s="774"/>
      <c r="E42" s="774"/>
      <c r="F42" s="774"/>
      <c r="G42" s="774"/>
      <c r="H42" s="774"/>
      <c r="I42" s="774"/>
      <c r="J42" s="774"/>
      <c r="K42" s="774"/>
      <c r="L42" s="774"/>
      <c r="M42" s="775"/>
      <c r="N42" s="62"/>
      <c r="O42" s="761"/>
      <c r="P42" s="774"/>
      <c r="Q42" s="774"/>
      <c r="R42" s="774"/>
      <c r="S42" s="774"/>
      <c r="T42" s="774"/>
      <c r="U42" s="774"/>
      <c r="V42" s="774"/>
      <c r="W42" s="774"/>
      <c r="X42" s="774"/>
      <c r="Y42" s="774"/>
      <c r="Z42" s="774"/>
      <c r="AA42" s="762"/>
      <c r="AB42" s="762"/>
      <c r="AC42" s="762"/>
      <c r="AD42" s="762"/>
      <c r="AE42" s="762"/>
      <c r="AF42" s="762"/>
      <c r="AG42" s="762"/>
      <c r="AH42" s="762"/>
      <c r="AI42" s="762"/>
      <c r="AJ42" s="762"/>
      <c r="AK42" s="762"/>
      <c r="AL42" s="763"/>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91" ht="17.25" customHeight="1" x14ac:dyDescent="0.15">
      <c r="A43" s="216"/>
      <c r="B43" s="217"/>
      <c r="C43" s="217"/>
      <c r="D43" s="217"/>
      <c r="E43" s="217"/>
      <c r="F43" s="217"/>
      <c r="G43" s="217"/>
      <c r="H43" s="217"/>
      <c r="I43" s="217"/>
      <c r="J43" s="217"/>
      <c r="K43" s="217"/>
      <c r="L43" s="217"/>
      <c r="M43" s="218"/>
      <c r="N43" s="62"/>
      <c r="O43" s="761"/>
      <c r="P43" s="774"/>
      <c r="Q43" s="774"/>
      <c r="R43" s="774"/>
      <c r="S43" s="774"/>
      <c r="T43" s="774"/>
      <c r="U43" s="774"/>
      <c r="V43" s="774"/>
      <c r="W43" s="774"/>
      <c r="X43" s="774"/>
      <c r="Y43" s="774"/>
      <c r="Z43" s="774"/>
      <c r="AA43" s="762"/>
      <c r="AB43" s="762"/>
      <c r="AC43" s="762"/>
      <c r="AD43" s="762"/>
      <c r="AE43" s="762"/>
      <c r="AF43" s="762"/>
      <c r="AG43" s="762"/>
      <c r="AH43" s="762"/>
      <c r="AI43" s="762"/>
      <c r="AJ43" s="762"/>
      <c r="AK43" s="762"/>
      <c r="AL43" s="763"/>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91" ht="17.25" customHeight="1" x14ac:dyDescent="0.15">
      <c r="A44" s="779"/>
      <c r="B44" s="780"/>
      <c r="C44" s="780"/>
      <c r="D44" s="780"/>
      <c r="E44" s="780"/>
      <c r="F44" s="780"/>
      <c r="G44" s="780"/>
      <c r="H44" s="780"/>
      <c r="I44" s="780"/>
      <c r="J44" s="780"/>
      <c r="K44" s="780"/>
      <c r="L44" s="780"/>
      <c r="M44" s="781"/>
      <c r="N44" s="62"/>
      <c r="O44" s="933"/>
      <c r="P44" s="762"/>
      <c r="Q44" s="762"/>
      <c r="R44" s="762"/>
      <c r="S44" s="762"/>
      <c r="T44" s="762"/>
      <c r="U44" s="762"/>
      <c r="V44" s="762"/>
      <c r="W44" s="762"/>
      <c r="X44" s="762"/>
      <c r="Y44" s="762"/>
      <c r="Z44" s="762"/>
      <c r="AA44" s="762"/>
      <c r="AB44" s="762"/>
      <c r="AC44" s="762"/>
      <c r="AD44" s="762"/>
      <c r="AE44" s="762"/>
      <c r="AF44" s="762"/>
      <c r="AG44" s="762"/>
      <c r="AH44" s="762"/>
      <c r="AI44" s="762"/>
      <c r="AJ44" s="762"/>
      <c r="AK44" s="762"/>
      <c r="AL44" s="763"/>
      <c r="AM44" s="5"/>
      <c r="AN44" s="764">
        <v>4353.7</v>
      </c>
      <c r="AO44" s="765"/>
      <c r="AP44" s="765"/>
      <c r="AQ44" s="765"/>
      <c r="AR44" s="765"/>
      <c r="AS44" s="727" t="s">
        <v>383</v>
      </c>
      <c r="AT44" s="727"/>
      <c r="AU44" s="727"/>
      <c r="AV44" s="728"/>
      <c r="AW44" s="710">
        <v>31.1</v>
      </c>
      <c r="AX44" s="711"/>
      <c r="AY44" s="711"/>
      <c r="AZ44" s="711"/>
      <c r="BA44" s="711"/>
      <c r="BB44" s="711"/>
      <c r="BC44" s="706" t="s">
        <v>384</v>
      </c>
      <c r="BD44" s="706"/>
      <c r="BE44" s="706"/>
      <c r="BF44" s="707"/>
      <c r="BG44" s="879">
        <v>97.2</v>
      </c>
      <c r="BH44" s="880"/>
      <c r="BI44" s="880"/>
      <c r="BJ44" s="880"/>
      <c r="BK44" s="880"/>
      <c r="BL44" s="880"/>
      <c r="BM44" s="706" t="s">
        <v>384</v>
      </c>
      <c r="BN44" s="706"/>
      <c r="BO44" s="706"/>
      <c r="BP44" s="707"/>
      <c r="BQ44" s="130"/>
      <c r="BR44" s="714">
        <v>39.659999999999997</v>
      </c>
      <c r="BS44" s="715"/>
      <c r="BT44" s="715"/>
      <c r="BU44" s="715"/>
      <c r="BV44" s="715"/>
      <c r="BW44" s="715"/>
      <c r="BX44" s="715"/>
      <c r="BY44" s="696" t="s">
        <v>385</v>
      </c>
      <c r="BZ44" s="696"/>
      <c r="CA44" s="696"/>
      <c r="CB44" s="697"/>
      <c r="CC44" s="718">
        <v>2569</v>
      </c>
      <c r="CD44" s="719"/>
      <c r="CE44" s="719"/>
      <c r="CF44" s="719"/>
      <c r="CG44" s="719"/>
      <c r="CH44" s="719"/>
      <c r="CI44" s="719"/>
      <c r="CJ44" s="696" t="s">
        <v>386</v>
      </c>
      <c r="CK44" s="696"/>
      <c r="CL44" s="696"/>
      <c r="CM44" s="697"/>
    </row>
    <row r="45" spans="1:91" ht="17.25" customHeight="1" x14ac:dyDescent="0.15">
      <c r="A45" s="779"/>
      <c r="B45" s="934"/>
      <c r="C45" s="934"/>
      <c r="D45" s="934"/>
      <c r="E45" s="934"/>
      <c r="F45" s="934"/>
      <c r="G45" s="934"/>
      <c r="H45" s="934"/>
      <c r="I45" s="934"/>
      <c r="J45" s="934"/>
      <c r="K45" s="934"/>
      <c r="L45" s="934"/>
      <c r="M45" s="935"/>
      <c r="N45" s="180"/>
      <c r="O45" s="936"/>
      <c r="P45" s="937"/>
      <c r="Q45" s="937"/>
      <c r="R45" s="937"/>
      <c r="S45" s="937"/>
      <c r="T45" s="937"/>
      <c r="U45" s="937"/>
      <c r="V45" s="937"/>
      <c r="W45" s="937"/>
      <c r="X45" s="937"/>
      <c r="Y45" s="937"/>
      <c r="Z45" s="937"/>
      <c r="AA45" s="937"/>
      <c r="AB45" s="937"/>
      <c r="AC45" s="937"/>
      <c r="AD45" s="937"/>
      <c r="AE45" s="937"/>
      <c r="AF45" s="937"/>
      <c r="AG45" s="937"/>
      <c r="AH45" s="937"/>
      <c r="AI45" s="937"/>
      <c r="AJ45" s="937"/>
      <c r="AK45" s="937"/>
      <c r="AL45" s="938"/>
      <c r="AM45" s="5"/>
      <c r="AN45" s="766"/>
      <c r="AO45" s="767"/>
      <c r="AP45" s="767"/>
      <c r="AQ45" s="767"/>
      <c r="AR45" s="767"/>
      <c r="AS45" s="282"/>
      <c r="AT45" s="282"/>
      <c r="AU45" s="282"/>
      <c r="AV45" s="283"/>
      <c r="AW45" s="712"/>
      <c r="AX45" s="713"/>
      <c r="AY45" s="713"/>
      <c r="AZ45" s="713"/>
      <c r="BA45" s="713"/>
      <c r="BB45" s="713"/>
      <c r="BC45" s="708"/>
      <c r="BD45" s="708"/>
      <c r="BE45" s="708"/>
      <c r="BF45" s="709"/>
      <c r="BG45" s="881"/>
      <c r="BH45" s="882"/>
      <c r="BI45" s="882"/>
      <c r="BJ45" s="882"/>
      <c r="BK45" s="882"/>
      <c r="BL45" s="882"/>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91" ht="17.25" customHeight="1" x14ac:dyDescent="0.15">
      <c r="A46" s="779"/>
      <c r="B46" s="934"/>
      <c r="C46" s="934"/>
      <c r="D46" s="934"/>
      <c r="E46" s="934"/>
      <c r="F46" s="934"/>
      <c r="G46" s="934"/>
      <c r="H46" s="934"/>
      <c r="I46" s="934"/>
      <c r="J46" s="934"/>
      <c r="K46" s="934"/>
      <c r="L46" s="934"/>
      <c r="M46" s="935"/>
      <c r="N46" s="84"/>
      <c r="O46" s="933"/>
      <c r="P46" s="762"/>
      <c r="Q46" s="762"/>
      <c r="R46" s="762"/>
      <c r="S46" s="762"/>
      <c r="T46" s="762"/>
      <c r="U46" s="762"/>
      <c r="V46" s="762"/>
      <c r="W46" s="762"/>
      <c r="X46" s="762"/>
      <c r="Y46" s="762"/>
      <c r="Z46" s="762"/>
      <c r="AA46" s="762"/>
      <c r="AB46" s="762"/>
      <c r="AC46" s="762"/>
      <c r="AD46" s="762"/>
      <c r="AE46" s="762"/>
      <c r="AF46" s="762"/>
      <c r="AG46" s="762"/>
      <c r="AH46" s="762"/>
      <c r="AI46" s="762"/>
      <c r="AJ46" s="762"/>
      <c r="AK46" s="762"/>
      <c r="AL46" s="763"/>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91" ht="17.25" customHeight="1" x14ac:dyDescent="0.15">
      <c r="A47" s="761"/>
      <c r="B47" s="934"/>
      <c r="C47" s="934"/>
      <c r="D47" s="934"/>
      <c r="E47" s="934"/>
      <c r="F47" s="934"/>
      <c r="G47" s="934"/>
      <c r="H47" s="934"/>
      <c r="I47" s="934"/>
      <c r="J47" s="934"/>
      <c r="K47" s="934"/>
      <c r="L47" s="934"/>
      <c r="M47" s="935"/>
      <c r="N47" s="84"/>
      <c r="O47" s="936"/>
      <c r="P47" s="937"/>
      <c r="Q47" s="937"/>
      <c r="R47" s="937"/>
      <c r="S47" s="937"/>
      <c r="T47" s="937"/>
      <c r="U47" s="937"/>
      <c r="V47" s="937"/>
      <c r="W47" s="937"/>
      <c r="X47" s="937"/>
      <c r="Y47" s="937"/>
      <c r="Z47" s="937"/>
      <c r="AA47" s="937"/>
      <c r="AB47" s="937"/>
      <c r="AC47" s="937"/>
      <c r="AD47" s="937"/>
      <c r="AE47" s="937"/>
      <c r="AF47" s="937"/>
      <c r="AG47" s="937"/>
      <c r="AH47" s="937"/>
      <c r="AI47" s="937"/>
      <c r="AJ47" s="937"/>
      <c r="AK47" s="937"/>
      <c r="AL47" s="938"/>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91" ht="17.25" customHeight="1" x14ac:dyDescent="0.15">
      <c r="A48" s="779"/>
      <c r="B48" s="934"/>
      <c r="C48" s="934"/>
      <c r="D48" s="934"/>
      <c r="E48" s="934"/>
      <c r="F48" s="934"/>
      <c r="G48" s="934"/>
      <c r="H48" s="934"/>
      <c r="I48" s="934"/>
      <c r="J48" s="934"/>
      <c r="K48" s="934"/>
      <c r="L48" s="934"/>
      <c r="M48" s="935"/>
      <c r="N48" s="84"/>
      <c r="O48" s="936"/>
      <c r="P48" s="937"/>
      <c r="Q48" s="937"/>
      <c r="R48" s="937"/>
      <c r="S48" s="937"/>
      <c r="T48" s="937"/>
      <c r="U48" s="937"/>
      <c r="V48" s="937"/>
      <c r="W48" s="937"/>
      <c r="X48" s="937"/>
      <c r="Y48" s="937"/>
      <c r="Z48" s="937"/>
      <c r="AA48" s="939"/>
      <c r="AB48" s="939"/>
      <c r="AC48" s="939"/>
      <c r="AD48" s="939"/>
      <c r="AE48" s="939"/>
      <c r="AF48" s="939"/>
      <c r="AG48" s="939"/>
      <c r="AH48" s="939"/>
      <c r="AI48" s="939"/>
      <c r="AJ48" s="939"/>
      <c r="AK48" s="939"/>
      <c r="AL48" s="940"/>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761"/>
      <c r="B49" s="934"/>
      <c r="C49" s="934"/>
      <c r="D49" s="934"/>
      <c r="E49" s="934"/>
      <c r="F49" s="934"/>
      <c r="G49" s="934"/>
      <c r="H49" s="934"/>
      <c r="I49" s="934"/>
      <c r="J49" s="934"/>
      <c r="K49" s="934"/>
      <c r="L49" s="934"/>
      <c r="M49" s="935"/>
      <c r="N49" s="84"/>
      <c r="O49" s="936"/>
      <c r="P49" s="937"/>
      <c r="Q49" s="937"/>
      <c r="R49" s="937"/>
      <c r="S49" s="937"/>
      <c r="T49" s="937"/>
      <c r="U49" s="937"/>
      <c r="V49" s="937"/>
      <c r="W49" s="937"/>
      <c r="X49" s="937"/>
      <c r="Y49" s="937"/>
      <c r="Z49" s="937"/>
      <c r="AA49" s="939"/>
      <c r="AB49" s="939"/>
      <c r="AC49" s="939"/>
      <c r="AD49" s="939"/>
      <c r="AE49" s="939"/>
      <c r="AF49" s="939"/>
      <c r="AG49" s="939"/>
      <c r="AH49" s="939"/>
      <c r="AI49" s="939"/>
      <c r="AJ49" s="939"/>
      <c r="AK49" s="939"/>
      <c r="AL49" s="940"/>
      <c r="AM49" s="5"/>
      <c r="AN49" s="223">
        <v>39223.332000000002</v>
      </c>
      <c r="AO49" s="224"/>
      <c r="AP49" s="224"/>
      <c r="AQ49" s="224"/>
      <c r="AR49" s="224"/>
      <c r="AS49" s="224"/>
      <c r="AT49" s="225"/>
      <c r="AU49" s="229">
        <v>1.075</v>
      </c>
      <c r="AV49" s="230"/>
      <c r="AW49" s="230"/>
      <c r="AX49" s="230"/>
      <c r="AY49" s="231"/>
      <c r="AZ49" s="210">
        <v>7.9</v>
      </c>
      <c r="BA49" s="211"/>
      <c r="BB49" s="211"/>
      <c r="BC49" s="211"/>
      <c r="BD49" s="212"/>
      <c r="BE49" s="210">
        <v>1.3</v>
      </c>
      <c r="BF49" s="211"/>
      <c r="BG49" s="211"/>
      <c r="BH49" s="211"/>
      <c r="BI49" s="212"/>
      <c r="BJ49" s="210" t="s">
        <v>227</v>
      </c>
      <c r="BK49" s="211"/>
      <c r="BL49" s="211"/>
      <c r="BM49" s="211"/>
      <c r="BN49" s="212"/>
      <c r="BO49" s="210">
        <v>7.4</v>
      </c>
      <c r="BP49" s="211"/>
      <c r="BQ49" s="211"/>
      <c r="BR49" s="211"/>
      <c r="BS49" s="212"/>
      <c r="BT49" s="210">
        <v>96.1</v>
      </c>
      <c r="BU49" s="211"/>
      <c r="BV49" s="211"/>
      <c r="BW49" s="211"/>
      <c r="BX49" s="212"/>
      <c r="BY49" s="210">
        <v>22.5</v>
      </c>
      <c r="BZ49" s="211"/>
      <c r="CA49" s="211"/>
      <c r="CB49" s="211"/>
      <c r="CC49" s="212"/>
      <c r="CD49" s="210">
        <v>49.2</v>
      </c>
      <c r="CE49" s="211"/>
      <c r="CF49" s="211"/>
      <c r="CG49" s="211"/>
      <c r="CH49" s="212"/>
      <c r="CI49" s="210">
        <v>67.7</v>
      </c>
      <c r="CJ49" s="211"/>
      <c r="CK49" s="211"/>
      <c r="CL49" s="211"/>
      <c r="CM49" s="212"/>
    </row>
    <row r="50" spans="1:91" ht="17.25" customHeight="1" x14ac:dyDescent="0.15">
      <c r="A50" s="941"/>
      <c r="B50" s="942"/>
      <c r="C50" s="942"/>
      <c r="D50" s="942"/>
      <c r="E50" s="942"/>
      <c r="F50" s="942"/>
      <c r="G50" s="942"/>
      <c r="H50" s="942"/>
      <c r="I50" s="942"/>
      <c r="J50" s="942"/>
      <c r="K50" s="942"/>
      <c r="L50" s="942"/>
      <c r="M50" s="943"/>
      <c r="N50" s="84"/>
      <c r="O50" s="944"/>
      <c r="P50" s="945"/>
      <c r="Q50" s="945"/>
      <c r="R50" s="945"/>
      <c r="S50" s="945"/>
      <c r="T50" s="945"/>
      <c r="U50" s="945"/>
      <c r="V50" s="945"/>
      <c r="W50" s="945"/>
      <c r="X50" s="945"/>
      <c r="Y50" s="945"/>
      <c r="Z50" s="945"/>
      <c r="AA50" s="946"/>
      <c r="AB50" s="946"/>
      <c r="AC50" s="946"/>
      <c r="AD50" s="946"/>
      <c r="AE50" s="946"/>
      <c r="AF50" s="946"/>
      <c r="AG50" s="946"/>
      <c r="AH50" s="946"/>
      <c r="AI50" s="946"/>
      <c r="AJ50" s="946"/>
      <c r="AK50" s="946"/>
      <c r="AL50" s="947"/>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c r="AN51" s="36"/>
      <c r="AO51" s="36"/>
      <c r="AP51" s="36"/>
      <c r="AQ51" s="36"/>
      <c r="AR51" s="36"/>
      <c r="AS51" s="36"/>
      <c r="AT51" s="36"/>
      <c r="AU51" s="36"/>
      <c r="AV51" s="36"/>
      <c r="AW51" s="36"/>
      <c r="AX51" s="36"/>
      <c r="AY51" s="36"/>
      <c r="AZ51" s="36"/>
      <c r="BA51" s="36"/>
      <c r="BB51" s="36"/>
      <c r="BC51" s="36"/>
      <c r="BD51" s="36"/>
      <c r="BE51" s="36"/>
      <c r="BF51" s="36"/>
      <c r="BG51" s="36"/>
      <c r="BH51" s="36"/>
      <c r="BI51" s="36"/>
      <c r="BJ51" s="36"/>
      <c r="BK51" s="36"/>
      <c r="BL51" s="36"/>
      <c r="BM51" s="36"/>
      <c r="BN51" s="36"/>
      <c r="BO51" s="36"/>
      <c r="BP51" s="36"/>
      <c r="BQ51" s="36"/>
      <c r="BR51" s="36"/>
      <c r="BS51" s="36"/>
      <c r="BT51" s="36"/>
      <c r="BU51" s="36"/>
      <c r="BV51" s="36"/>
      <c r="BW51" s="36"/>
      <c r="BX51" s="36"/>
      <c r="BY51" s="36"/>
      <c r="BZ51" s="36"/>
      <c r="CA51" s="36"/>
      <c r="CB51" s="36"/>
      <c r="CC51" s="36"/>
      <c r="CD51" s="36"/>
      <c r="CE51" s="36"/>
      <c r="CF51" s="36"/>
      <c r="CG51" s="36"/>
      <c r="CH51" s="36"/>
      <c r="CI51" s="36"/>
      <c r="CJ51" s="36"/>
      <c r="CK51" s="36"/>
      <c r="CL51" s="36"/>
      <c r="CM51" s="36"/>
    </row>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89">
    <mergeCell ref="A49:M49"/>
    <mergeCell ref="O49:AL49"/>
    <mergeCell ref="AN49:AT50"/>
    <mergeCell ref="AU49:AY50"/>
    <mergeCell ref="AZ49:BD50"/>
    <mergeCell ref="CI49:CM50"/>
    <mergeCell ref="A50:M50"/>
    <mergeCell ref="O50:AL50"/>
    <mergeCell ref="BE49:BI50"/>
    <mergeCell ref="BJ49:BN50"/>
    <mergeCell ref="BO49:BS50"/>
    <mergeCell ref="BT49:BX50"/>
    <mergeCell ref="BY49:CC50"/>
    <mergeCell ref="CD49:CH50"/>
    <mergeCell ref="A46:M46"/>
    <mergeCell ref="O46:AL46"/>
    <mergeCell ref="AN46:AV46"/>
    <mergeCell ref="AW46:BD46"/>
    <mergeCell ref="BG44:BL45"/>
    <mergeCell ref="BM44:BP45"/>
    <mergeCell ref="BR44:BX45"/>
    <mergeCell ref="CD46:CM46"/>
    <mergeCell ref="A47:M47"/>
    <mergeCell ref="O47:AL47"/>
    <mergeCell ref="AN47:AT48"/>
    <mergeCell ref="AU47:AY48"/>
    <mergeCell ref="AZ47:BD48"/>
    <mergeCell ref="BE47:BI48"/>
    <mergeCell ref="BJ47:BN48"/>
    <mergeCell ref="BO47:BS48"/>
    <mergeCell ref="BT47:BX48"/>
    <mergeCell ref="BY47:CC48"/>
    <mergeCell ref="CD47:CH48"/>
    <mergeCell ref="CI47:CM48"/>
    <mergeCell ref="A48:M48"/>
    <mergeCell ref="O48:AL48"/>
    <mergeCell ref="BY44:CB45"/>
    <mergeCell ref="CC44:CI45"/>
    <mergeCell ref="CJ44:CM45"/>
    <mergeCell ref="A43:M43"/>
    <mergeCell ref="A44:M44"/>
    <mergeCell ref="O44:AL44"/>
    <mergeCell ref="AN44:AR45"/>
    <mergeCell ref="AS44:AV45"/>
    <mergeCell ref="AW44:BB45"/>
    <mergeCell ref="BC44:BF45"/>
    <mergeCell ref="A42:M42"/>
    <mergeCell ref="O42:AL42"/>
    <mergeCell ref="AN42:AV43"/>
    <mergeCell ref="AW42:BF43"/>
    <mergeCell ref="BG42:BP43"/>
    <mergeCell ref="A45:M45"/>
    <mergeCell ref="O45:AL45"/>
    <mergeCell ref="O43:AL43"/>
    <mergeCell ref="BR42:CB43"/>
    <mergeCell ref="CC42:CM43"/>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BG37:BP38"/>
    <mergeCell ref="BR37:BX38"/>
    <mergeCell ref="BY37:CG38"/>
    <mergeCell ref="CH37:CM38"/>
    <mergeCell ref="A38:M38"/>
    <mergeCell ref="O38:AL38"/>
    <mergeCell ref="A36:M36"/>
    <mergeCell ref="O36:AL36"/>
    <mergeCell ref="A37:M37"/>
    <mergeCell ref="O37:AL37"/>
    <mergeCell ref="AN37:AV38"/>
    <mergeCell ref="AW37:BF38"/>
    <mergeCell ref="A28:AL28"/>
    <mergeCell ref="AN28:BP28"/>
    <mergeCell ref="A29:AL35"/>
    <mergeCell ref="AN29:BP33"/>
    <mergeCell ref="BY30:CI30"/>
    <mergeCell ref="BR31:BX32"/>
    <mergeCell ref="BY31:CG32"/>
    <mergeCell ref="CH31:CM32"/>
    <mergeCell ref="BR33:BX34"/>
    <mergeCell ref="BY33:CG34"/>
    <mergeCell ref="CH33:CM34"/>
    <mergeCell ref="AN34:BO34"/>
    <mergeCell ref="AN35:AV36"/>
    <mergeCell ref="AW35:BF36"/>
    <mergeCell ref="BG35:BP36"/>
    <mergeCell ref="BR35:BX36"/>
    <mergeCell ref="BY35:CG36"/>
    <mergeCell ref="CH35:CM36"/>
    <mergeCell ref="AN20:AS22"/>
    <mergeCell ref="AT20:CM22"/>
    <mergeCell ref="Q21:AL21"/>
    <mergeCell ref="A22:E24"/>
    <mergeCell ref="F22:M22"/>
    <mergeCell ref="O22:P23"/>
    <mergeCell ref="Q22:AL22"/>
    <mergeCell ref="F23:M24"/>
    <mergeCell ref="Q23:AL23"/>
    <mergeCell ref="AN23:CM23"/>
    <mergeCell ref="O24:P25"/>
    <mergeCell ref="Q24:AL24"/>
    <mergeCell ref="AO24:CM24"/>
    <mergeCell ref="A25:E27"/>
    <mergeCell ref="F25:M25"/>
    <mergeCell ref="Q25:AL25"/>
    <mergeCell ref="AO25:CM25"/>
    <mergeCell ref="F26:M27"/>
    <mergeCell ref="O26:P27"/>
    <mergeCell ref="Q26:AL26"/>
    <mergeCell ref="AO26:CM26"/>
    <mergeCell ref="Q27:AL27"/>
    <mergeCell ref="AO27:CM27"/>
    <mergeCell ref="A16:E21"/>
    <mergeCell ref="AN16:AS17"/>
    <mergeCell ref="AT16:CM17"/>
    <mergeCell ref="F17:M18"/>
    <mergeCell ref="Q17:T17"/>
    <mergeCell ref="U17:X17"/>
    <mergeCell ref="Y17:AL17"/>
    <mergeCell ref="Q18:T18"/>
    <mergeCell ref="U18:X18"/>
    <mergeCell ref="Y18:AL18"/>
    <mergeCell ref="AN18:AS19"/>
    <mergeCell ref="AT18:CM19"/>
    <mergeCell ref="F19:M19"/>
    <mergeCell ref="Q19:T19"/>
    <mergeCell ref="U19:X19"/>
    <mergeCell ref="Y19:AL19"/>
    <mergeCell ref="F20:M21"/>
    <mergeCell ref="Q20:T20"/>
    <mergeCell ref="U20:X20"/>
    <mergeCell ref="Y20:AL20"/>
    <mergeCell ref="U12:X12"/>
    <mergeCell ref="Y12:AL12"/>
    <mergeCell ref="F13:M14"/>
    <mergeCell ref="Q13:T13"/>
    <mergeCell ref="U13:X13"/>
    <mergeCell ref="Y13:AL13"/>
    <mergeCell ref="F16:M16"/>
    <mergeCell ref="Q16:T16"/>
    <mergeCell ref="U16:X16"/>
    <mergeCell ref="Y16:AL16"/>
    <mergeCell ref="AN13:CM13"/>
    <mergeCell ref="A14:E14"/>
    <mergeCell ref="Q14:T14"/>
    <mergeCell ref="U14:X14"/>
    <mergeCell ref="Y14:AL14"/>
    <mergeCell ref="AN14:AS15"/>
    <mergeCell ref="AT14:CM15"/>
    <mergeCell ref="A15:E15"/>
    <mergeCell ref="F15:M15"/>
    <mergeCell ref="Q15:T15"/>
    <mergeCell ref="U15:X15"/>
    <mergeCell ref="Y15:AL15"/>
    <mergeCell ref="AN1:CM1"/>
    <mergeCell ref="AN2:CM12"/>
    <mergeCell ref="A4:D4"/>
    <mergeCell ref="E4:H4"/>
    <mergeCell ref="N4:AL4"/>
    <mergeCell ref="A5:H6"/>
    <mergeCell ref="I5:AL6"/>
    <mergeCell ref="A7:D8"/>
    <mergeCell ref="F7:Y7"/>
    <mergeCell ref="Z7:AB8"/>
    <mergeCell ref="AC7:AL8"/>
    <mergeCell ref="E8:Y8"/>
    <mergeCell ref="A9:D10"/>
    <mergeCell ref="E9:AL10"/>
    <mergeCell ref="A1:H3"/>
    <mergeCell ref="I1:M4"/>
    <mergeCell ref="N1:AL3"/>
    <mergeCell ref="A11:D11"/>
    <mergeCell ref="E11:AL11"/>
    <mergeCell ref="A12:E13"/>
    <mergeCell ref="F12:M12"/>
    <mergeCell ref="N12:N27"/>
    <mergeCell ref="O12:P21"/>
    <mergeCell ref="Q12:T12"/>
  </mergeCells>
  <phoneticPr fontId="3"/>
  <hyperlinks>
    <hyperlink ref="E11:AL11" r:id="rId1" display="http://www.city.kamaku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6―</oddFooter>
  </headerFooter>
  <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7" zoomScale="70" zoomScaleNormal="85"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53</v>
      </c>
      <c r="B1" s="644" ph="1"/>
      <c r="C1" s="644" ph="1"/>
      <c r="D1" s="644" ph="1"/>
      <c r="E1" s="644" ph="1"/>
      <c r="F1" s="644" ph="1"/>
      <c r="G1" s="644" ph="1"/>
      <c r="H1" s="644" ph="1"/>
      <c r="I1" s="645"/>
      <c r="J1" s="645"/>
      <c r="K1" s="645"/>
      <c r="L1" s="645"/>
      <c r="M1" s="645"/>
      <c r="N1" s="454" t="s">
        <v>40</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302" t="s">
        <v>54</v>
      </c>
      <c r="AO2" s="303"/>
      <c r="AP2" s="303"/>
      <c r="AQ2" s="303"/>
      <c r="AR2" s="303"/>
      <c r="AS2" s="303"/>
      <c r="AT2" s="303"/>
      <c r="AU2" s="303"/>
      <c r="AV2" s="303"/>
      <c r="AW2" s="303"/>
      <c r="AX2" s="303"/>
      <c r="AY2" s="303"/>
      <c r="AZ2" s="303"/>
      <c r="BA2" s="303"/>
      <c r="BB2" s="303"/>
      <c r="BC2" s="303"/>
      <c r="BD2" s="303"/>
      <c r="BE2" s="303"/>
      <c r="BF2" s="303"/>
      <c r="BG2" s="303"/>
      <c r="BH2" s="303"/>
      <c r="BI2" s="303"/>
      <c r="BJ2" s="303"/>
      <c r="BK2" s="303"/>
      <c r="BL2" s="303"/>
      <c r="BM2" s="303"/>
      <c r="BN2" s="303"/>
      <c r="BO2" s="303"/>
      <c r="BP2" s="303"/>
      <c r="BQ2" s="303"/>
      <c r="BR2" s="303"/>
      <c r="BS2" s="303"/>
      <c r="BT2" s="303"/>
      <c r="BU2" s="303"/>
      <c r="BV2" s="303"/>
      <c r="BW2" s="303"/>
      <c r="BX2" s="303"/>
      <c r="BY2" s="303"/>
      <c r="BZ2" s="303"/>
      <c r="CA2" s="303"/>
      <c r="CB2" s="303"/>
      <c r="CC2" s="303"/>
      <c r="CD2" s="303"/>
      <c r="CE2" s="303"/>
      <c r="CF2" s="303"/>
      <c r="CG2" s="303"/>
      <c r="CH2" s="303"/>
      <c r="CI2" s="303"/>
      <c r="CJ2" s="303"/>
      <c r="CK2" s="303"/>
      <c r="CL2" s="303"/>
      <c r="CM2" s="304"/>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305"/>
      <c r="AO3" s="306"/>
      <c r="AP3" s="306"/>
      <c r="AQ3" s="306"/>
      <c r="AR3" s="306"/>
      <c r="AS3" s="306"/>
      <c r="AT3" s="306"/>
      <c r="AU3" s="306"/>
      <c r="AV3" s="306"/>
      <c r="AW3" s="306"/>
      <c r="AX3" s="306"/>
      <c r="AY3" s="306"/>
      <c r="AZ3" s="306"/>
      <c r="BA3" s="306"/>
      <c r="BB3" s="306"/>
      <c r="BC3" s="306"/>
      <c r="BD3" s="306"/>
      <c r="BE3" s="306"/>
      <c r="BF3" s="306"/>
      <c r="BG3" s="306"/>
      <c r="BH3" s="306"/>
      <c r="BI3" s="306"/>
      <c r="BJ3" s="306"/>
      <c r="BK3" s="306"/>
      <c r="BL3" s="306"/>
      <c r="BM3" s="306"/>
      <c r="BN3" s="306"/>
      <c r="BO3" s="306"/>
      <c r="BP3" s="306"/>
      <c r="BQ3" s="306"/>
      <c r="BR3" s="306"/>
      <c r="BS3" s="306"/>
      <c r="BT3" s="306"/>
      <c r="BU3" s="306"/>
      <c r="BV3" s="306"/>
      <c r="BW3" s="306"/>
      <c r="BX3" s="306"/>
      <c r="BY3" s="306"/>
      <c r="BZ3" s="306"/>
      <c r="CA3" s="306"/>
      <c r="CB3" s="306"/>
      <c r="CC3" s="306"/>
      <c r="CD3" s="306"/>
      <c r="CE3" s="306"/>
      <c r="CF3" s="306"/>
      <c r="CG3" s="306"/>
      <c r="CH3" s="306"/>
      <c r="CI3" s="306"/>
      <c r="CJ3" s="306"/>
      <c r="CK3" s="306"/>
      <c r="CL3" s="306"/>
      <c r="CM3" s="307"/>
      <c r="CQ3" s="3" ph="1"/>
    </row>
    <row r="4" spans="1:100" ht="17.25" customHeight="1" x14ac:dyDescent="0.15">
      <c r="A4" s="641" t="s">
        <v>236</v>
      </c>
      <c r="B4" s="641"/>
      <c r="C4" s="641"/>
      <c r="D4" s="641"/>
      <c r="E4" s="458">
        <v>142051</v>
      </c>
      <c r="F4" s="458"/>
      <c r="G4" s="458"/>
      <c r="H4" s="458"/>
      <c r="I4" s="647"/>
      <c r="J4" s="647"/>
      <c r="K4" s="647"/>
      <c r="L4" s="647"/>
      <c r="M4" s="647"/>
      <c r="N4" s="459" t="s">
        <v>436</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305"/>
      <c r="AO4" s="306"/>
      <c r="AP4" s="306"/>
      <c r="AQ4" s="306"/>
      <c r="AR4" s="306"/>
      <c r="AS4" s="306"/>
      <c r="AT4" s="306"/>
      <c r="AU4" s="306"/>
      <c r="AV4" s="306"/>
      <c r="AW4" s="306"/>
      <c r="AX4" s="306"/>
      <c r="AY4" s="306"/>
      <c r="AZ4" s="306"/>
      <c r="BA4" s="306"/>
      <c r="BB4" s="306"/>
      <c r="BC4" s="306"/>
      <c r="BD4" s="306"/>
      <c r="BE4" s="306"/>
      <c r="BF4" s="306"/>
      <c r="BG4" s="306"/>
      <c r="BH4" s="306"/>
      <c r="BI4" s="306"/>
      <c r="BJ4" s="306"/>
      <c r="BK4" s="306"/>
      <c r="BL4" s="306"/>
      <c r="BM4" s="306"/>
      <c r="BN4" s="306"/>
      <c r="BO4" s="306"/>
      <c r="BP4" s="306"/>
      <c r="BQ4" s="306"/>
      <c r="BR4" s="306"/>
      <c r="BS4" s="306"/>
      <c r="BT4" s="306"/>
      <c r="BU4" s="306"/>
      <c r="BV4" s="306"/>
      <c r="BW4" s="306"/>
      <c r="BX4" s="306"/>
      <c r="BY4" s="306"/>
      <c r="BZ4" s="306"/>
      <c r="CA4" s="306"/>
      <c r="CB4" s="306"/>
      <c r="CC4" s="306"/>
      <c r="CD4" s="306"/>
      <c r="CE4" s="306"/>
      <c r="CF4" s="306"/>
      <c r="CG4" s="306"/>
      <c r="CH4" s="306"/>
      <c r="CI4" s="306"/>
      <c r="CJ4" s="306"/>
      <c r="CK4" s="306"/>
      <c r="CL4" s="306"/>
      <c r="CM4" s="307"/>
    </row>
    <row r="5" spans="1:100" ht="17.25" customHeight="1" x14ac:dyDescent="0.15">
      <c r="A5" s="428" t="s">
        <v>237</v>
      </c>
      <c r="B5" s="428"/>
      <c r="C5" s="428"/>
      <c r="D5" s="428"/>
      <c r="E5" s="428"/>
      <c r="F5" s="428"/>
      <c r="G5" s="428"/>
      <c r="H5" s="428"/>
      <c r="I5" s="486" t="s">
        <v>377</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305"/>
      <c r="AO5" s="306"/>
      <c r="AP5" s="306"/>
      <c r="AQ5" s="306"/>
      <c r="AR5" s="306"/>
      <c r="AS5" s="306"/>
      <c r="AT5" s="306"/>
      <c r="AU5" s="306"/>
      <c r="AV5" s="306"/>
      <c r="AW5" s="306"/>
      <c r="AX5" s="306"/>
      <c r="AY5" s="306"/>
      <c r="AZ5" s="306"/>
      <c r="BA5" s="306"/>
      <c r="BB5" s="306"/>
      <c r="BC5" s="306"/>
      <c r="BD5" s="306"/>
      <c r="BE5" s="306"/>
      <c r="BF5" s="306"/>
      <c r="BG5" s="306"/>
      <c r="BH5" s="306"/>
      <c r="BI5" s="306"/>
      <c r="BJ5" s="306"/>
      <c r="BK5" s="306"/>
      <c r="BL5" s="306"/>
      <c r="BM5" s="306"/>
      <c r="BN5" s="306"/>
      <c r="BO5" s="306"/>
      <c r="BP5" s="306"/>
      <c r="BQ5" s="306"/>
      <c r="BR5" s="306"/>
      <c r="BS5" s="306"/>
      <c r="BT5" s="306"/>
      <c r="BU5" s="306"/>
      <c r="BV5" s="306"/>
      <c r="BW5" s="306"/>
      <c r="BX5" s="306"/>
      <c r="BY5" s="306"/>
      <c r="BZ5" s="306"/>
      <c r="CA5" s="306"/>
      <c r="CB5" s="306"/>
      <c r="CC5" s="306"/>
      <c r="CD5" s="306"/>
      <c r="CE5" s="306"/>
      <c r="CF5" s="306"/>
      <c r="CG5" s="306"/>
      <c r="CH5" s="306"/>
      <c r="CI5" s="306"/>
      <c r="CJ5" s="306"/>
      <c r="CK5" s="306"/>
      <c r="CL5" s="306"/>
      <c r="CM5" s="307"/>
    </row>
    <row r="6" spans="1:100" ht="17.25" customHeight="1" x14ac:dyDescent="0.15">
      <c r="A6" s="428"/>
      <c r="B6" s="428"/>
      <c r="C6" s="428"/>
      <c r="D6" s="428"/>
      <c r="E6" s="428"/>
      <c r="F6" s="428"/>
      <c r="G6" s="428"/>
      <c r="H6" s="428"/>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305"/>
      <c r="AO6" s="306"/>
      <c r="AP6" s="306"/>
      <c r="AQ6" s="306"/>
      <c r="AR6" s="306"/>
      <c r="AS6" s="306"/>
      <c r="AT6" s="306"/>
      <c r="AU6" s="306"/>
      <c r="AV6" s="306"/>
      <c r="AW6" s="306"/>
      <c r="AX6" s="306"/>
      <c r="AY6" s="306"/>
      <c r="AZ6" s="306"/>
      <c r="BA6" s="306"/>
      <c r="BB6" s="306"/>
      <c r="BC6" s="306"/>
      <c r="BD6" s="306"/>
      <c r="BE6" s="306"/>
      <c r="BF6" s="306"/>
      <c r="BG6" s="306"/>
      <c r="BH6" s="306"/>
      <c r="BI6" s="306"/>
      <c r="BJ6" s="306"/>
      <c r="BK6" s="306"/>
      <c r="BL6" s="306"/>
      <c r="BM6" s="306"/>
      <c r="BN6" s="306"/>
      <c r="BO6" s="306"/>
      <c r="BP6" s="306"/>
      <c r="BQ6" s="306"/>
      <c r="BR6" s="306"/>
      <c r="BS6" s="306"/>
      <c r="BT6" s="306"/>
      <c r="BU6" s="306"/>
      <c r="BV6" s="306"/>
      <c r="BW6" s="306"/>
      <c r="BX6" s="306"/>
      <c r="BY6" s="306"/>
      <c r="BZ6" s="306"/>
      <c r="CA6" s="306"/>
      <c r="CB6" s="306"/>
      <c r="CC6" s="306"/>
      <c r="CD6" s="306"/>
      <c r="CE6" s="306"/>
      <c r="CF6" s="306"/>
      <c r="CG6" s="306"/>
      <c r="CH6" s="306"/>
      <c r="CI6" s="306"/>
      <c r="CJ6" s="306"/>
      <c r="CK6" s="306"/>
      <c r="CL6" s="306"/>
      <c r="CM6" s="307"/>
    </row>
    <row r="7" spans="1:100" ht="17.25" customHeight="1" x14ac:dyDescent="0.15">
      <c r="A7" s="405" t="s">
        <v>238</v>
      </c>
      <c r="B7" s="406"/>
      <c r="C7" s="406"/>
      <c r="D7" s="407"/>
      <c r="E7" s="65" t="s">
        <v>0</v>
      </c>
      <c r="F7" s="492" t="s">
        <v>41</v>
      </c>
      <c r="G7" s="492"/>
      <c r="H7" s="492"/>
      <c r="I7" s="492"/>
      <c r="J7" s="492"/>
      <c r="K7" s="492"/>
      <c r="L7" s="493"/>
      <c r="M7" s="642"/>
      <c r="N7" s="642"/>
      <c r="O7" s="642"/>
      <c r="P7" s="642"/>
      <c r="Q7" s="642"/>
      <c r="R7" s="642"/>
      <c r="S7" s="642"/>
      <c r="T7" s="642"/>
      <c r="U7" s="642"/>
      <c r="V7" s="642"/>
      <c r="W7" s="642"/>
      <c r="X7" s="642"/>
      <c r="Y7" s="643"/>
      <c r="Z7" s="332" t="s">
        <v>239</v>
      </c>
      <c r="AA7" s="332"/>
      <c r="AB7" s="332"/>
      <c r="AC7" s="431" t="s">
        <v>42</v>
      </c>
      <c r="AD7" s="431"/>
      <c r="AE7" s="431"/>
      <c r="AF7" s="431"/>
      <c r="AG7" s="431"/>
      <c r="AH7" s="431"/>
      <c r="AI7" s="431"/>
      <c r="AJ7" s="431"/>
      <c r="AK7" s="431"/>
      <c r="AL7" s="431"/>
      <c r="AM7" s="5"/>
      <c r="AN7" s="305"/>
      <c r="AO7" s="306"/>
      <c r="AP7" s="306"/>
      <c r="AQ7" s="306"/>
      <c r="AR7" s="306"/>
      <c r="AS7" s="306"/>
      <c r="AT7" s="306"/>
      <c r="AU7" s="306"/>
      <c r="AV7" s="306"/>
      <c r="AW7" s="306"/>
      <c r="AX7" s="306"/>
      <c r="AY7" s="306"/>
      <c r="AZ7" s="306"/>
      <c r="BA7" s="306"/>
      <c r="BB7" s="306"/>
      <c r="BC7" s="306"/>
      <c r="BD7" s="306"/>
      <c r="BE7" s="306"/>
      <c r="BF7" s="306"/>
      <c r="BG7" s="306"/>
      <c r="BH7" s="306"/>
      <c r="BI7" s="306"/>
      <c r="BJ7" s="306"/>
      <c r="BK7" s="306"/>
      <c r="BL7" s="306"/>
      <c r="BM7" s="306"/>
      <c r="BN7" s="306"/>
      <c r="BO7" s="306"/>
      <c r="BP7" s="306"/>
      <c r="BQ7" s="306"/>
      <c r="BR7" s="306"/>
      <c r="BS7" s="306"/>
      <c r="BT7" s="306"/>
      <c r="BU7" s="306"/>
      <c r="BV7" s="306"/>
      <c r="BW7" s="306"/>
      <c r="BX7" s="306"/>
      <c r="BY7" s="306"/>
      <c r="BZ7" s="306"/>
      <c r="CA7" s="306"/>
      <c r="CB7" s="306"/>
      <c r="CC7" s="306"/>
      <c r="CD7" s="306"/>
      <c r="CE7" s="306"/>
      <c r="CF7" s="306"/>
      <c r="CG7" s="306"/>
      <c r="CH7" s="306"/>
      <c r="CI7" s="306"/>
      <c r="CJ7" s="306"/>
      <c r="CK7" s="306"/>
      <c r="CL7" s="306"/>
      <c r="CM7" s="307"/>
    </row>
    <row r="8" spans="1:100" ht="17.25" customHeight="1" x14ac:dyDescent="0.15">
      <c r="A8" s="405"/>
      <c r="B8" s="406"/>
      <c r="C8" s="406"/>
      <c r="D8" s="407"/>
      <c r="E8" s="433" t="s">
        <v>43</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305"/>
      <c r="AO8" s="306"/>
      <c r="AP8" s="306"/>
      <c r="AQ8" s="306"/>
      <c r="AR8" s="306"/>
      <c r="AS8" s="306"/>
      <c r="AT8" s="306"/>
      <c r="AU8" s="306"/>
      <c r="AV8" s="306"/>
      <c r="AW8" s="306"/>
      <c r="AX8" s="306"/>
      <c r="AY8" s="306"/>
      <c r="AZ8" s="306"/>
      <c r="BA8" s="306"/>
      <c r="BB8" s="306"/>
      <c r="BC8" s="306"/>
      <c r="BD8" s="306"/>
      <c r="BE8" s="306"/>
      <c r="BF8" s="306"/>
      <c r="BG8" s="306"/>
      <c r="BH8" s="306"/>
      <c r="BI8" s="306"/>
      <c r="BJ8" s="306"/>
      <c r="BK8" s="306"/>
      <c r="BL8" s="306"/>
      <c r="BM8" s="306"/>
      <c r="BN8" s="306"/>
      <c r="BO8" s="306"/>
      <c r="BP8" s="306"/>
      <c r="BQ8" s="306"/>
      <c r="BR8" s="306"/>
      <c r="BS8" s="306"/>
      <c r="BT8" s="306"/>
      <c r="BU8" s="306"/>
      <c r="BV8" s="306"/>
      <c r="BW8" s="306"/>
      <c r="BX8" s="306"/>
      <c r="BY8" s="306"/>
      <c r="BZ8" s="306"/>
      <c r="CA8" s="306"/>
      <c r="CB8" s="306"/>
      <c r="CC8" s="306"/>
      <c r="CD8" s="306"/>
      <c r="CE8" s="306"/>
      <c r="CF8" s="306"/>
      <c r="CG8" s="306"/>
      <c r="CH8" s="306"/>
      <c r="CI8" s="306"/>
      <c r="CJ8" s="306"/>
      <c r="CK8" s="306"/>
      <c r="CL8" s="306"/>
      <c r="CM8" s="307"/>
    </row>
    <row r="9" spans="1:100" ht="17.25" customHeight="1" x14ac:dyDescent="0.15">
      <c r="A9" s="405" t="s">
        <v>240</v>
      </c>
      <c r="B9" s="406"/>
      <c r="C9" s="406"/>
      <c r="D9" s="407"/>
      <c r="E9" s="445" t="s">
        <v>414</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305"/>
      <c r="AO9" s="306"/>
      <c r="AP9" s="306"/>
      <c r="AQ9" s="306"/>
      <c r="AR9" s="306"/>
      <c r="AS9" s="306"/>
      <c r="AT9" s="306"/>
      <c r="AU9" s="306"/>
      <c r="AV9" s="306"/>
      <c r="AW9" s="306"/>
      <c r="AX9" s="306"/>
      <c r="AY9" s="306"/>
      <c r="AZ9" s="306"/>
      <c r="BA9" s="306"/>
      <c r="BB9" s="306"/>
      <c r="BC9" s="306"/>
      <c r="BD9" s="306"/>
      <c r="BE9" s="306"/>
      <c r="BF9" s="306"/>
      <c r="BG9" s="306"/>
      <c r="BH9" s="306"/>
      <c r="BI9" s="306"/>
      <c r="BJ9" s="306"/>
      <c r="BK9" s="306"/>
      <c r="BL9" s="306"/>
      <c r="BM9" s="306"/>
      <c r="BN9" s="306"/>
      <c r="BO9" s="306"/>
      <c r="BP9" s="306"/>
      <c r="BQ9" s="306"/>
      <c r="BR9" s="306"/>
      <c r="BS9" s="306"/>
      <c r="BT9" s="306"/>
      <c r="BU9" s="306"/>
      <c r="BV9" s="306"/>
      <c r="BW9" s="306"/>
      <c r="BX9" s="306"/>
      <c r="BY9" s="306"/>
      <c r="BZ9" s="306"/>
      <c r="CA9" s="306"/>
      <c r="CB9" s="306"/>
      <c r="CC9" s="306"/>
      <c r="CD9" s="306"/>
      <c r="CE9" s="306"/>
      <c r="CF9" s="306"/>
      <c r="CG9" s="306"/>
      <c r="CH9" s="306"/>
      <c r="CI9" s="306"/>
      <c r="CJ9" s="306"/>
      <c r="CK9" s="306"/>
      <c r="CL9" s="306"/>
      <c r="CM9" s="307"/>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308"/>
      <c r="AO10" s="309"/>
      <c r="AP10" s="309"/>
      <c r="AQ10" s="309"/>
      <c r="AR10" s="309"/>
      <c r="AS10" s="309"/>
      <c r="AT10" s="309"/>
      <c r="AU10" s="309"/>
      <c r="AV10" s="309"/>
      <c r="AW10" s="309"/>
      <c r="AX10" s="309"/>
      <c r="AY10" s="309"/>
      <c r="AZ10" s="309"/>
      <c r="BA10" s="309"/>
      <c r="BB10" s="309"/>
      <c r="BC10" s="309"/>
      <c r="BD10" s="309"/>
      <c r="BE10" s="309"/>
      <c r="BF10" s="309"/>
      <c r="BG10" s="309"/>
      <c r="BH10" s="309"/>
      <c r="BI10" s="309"/>
      <c r="BJ10" s="309"/>
      <c r="BK10" s="309"/>
      <c r="BL10" s="309"/>
      <c r="BM10" s="309"/>
      <c r="BN10" s="309"/>
      <c r="BO10" s="309"/>
      <c r="BP10" s="309"/>
      <c r="BQ10" s="309"/>
      <c r="BR10" s="309"/>
      <c r="BS10" s="309"/>
      <c r="BT10" s="309"/>
      <c r="BU10" s="309"/>
      <c r="BV10" s="309"/>
      <c r="BW10" s="309"/>
      <c r="BX10" s="309"/>
      <c r="BY10" s="309"/>
      <c r="BZ10" s="309"/>
      <c r="CA10" s="309"/>
      <c r="CB10" s="309"/>
      <c r="CC10" s="309"/>
      <c r="CD10" s="309"/>
      <c r="CE10" s="309"/>
      <c r="CF10" s="309"/>
      <c r="CG10" s="309"/>
      <c r="CH10" s="309"/>
      <c r="CI10" s="309"/>
      <c r="CJ10" s="309"/>
      <c r="CK10" s="309"/>
      <c r="CL10" s="309"/>
      <c r="CM10" s="310"/>
    </row>
    <row r="11" spans="1:100" ht="17.25" customHeight="1" x14ac:dyDescent="0.15">
      <c r="A11" s="405" t="s">
        <v>37</v>
      </c>
      <c r="B11" s="406"/>
      <c r="C11" s="406"/>
      <c r="D11" s="407"/>
      <c r="E11" s="615" t="s">
        <v>852</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388" t="s">
        <v>245</v>
      </c>
      <c r="AO11" s="388"/>
      <c r="AP11" s="389"/>
      <c r="AQ11" s="389"/>
      <c r="AR11" s="389"/>
      <c r="AS11" s="389"/>
      <c r="AT11" s="389"/>
      <c r="AU11" s="389"/>
      <c r="AV11" s="389"/>
      <c r="AW11" s="389"/>
      <c r="AX11" s="389"/>
      <c r="AY11" s="389"/>
      <c r="AZ11" s="389"/>
      <c r="BA11" s="389"/>
      <c r="BB11" s="389"/>
      <c r="BC11" s="389"/>
      <c r="BD11" s="389"/>
      <c r="BE11" s="389"/>
      <c r="BF11" s="389"/>
      <c r="BG11" s="389"/>
      <c r="BH11" s="389"/>
      <c r="BI11" s="389"/>
      <c r="BJ11" s="389"/>
      <c r="BK11" s="389"/>
      <c r="BL11" s="389"/>
      <c r="BM11" s="389"/>
      <c r="BN11" s="389"/>
      <c r="BO11" s="389"/>
      <c r="BP11" s="389"/>
      <c r="BQ11" s="389"/>
      <c r="BR11" s="389"/>
      <c r="BS11" s="389"/>
      <c r="BT11" s="389"/>
      <c r="BU11" s="389"/>
      <c r="BV11" s="389"/>
      <c r="BW11" s="389"/>
      <c r="BX11" s="389"/>
      <c r="BY11" s="389"/>
      <c r="BZ11" s="389"/>
      <c r="CA11" s="389"/>
      <c r="CB11" s="389"/>
      <c r="CC11" s="389"/>
      <c r="CD11" s="389"/>
      <c r="CE11" s="389"/>
      <c r="CF11" s="389"/>
      <c r="CG11" s="389"/>
      <c r="CH11" s="389"/>
      <c r="CI11" s="389"/>
      <c r="CJ11" s="389"/>
      <c r="CK11" s="389"/>
      <c r="CL11" s="389"/>
      <c r="CM11" s="389"/>
    </row>
    <row r="12" spans="1:100" ht="17.25" customHeight="1" x14ac:dyDescent="0.15">
      <c r="A12" s="332" t="s">
        <v>241</v>
      </c>
      <c r="B12" s="332"/>
      <c r="C12" s="332"/>
      <c r="D12" s="332"/>
      <c r="E12" s="328"/>
      <c r="F12" s="844" t="s">
        <v>853</v>
      </c>
      <c r="G12" s="845"/>
      <c r="H12" s="845"/>
      <c r="I12" s="845"/>
      <c r="J12" s="845"/>
      <c r="K12" s="845"/>
      <c r="L12" s="845"/>
      <c r="M12" s="845"/>
      <c r="N12" s="522"/>
      <c r="O12" s="416" t="s">
        <v>242</v>
      </c>
      <c r="P12" s="417"/>
      <c r="Q12" s="377">
        <v>14885</v>
      </c>
      <c r="R12" s="220"/>
      <c r="S12" s="220"/>
      <c r="T12" s="220"/>
      <c r="U12" s="371" t="s">
        <v>243</v>
      </c>
      <c r="V12" s="220"/>
      <c r="W12" s="220"/>
      <c r="X12" s="220"/>
      <c r="Y12" s="371"/>
      <c r="Z12" s="220"/>
      <c r="AA12" s="220"/>
      <c r="AB12" s="220"/>
      <c r="AC12" s="220"/>
      <c r="AD12" s="220"/>
      <c r="AE12" s="220"/>
      <c r="AF12" s="220"/>
      <c r="AG12" s="220"/>
      <c r="AH12" s="220"/>
      <c r="AI12" s="220"/>
      <c r="AJ12" s="220"/>
      <c r="AK12" s="220"/>
      <c r="AL12" s="372"/>
      <c r="AM12" s="5"/>
      <c r="AN12" s="287" t="s">
        <v>219</v>
      </c>
      <c r="AO12" s="287"/>
      <c r="AP12" s="287"/>
      <c r="AQ12" s="287"/>
      <c r="AR12" s="287"/>
      <c r="AS12" s="287"/>
      <c r="AT12" s="856" t="s">
        <v>367</v>
      </c>
      <c r="AU12" s="856"/>
      <c r="AV12" s="856"/>
      <c r="AW12" s="856"/>
      <c r="AX12" s="856"/>
      <c r="AY12" s="856"/>
      <c r="AZ12" s="856"/>
      <c r="BA12" s="856"/>
      <c r="BB12" s="856"/>
      <c r="BC12" s="856"/>
      <c r="BD12" s="856"/>
      <c r="BE12" s="856"/>
      <c r="BF12" s="856"/>
      <c r="BG12" s="856"/>
      <c r="BH12" s="856"/>
      <c r="BI12" s="856"/>
      <c r="BJ12" s="856"/>
      <c r="BK12" s="856"/>
      <c r="BL12" s="856"/>
      <c r="BM12" s="856"/>
      <c r="BN12" s="856"/>
      <c r="BO12" s="856"/>
      <c r="BP12" s="856"/>
      <c r="BQ12" s="856"/>
      <c r="BR12" s="856"/>
      <c r="BS12" s="856"/>
      <c r="BT12" s="856"/>
      <c r="BU12" s="856"/>
      <c r="BV12" s="856"/>
      <c r="BW12" s="856"/>
      <c r="BX12" s="856"/>
      <c r="BY12" s="856"/>
      <c r="BZ12" s="856"/>
      <c r="CA12" s="856"/>
      <c r="CB12" s="856"/>
      <c r="CC12" s="856"/>
      <c r="CD12" s="856"/>
      <c r="CE12" s="856"/>
      <c r="CF12" s="856"/>
      <c r="CG12" s="856"/>
      <c r="CH12" s="856"/>
      <c r="CI12" s="856"/>
      <c r="CJ12" s="856"/>
      <c r="CK12" s="856"/>
      <c r="CL12" s="856"/>
      <c r="CM12" s="856"/>
      <c r="CQ12" s="3" ph="1"/>
      <c r="CR12" s="3" ph="1"/>
      <c r="CS12" s="3" ph="1"/>
      <c r="CT12" s="3" ph="1"/>
      <c r="CU12" s="3" ph="1"/>
      <c r="CV12" s="3" ph="1"/>
    </row>
    <row r="13" spans="1:100" ht="17.25" customHeight="1" x14ac:dyDescent="0.15">
      <c r="A13" s="328"/>
      <c r="B13" s="328"/>
      <c r="C13" s="328"/>
      <c r="D13" s="328"/>
      <c r="E13" s="328"/>
      <c r="F13" s="398" t="s">
        <v>854</v>
      </c>
      <c r="G13" s="369"/>
      <c r="H13" s="369"/>
      <c r="I13" s="369"/>
      <c r="J13" s="369"/>
      <c r="K13" s="369"/>
      <c r="L13" s="369"/>
      <c r="M13" s="369"/>
      <c r="N13" s="523"/>
      <c r="O13" s="418"/>
      <c r="P13" s="419"/>
      <c r="Q13" s="377">
        <v>20184</v>
      </c>
      <c r="R13" s="220"/>
      <c r="S13" s="220"/>
      <c r="T13" s="220"/>
      <c r="U13" s="371" t="s">
        <v>326</v>
      </c>
      <c r="V13" s="220"/>
      <c r="W13" s="220"/>
      <c r="X13" s="220"/>
      <c r="Y13" s="976" t="s">
        <v>366</v>
      </c>
      <c r="Z13" s="977"/>
      <c r="AA13" s="977"/>
      <c r="AB13" s="977"/>
      <c r="AC13" s="977"/>
      <c r="AD13" s="977"/>
      <c r="AE13" s="977"/>
      <c r="AF13" s="977"/>
      <c r="AG13" s="977"/>
      <c r="AH13" s="977"/>
      <c r="AI13" s="977"/>
      <c r="AJ13" s="977"/>
      <c r="AK13" s="977"/>
      <c r="AL13" s="978"/>
      <c r="AM13" s="5"/>
      <c r="AN13" s="287"/>
      <c r="AO13" s="287"/>
      <c r="AP13" s="287"/>
      <c r="AQ13" s="287"/>
      <c r="AR13" s="287"/>
      <c r="AS13" s="287"/>
      <c r="AT13" s="856"/>
      <c r="AU13" s="856"/>
      <c r="AV13" s="856"/>
      <c r="AW13" s="856"/>
      <c r="AX13" s="856"/>
      <c r="AY13" s="856"/>
      <c r="AZ13" s="856"/>
      <c r="BA13" s="856"/>
      <c r="BB13" s="856"/>
      <c r="BC13" s="856"/>
      <c r="BD13" s="856"/>
      <c r="BE13" s="856"/>
      <c r="BF13" s="856"/>
      <c r="BG13" s="856"/>
      <c r="BH13" s="856"/>
      <c r="BI13" s="856"/>
      <c r="BJ13" s="856"/>
      <c r="BK13" s="856"/>
      <c r="BL13" s="856"/>
      <c r="BM13" s="856"/>
      <c r="BN13" s="856"/>
      <c r="BO13" s="856"/>
      <c r="BP13" s="856"/>
      <c r="BQ13" s="856"/>
      <c r="BR13" s="856"/>
      <c r="BS13" s="856"/>
      <c r="BT13" s="856"/>
      <c r="BU13" s="856"/>
      <c r="BV13" s="856"/>
      <c r="BW13" s="856"/>
      <c r="BX13" s="856"/>
      <c r="BY13" s="856"/>
      <c r="BZ13" s="856"/>
      <c r="CA13" s="856"/>
      <c r="CB13" s="856"/>
      <c r="CC13" s="856"/>
      <c r="CD13" s="856"/>
      <c r="CE13" s="856"/>
      <c r="CF13" s="856"/>
      <c r="CG13" s="856"/>
      <c r="CH13" s="856"/>
      <c r="CI13" s="856"/>
      <c r="CJ13" s="856"/>
      <c r="CK13" s="856"/>
      <c r="CL13" s="856"/>
      <c r="CM13" s="856"/>
      <c r="CQ13" s="3" ph="1"/>
      <c r="CR13" s="3" ph="1"/>
      <c r="CS13" s="3" ph="1"/>
      <c r="CT13" s="3" ph="1"/>
      <c r="CU13" s="3" ph="1"/>
      <c r="CV13" s="3" ph="1"/>
    </row>
    <row r="14" spans="1:100" ht="17.25" customHeight="1" x14ac:dyDescent="0.15">
      <c r="A14" s="426">
        <v>4</v>
      </c>
      <c r="B14" s="651"/>
      <c r="C14" s="651"/>
      <c r="D14" s="651"/>
      <c r="E14" s="651"/>
      <c r="F14" s="370"/>
      <c r="G14" s="370"/>
      <c r="H14" s="370"/>
      <c r="I14" s="370"/>
      <c r="J14" s="370"/>
      <c r="K14" s="370"/>
      <c r="L14" s="370"/>
      <c r="M14" s="370"/>
      <c r="N14" s="523"/>
      <c r="O14" s="418"/>
      <c r="P14" s="419"/>
      <c r="Q14" s="377"/>
      <c r="R14" s="220"/>
      <c r="S14" s="220"/>
      <c r="T14" s="220"/>
      <c r="U14" s="371"/>
      <c r="V14" s="220"/>
      <c r="W14" s="220"/>
      <c r="X14" s="220"/>
      <c r="Y14" s="371"/>
      <c r="Z14" s="220"/>
      <c r="AA14" s="220"/>
      <c r="AB14" s="220"/>
      <c r="AC14" s="220"/>
      <c r="AD14" s="220"/>
      <c r="AE14" s="220"/>
      <c r="AF14" s="220"/>
      <c r="AG14" s="220"/>
      <c r="AH14" s="220"/>
      <c r="AI14" s="220"/>
      <c r="AJ14" s="220"/>
      <c r="AK14" s="220"/>
      <c r="AL14" s="372"/>
      <c r="AM14" s="5"/>
      <c r="AN14" s="287" t="s">
        <v>220</v>
      </c>
      <c r="AO14" s="287"/>
      <c r="AP14" s="287"/>
      <c r="AQ14" s="287"/>
      <c r="AR14" s="287"/>
      <c r="AS14" s="287"/>
      <c r="AT14" s="856" t="s">
        <v>44</v>
      </c>
      <c r="AU14" s="856"/>
      <c r="AV14" s="856"/>
      <c r="AW14" s="856"/>
      <c r="AX14" s="856"/>
      <c r="AY14" s="856"/>
      <c r="AZ14" s="856"/>
      <c r="BA14" s="856"/>
      <c r="BB14" s="856"/>
      <c r="BC14" s="856"/>
      <c r="BD14" s="856"/>
      <c r="BE14" s="856"/>
      <c r="BF14" s="856"/>
      <c r="BG14" s="856"/>
      <c r="BH14" s="856"/>
      <c r="BI14" s="856"/>
      <c r="BJ14" s="856"/>
      <c r="BK14" s="856"/>
      <c r="BL14" s="856"/>
      <c r="BM14" s="856"/>
      <c r="BN14" s="856"/>
      <c r="BO14" s="856"/>
      <c r="BP14" s="856"/>
      <c r="BQ14" s="856"/>
      <c r="BR14" s="856"/>
      <c r="BS14" s="856"/>
      <c r="BT14" s="856"/>
      <c r="BU14" s="856"/>
      <c r="BV14" s="856"/>
      <c r="BW14" s="856"/>
      <c r="BX14" s="856"/>
      <c r="BY14" s="856"/>
      <c r="BZ14" s="856"/>
      <c r="CA14" s="856"/>
      <c r="CB14" s="856"/>
      <c r="CC14" s="856"/>
      <c r="CD14" s="856"/>
      <c r="CE14" s="856"/>
      <c r="CF14" s="856"/>
      <c r="CG14" s="856"/>
      <c r="CH14" s="856"/>
      <c r="CI14" s="856"/>
      <c r="CJ14" s="856"/>
      <c r="CK14" s="856"/>
      <c r="CL14" s="856"/>
      <c r="CM14" s="856"/>
      <c r="CQ14" s="3" ph="1"/>
      <c r="CR14" s="3" ph="1"/>
      <c r="CS14" s="3" ph="1"/>
      <c r="CT14" s="3" ph="1"/>
      <c r="CU14" s="3" ph="1"/>
      <c r="CV14" s="3" ph="1"/>
    </row>
    <row r="15" spans="1:100" ht="17.25" customHeight="1" x14ac:dyDescent="0.15">
      <c r="A15" s="428" t="s">
        <v>246</v>
      </c>
      <c r="B15" s="428"/>
      <c r="C15" s="428"/>
      <c r="D15" s="428"/>
      <c r="E15" s="428"/>
      <c r="F15" s="429">
        <v>46808</v>
      </c>
      <c r="G15" s="430"/>
      <c r="H15" s="430"/>
      <c r="I15" s="430"/>
      <c r="J15" s="430"/>
      <c r="K15" s="430"/>
      <c r="L15" s="430"/>
      <c r="M15" s="430"/>
      <c r="N15" s="523"/>
      <c r="O15" s="418"/>
      <c r="P15" s="419"/>
      <c r="Q15" s="377"/>
      <c r="R15" s="220"/>
      <c r="S15" s="220"/>
      <c r="T15" s="220"/>
      <c r="U15" s="371"/>
      <c r="V15" s="220"/>
      <c r="W15" s="220"/>
      <c r="X15" s="220"/>
      <c r="Y15" s="371"/>
      <c r="Z15" s="220"/>
      <c r="AA15" s="220"/>
      <c r="AB15" s="220"/>
      <c r="AC15" s="220"/>
      <c r="AD15" s="220"/>
      <c r="AE15" s="220"/>
      <c r="AF15" s="220"/>
      <c r="AG15" s="220"/>
      <c r="AH15" s="220"/>
      <c r="AI15" s="220"/>
      <c r="AJ15" s="220"/>
      <c r="AK15" s="220"/>
      <c r="AL15" s="372"/>
      <c r="AM15" s="5"/>
      <c r="AN15" s="287"/>
      <c r="AO15" s="287"/>
      <c r="AP15" s="287"/>
      <c r="AQ15" s="287"/>
      <c r="AR15" s="287"/>
      <c r="AS15" s="287"/>
      <c r="AT15" s="856"/>
      <c r="AU15" s="856"/>
      <c r="AV15" s="856"/>
      <c r="AW15" s="856"/>
      <c r="AX15" s="856"/>
      <c r="AY15" s="856"/>
      <c r="AZ15" s="856"/>
      <c r="BA15" s="856"/>
      <c r="BB15" s="856"/>
      <c r="BC15" s="856"/>
      <c r="BD15" s="856"/>
      <c r="BE15" s="856"/>
      <c r="BF15" s="856"/>
      <c r="BG15" s="856"/>
      <c r="BH15" s="856"/>
      <c r="BI15" s="856"/>
      <c r="BJ15" s="856"/>
      <c r="BK15" s="856"/>
      <c r="BL15" s="856"/>
      <c r="BM15" s="856"/>
      <c r="BN15" s="856"/>
      <c r="BO15" s="856"/>
      <c r="BP15" s="856"/>
      <c r="BQ15" s="856"/>
      <c r="BR15" s="856"/>
      <c r="BS15" s="856"/>
      <c r="BT15" s="856"/>
      <c r="BU15" s="856"/>
      <c r="BV15" s="856"/>
      <c r="BW15" s="856"/>
      <c r="BX15" s="856"/>
      <c r="BY15" s="856"/>
      <c r="BZ15" s="856"/>
      <c r="CA15" s="856"/>
      <c r="CB15" s="856"/>
      <c r="CC15" s="856"/>
      <c r="CD15" s="856"/>
      <c r="CE15" s="856"/>
      <c r="CF15" s="856"/>
      <c r="CG15" s="856"/>
      <c r="CH15" s="856"/>
      <c r="CI15" s="856"/>
      <c r="CJ15" s="856"/>
      <c r="CK15" s="856"/>
      <c r="CL15" s="856"/>
      <c r="CM15" s="856"/>
    </row>
    <row r="16" spans="1:100" ht="17.25" customHeight="1" x14ac:dyDescent="0.15">
      <c r="A16" s="382" t="s">
        <v>249</v>
      </c>
      <c r="B16" s="484"/>
      <c r="C16" s="484"/>
      <c r="D16" s="484"/>
      <c r="E16" s="485"/>
      <c r="F16" s="666" t="s">
        <v>1283</v>
      </c>
      <c r="G16" s="667"/>
      <c r="H16" s="667"/>
      <c r="I16" s="667"/>
      <c r="J16" s="667"/>
      <c r="K16" s="667"/>
      <c r="L16" s="667"/>
      <c r="M16" s="667"/>
      <c r="N16" s="523"/>
      <c r="O16" s="418"/>
      <c r="P16" s="419"/>
      <c r="Q16" s="377"/>
      <c r="R16" s="220"/>
      <c r="S16" s="220"/>
      <c r="T16" s="220"/>
      <c r="U16" s="371"/>
      <c r="V16" s="220"/>
      <c r="W16" s="220"/>
      <c r="X16" s="220"/>
      <c r="Y16" s="371"/>
      <c r="Z16" s="852"/>
      <c r="AA16" s="852"/>
      <c r="AB16" s="852"/>
      <c r="AC16" s="852"/>
      <c r="AD16" s="852"/>
      <c r="AE16" s="852"/>
      <c r="AF16" s="852"/>
      <c r="AG16" s="852"/>
      <c r="AH16" s="852"/>
      <c r="AI16" s="852"/>
      <c r="AJ16" s="852"/>
      <c r="AK16" s="852"/>
      <c r="AL16" s="853"/>
      <c r="AM16" s="5"/>
      <c r="AN16" s="292" t="s">
        <v>221</v>
      </c>
      <c r="AO16" s="293"/>
      <c r="AP16" s="293"/>
      <c r="AQ16" s="293"/>
      <c r="AR16" s="293"/>
      <c r="AS16" s="294"/>
      <c r="AT16" s="460" t="s">
        <v>1512</v>
      </c>
      <c r="AU16" s="349"/>
      <c r="AV16" s="349"/>
      <c r="AW16" s="349"/>
      <c r="AX16" s="349"/>
      <c r="AY16" s="349"/>
      <c r="AZ16" s="349"/>
      <c r="BA16" s="349"/>
      <c r="BB16" s="349"/>
      <c r="BC16" s="349"/>
      <c r="BD16" s="349"/>
      <c r="BE16" s="349"/>
      <c r="BF16" s="349"/>
      <c r="BG16" s="349"/>
      <c r="BH16" s="349"/>
      <c r="BI16" s="349"/>
      <c r="BJ16" s="349"/>
      <c r="BK16" s="349"/>
      <c r="BL16" s="349"/>
      <c r="BM16" s="349"/>
      <c r="BN16" s="349"/>
      <c r="BO16" s="349"/>
      <c r="BP16" s="349"/>
      <c r="BQ16" s="349"/>
      <c r="BR16" s="349"/>
      <c r="BS16" s="349"/>
      <c r="BT16" s="349"/>
      <c r="BU16" s="349"/>
      <c r="BV16" s="349"/>
      <c r="BW16" s="349"/>
      <c r="BX16" s="349"/>
      <c r="BY16" s="349"/>
      <c r="BZ16" s="349"/>
      <c r="CA16" s="349"/>
      <c r="CB16" s="349"/>
      <c r="CC16" s="349"/>
      <c r="CD16" s="349"/>
      <c r="CE16" s="349"/>
      <c r="CF16" s="349"/>
      <c r="CG16" s="349"/>
      <c r="CH16" s="349"/>
      <c r="CI16" s="349"/>
      <c r="CJ16" s="349"/>
      <c r="CK16" s="349"/>
      <c r="CL16" s="349"/>
      <c r="CM16" s="350"/>
      <c r="CQ16" s="3" ph="1"/>
      <c r="CR16" s="3" ph="1"/>
      <c r="CS16" s="3" ph="1"/>
      <c r="CT16" s="3" ph="1"/>
      <c r="CU16" s="3" ph="1"/>
      <c r="CV16" s="3" ph="1"/>
    </row>
    <row r="17" spans="1:100" ht="17.25" customHeight="1" x14ac:dyDescent="0.15">
      <c r="A17" s="361"/>
      <c r="B17" s="362"/>
      <c r="C17" s="362"/>
      <c r="D17" s="362"/>
      <c r="E17" s="363"/>
      <c r="F17" s="398" t="s">
        <v>1282</v>
      </c>
      <c r="G17" s="369"/>
      <c r="H17" s="369"/>
      <c r="I17" s="369"/>
      <c r="J17" s="369"/>
      <c r="K17" s="369"/>
      <c r="L17" s="369"/>
      <c r="M17" s="369"/>
      <c r="N17" s="523"/>
      <c r="O17" s="418"/>
      <c r="P17" s="419"/>
      <c r="Q17" s="377"/>
      <c r="R17" s="220"/>
      <c r="S17" s="220"/>
      <c r="T17" s="220"/>
      <c r="U17" s="371"/>
      <c r="V17" s="220"/>
      <c r="W17" s="220"/>
      <c r="X17" s="220"/>
      <c r="Y17" s="371"/>
      <c r="Z17" s="852"/>
      <c r="AA17" s="852"/>
      <c r="AB17" s="852"/>
      <c r="AC17" s="852"/>
      <c r="AD17" s="852"/>
      <c r="AE17" s="852"/>
      <c r="AF17" s="852"/>
      <c r="AG17" s="852"/>
      <c r="AH17" s="852"/>
      <c r="AI17" s="852"/>
      <c r="AJ17" s="852"/>
      <c r="AK17" s="852"/>
      <c r="AL17" s="853"/>
      <c r="AM17" s="5"/>
      <c r="AN17" s="295"/>
      <c r="AO17" s="296"/>
      <c r="AP17" s="296"/>
      <c r="AQ17" s="296"/>
      <c r="AR17" s="296"/>
      <c r="AS17" s="297"/>
      <c r="AT17" s="901"/>
      <c r="AU17" s="353"/>
      <c r="AV17" s="353"/>
      <c r="AW17" s="353"/>
      <c r="AX17" s="353"/>
      <c r="AY17" s="353"/>
      <c r="AZ17" s="353"/>
      <c r="BA17" s="353"/>
      <c r="BB17" s="353"/>
      <c r="BC17" s="353"/>
      <c r="BD17" s="353"/>
      <c r="BE17" s="353"/>
      <c r="BF17" s="353"/>
      <c r="BG17" s="353"/>
      <c r="BH17" s="353"/>
      <c r="BI17" s="353"/>
      <c r="BJ17" s="353"/>
      <c r="BK17" s="353"/>
      <c r="BL17" s="353"/>
      <c r="BM17" s="353"/>
      <c r="BN17" s="353"/>
      <c r="BO17" s="353"/>
      <c r="BP17" s="353"/>
      <c r="BQ17" s="353"/>
      <c r="BR17" s="353"/>
      <c r="BS17" s="353"/>
      <c r="BT17" s="353"/>
      <c r="BU17" s="353"/>
      <c r="BV17" s="353"/>
      <c r="BW17" s="353"/>
      <c r="BX17" s="353"/>
      <c r="BY17" s="353"/>
      <c r="BZ17" s="353"/>
      <c r="CA17" s="353"/>
      <c r="CB17" s="353"/>
      <c r="CC17" s="353"/>
      <c r="CD17" s="353"/>
      <c r="CE17" s="353"/>
      <c r="CF17" s="353"/>
      <c r="CG17" s="353"/>
      <c r="CH17" s="353"/>
      <c r="CI17" s="353"/>
      <c r="CJ17" s="353"/>
      <c r="CK17" s="353"/>
      <c r="CL17" s="353"/>
      <c r="CM17" s="354"/>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92" t="s">
        <v>222</v>
      </c>
      <c r="AO18" s="293"/>
      <c r="AP18" s="293"/>
      <c r="AQ18" s="293"/>
      <c r="AR18" s="293"/>
      <c r="AS18" s="294"/>
      <c r="AT18" s="460" t="s">
        <v>1695</v>
      </c>
      <c r="AU18" s="349"/>
      <c r="AV18" s="349"/>
      <c r="AW18" s="349"/>
      <c r="AX18" s="349"/>
      <c r="AY18" s="349"/>
      <c r="AZ18" s="349"/>
      <c r="BA18" s="349"/>
      <c r="BB18" s="349"/>
      <c r="BC18" s="349"/>
      <c r="BD18" s="349"/>
      <c r="BE18" s="349"/>
      <c r="BF18" s="349"/>
      <c r="BG18" s="349"/>
      <c r="BH18" s="349"/>
      <c r="BI18" s="349"/>
      <c r="BJ18" s="349"/>
      <c r="BK18" s="349"/>
      <c r="BL18" s="349"/>
      <c r="BM18" s="349"/>
      <c r="BN18" s="349"/>
      <c r="BO18" s="349"/>
      <c r="BP18" s="349"/>
      <c r="BQ18" s="349"/>
      <c r="BR18" s="349"/>
      <c r="BS18" s="349"/>
      <c r="BT18" s="349"/>
      <c r="BU18" s="349"/>
      <c r="BV18" s="349"/>
      <c r="BW18" s="349"/>
      <c r="BX18" s="349"/>
      <c r="BY18" s="349"/>
      <c r="BZ18" s="349"/>
      <c r="CA18" s="349"/>
      <c r="CB18" s="349"/>
      <c r="CC18" s="349"/>
      <c r="CD18" s="349"/>
      <c r="CE18" s="349"/>
      <c r="CF18" s="349"/>
      <c r="CG18" s="349"/>
      <c r="CH18" s="349"/>
      <c r="CI18" s="349"/>
      <c r="CJ18" s="349"/>
      <c r="CK18" s="349"/>
      <c r="CL18" s="349"/>
      <c r="CM18" s="350"/>
      <c r="CQ18" s="3" ph="1"/>
      <c r="CR18" s="3" ph="1"/>
      <c r="CS18" s="3" ph="1"/>
      <c r="CT18" s="3" ph="1"/>
      <c r="CU18" s="3" ph="1"/>
      <c r="CV18" s="3" ph="1"/>
    </row>
    <row r="19" spans="1:100" ht="17.25" customHeight="1" x14ac:dyDescent="0.15">
      <c r="A19" s="361"/>
      <c r="B19" s="362"/>
      <c r="C19" s="362"/>
      <c r="D19" s="362"/>
      <c r="E19" s="363"/>
      <c r="F19" s="380" t="s">
        <v>1285</v>
      </c>
      <c r="G19" s="381"/>
      <c r="H19" s="381"/>
      <c r="I19" s="381"/>
      <c r="J19" s="381"/>
      <c r="K19" s="381"/>
      <c r="L19" s="381"/>
      <c r="M19" s="381"/>
      <c r="N19" s="523"/>
      <c r="O19" s="418"/>
      <c r="P19" s="419"/>
      <c r="Q19" s="377"/>
      <c r="R19" s="220"/>
      <c r="S19" s="220"/>
      <c r="T19" s="220"/>
      <c r="U19" s="371"/>
      <c r="V19" s="852"/>
      <c r="W19" s="852"/>
      <c r="X19" s="852"/>
      <c r="Y19" s="371"/>
      <c r="Z19" s="852"/>
      <c r="AA19" s="852"/>
      <c r="AB19" s="852"/>
      <c r="AC19" s="852"/>
      <c r="AD19" s="852"/>
      <c r="AE19" s="852"/>
      <c r="AF19" s="852"/>
      <c r="AG19" s="852"/>
      <c r="AH19" s="852"/>
      <c r="AI19" s="852"/>
      <c r="AJ19" s="852"/>
      <c r="AK19" s="852"/>
      <c r="AL19" s="853"/>
      <c r="AM19" s="5"/>
      <c r="AN19" s="295"/>
      <c r="AO19" s="296"/>
      <c r="AP19" s="296"/>
      <c r="AQ19" s="296"/>
      <c r="AR19" s="296"/>
      <c r="AS19" s="297"/>
      <c r="AT19" s="901"/>
      <c r="AU19" s="353"/>
      <c r="AV19" s="353"/>
      <c r="AW19" s="353"/>
      <c r="AX19" s="353"/>
      <c r="AY19" s="353"/>
      <c r="AZ19" s="353"/>
      <c r="BA19" s="353"/>
      <c r="BB19" s="353"/>
      <c r="BC19" s="353"/>
      <c r="BD19" s="353"/>
      <c r="BE19" s="353"/>
      <c r="BF19" s="353"/>
      <c r="BG19" s="353"/>
      <c r="BH19" s="353"/>
      <c r="BI19" s="353"/>
      <c r="BJ19" s="353"/>
      <c r="BK19" s="353"/>
      <c r="BL19" s="353"/>
      <c r="BM19" s="353"/>
      <c r="BN19" s="353"/>
      <c r="BO19" s="353"/>
      <c r="BP19" s="353"/>
      <c r="BQ19" s="353"/>
      <c r="BR19" s="353"/>
      <c r="BS19" s="353"/>
      <c r="BT19" s="353"/>
      <c r="BU19" s="353"/>
      <c r="BV19" s="353"/>
      <c r="BW19" s="353"/>
      <c r="BX19" s="353"/>
      <c r="BY19" s="353"/>
      <c r="BZ19" s="353"/>
      <c r="CA19" s="353"/>
      <c r="CB19" s="353"/>
      <c r="CC19" s="353"/>
      <c r="CD19" s="353"/>
      <c r="CE19" s="353"/>
      <c r="CF19" s="353"/>
      <c r="CG19" s="353"/>
      <c r="CH19" s="353"/>
      <c r="CI19" s="353"/>
      <c r="CJ19" s="353"/>
      <c r="CK19" s="353"/>
      <c r="CL19" s="353"/>
      <c r="CM19" s="354"/>
      <c r="CQ19" s="3" ph="1"/>
      <c r="CR19" s="3" ph="1"/>
      <c r="CS19" s="3" ph="1"/>
      <c r="CT19" s="3" ph="1"/>
      <c r="CU19" s="3" ph="1"/>
      <c r="CV19" s="3" ph="1"/>
    </row>
    <row r="20" spans="1:100" ht="17.25" customHeight="1" x14ac:dyDescent="0.15">
      <c r="A20" s="361"/>
      <c r="B20" s="362"/>
      <c r="C20" s="362"/>
      <c r="D20" s="362"/>
      <c r="E20" s="363"/>
      <c r="F20" s="398" t="s">
        <v>1284</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864" t="s">
        <v>462</v>
      </c>
      <c r="AO20" s="864"/>
      <c r="AP20" s="864"/>
      <c r="AQ20" s="864"/>
      <c r="AR20" s="864"/>
      <c r="AS20" s="864"/>
      <c r="AT20" s="864"/>
      <c r="AU20" s="864"/>
      <c r="AV20" s="864"/>
      <c r="AW20" s="864"/>
      <c r="AX20" s="864"/>
      <c r="AY20" s="864"/>
      <c r="AZ20" s="864"/>
      <c r="BA20" s="864"/>
      <c r="BB20" s="864"/>
      <c r="BC20" s="864"/>
      <c r="BD20" s="864"/>
      <c r="BE20" s="864"/>
      <c r="BF20" s="864"/>
      <c r="BG20" s="864"/>
      <c r="BH20" s="864"/>
      <c r="BI20" s="864"/>
      <c r="BJ20" s="864"/>
      <c r="BK20" s="864"/>
      <c r="BL20" s="864"/>
      <c r="BM20" s="864"/>
      <c r="BN20" s="864"/>
      <c r="BO20" s="864"/>
      <c r="BP20" s="864"/>
      <c r="BQ20" s="864"/>
      <c r="BR20" s="864"/>
      <c r="BS20" s="864"/>
      <c r="BT20" s="864"/>
      <c r="BU20" s="864"/>
      <c r="BV20" s="864"/>
      <c r="BW20" s="864"/>
      <c r="BX20" s="864"/>
      <c r="BY20" s="864"/>
      <c r="BZ20" s="864"/>
      <c r="CA20" s="864"/>
      <c r="CB20" s="864"/>
      <c r="CC20" s="864"/>
      <c r="CD20" s="864"/>
      <c r="CE20" s="864"/>
      <c r="CF20" s="864"/>
      <c r="CG20" s="864"/>
      <c r="CH20" s="864"/>
      <c r="CI20" s="864"/>
      <c r="CJ20" s="864"/>
      <c r="CK20" s="864"/>
      <c r="CL20" s="864"/>
      <c r="CM20" s="864"/>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8" t="s">
        <v>45</v>
      </c>
      <c r="R21" s="378"/>
      <c r="S21" s="378"/>
      <c r="T21" s="378"/>
      <c r="U21" s="378"/>
      <c r="V21" s="378"/>
      <c r="W21" s="378"/>
      <c r="X21" s="378"/>
      <c r="Y21" s="378"/>
      <c r="Z21" s="378"/>
      <c r="AA21" s="378"/>
      <c r="AB21" s="378"/>
      <c r="AC21" s="378"/>
      <c r="AD21" s="378"/>
      <c r="AE21" s="378"/>
      <c r="AF21" s="378"/>
      <c r="AG21" s="378"/>
      <c r="AH21" s="378"/>
      <c r="AI21" s="378"/>
      <c r="AJ21" s="378"/>
      <c r="AK21" s="378"/>
      <c r="AL21" s="379"/>
      <c r="AM21" s="186"/>
      <c r="AN21" s="973" t="s">
        <v>1507</v>
      </c>
      <c r="AO21" s="974"/>
      <c r="AP21" s="974"/>
      <c r="AQ21" s="974"/>
      <c r="AR21" s="974"/>
      <c r="AS21" s="974"/>
      <c r="AT21" s="974"/>
      <c r="AU21" s="974"/>
      <c r="AV21" s="974"/>
      <c r="AW21" s="974"/>
      <c r="AX21" s="974"/>
      <c r="AY21" s="974"/>
      <c r="AZ21" s="974"/>
      <c r="BA21" s="974"/>
      <c r="BB21" s="974"/>
      <c r="BC21" s="974"/>
      <c r="BD21" s="974"/>
      <c r="BE21" s="974"/>
      <c r="BF21" s="974"/>
      <c r="BG21" s="974"/>
      <c r="BH21" s="974"/>
      <c r="BI21" s="974"/>
      <c r="BJ21" s="974"/>
      <c r="BK21" s="974"/>
      <c r="BL21" s="974"/>
      <c r="BM21" s="974"/>
      <c r="BN21" s="974"/>
      <c r="BO21" s="974"/>
      <c r="BP21" s="974"/>
      <c r="BQ21" s="974"/>
      <c r="BR21" s="974"/>
      <c r="BS21" s="974"/>
      <c r="BT21" s="974"/>
      <c r="BU21" s="974"/>
      <c r="BV21" s="974"/>
      <c r="BW21" s="974"/>
      <c r="BX21" s="974"/>
      <c r="BY21" s="974"/>
      <c r="BZ21" s="974"/>
      <c r="CA21" s="974"/>
      <c r="CB21" s="974"/>
      <c r="CC21" s="974"/>
      <c r="CD21" s="974"/>
      <c r="CE21" s="974"/>
      <c r="CF21" s="974"/>
      <c r="CG21" s="974"/>
      <c r="CH21" s="974"/>
      <c r="CI21" s="974"/>
      <c r="CJ21" s="974"/>
      <c r="CK21" s="974"/>
      <c r="CL21" s="974"/>
      <c r="CM21" s="975"/>
      <c r="CQ21" s="3" ph="1"/>
      <c r="CR21" s="3" ph="1"/>
      <c r="CS21" s="3" ph="1"/>
      <c r="CT21" s="3" ph="1"/>
      <c r="CU21" s="3" ph="1"/>
      <c r="CV21" s="3" ph="1"/>
    </row>
    <row r="22" spans="1:100" ht="17.25" customHeight="1" x14ac:dyDescent="0.15">
      <c r="A22" s="332" t="s">
        <v>259</v>
      </c>
      <c r="B22" s="332"/>
      <c r="C22" s="332"/>
      <c r="D22" s="332"/>
      <c r="E22" s="332"/>
      <c r="F22" s="345" t="s">
        <v>1635</v>
      </c>
      <c r="G22" s="346"/>
      <c r="H22" s="346"/>
      <c r="I22" s="346"/>
      <c r="J22" s="346"/>
      <c r="K22" s="346"/>
      <c r="L22" s="346"/>
      <c r="M22" s="346"/>
      <c r="N22" s="523"/>
      <c r="O22" s="428" t="s">
        <v>258</v>
      </c>
      <c r="P22" s="428"/>
      <c r="Q22" s="965" t="s">
        <v>855</v>
      </c>
      <c r="R22" s="965"/>
      <c r="S22" s="965"/>
      <c r="T22" s="965"/>
      <c r="U22" s="965"/>
      <c r="V22" s="965"/>
      <c r="W22" s="965"/>
      <c r="X22" s="965"/>
      <c r="Y22" s="965"/>
      <c r="Z22" s="965"/>
      <c r="AA22" s="965"/>
      <c r="AB22" s="965"/>
      <c r="AC22" s="965"/>
      <c r="AD22" s="965"/>
      <c r="AE22" s="965"/>
      <c r="AF22" s="965"/>
      <c r="AG22" s="965"/>
      <c r="AH22" s="965"/>
      <c r="AI22" s="965"/>
      <c r="AJ22" s="965"/>
      <c r="AK22" s="965"/>
      <c r="AL22" s="965"/>
      <c r="AM22" s="186"/>
      <c r="AN22" s="43" t="s">
        <v>16</v>
      </c>
      <c r="AO22" s="772" t="s">
        <v>1508</v>
      </c>
      <c r="AP22" s="670"/>
      <c r="AQ22" s="670"/>
      <c r="AR22" s="670"/>
      <c r="AS22" s="670"/>
      <c r="AT22" s="670"/>
      <c r="AU22" s="670"/>
      <c r="AV22" s="670"/>
      <c r="AW22" s="670"/>
      <c r="AX22" s="670"/>
      <c r="AY22" s="670"/>
      <c r="AZ22" s="670"/>
      <c r="BA22" s="670"/>
      <c r="BB22" s="670"/>
      <c r="BC22" s="670"/>
      <c r="BD22" s="670"/>
      <c r="BE22" s="670"/>
      <c r="BF22" s="670"/>
      <c r="BG22" s="670"/>
      <c r="BH22" s="670"/>
      <c r="BI22" s="670"/>
      <c r="BJ22" s="670"/>
      <c r="BK22" s="670"/>
      <c r="BL22" s="670"/>
      <c r="BM22" s="670"/>
      <c r="BN22" s="670"/>
      <c r="BO22" s="670"/>
      <c r="BP22" s="670"/>
      <c r="BQ22" s="670"/>
      <c r="BR22" s="670"/>
      <c r="BS22" s="670"/>
      <c r="BT22" s="670"/>
      <c r="BU22" s="670"/>
      <c r="BV22" s="670"/>
      <c r="BW22" s="670"/>
      <c r="BX22" s="670"/>
      <c r="BY22" s="670"/>
      <c r="BZ22" s="670"/>
      <c r="CA22" s="670"/>
      <c r="CB22" s="670"/>
      <c r="CC22" s="670"/>
      <c r="CD22" s="670"/>
      <c r="CE22" s="670"/>
      <c r="CF22" s="670"/>
      <c r="CG22" s="670"/>
      <c r="CH22" s="670"/>
      <c r="CI22" s="670"/>
      <c r="CJ22" s="670"/>
      <c r="CK22" s="670"/>
      <c r="CL22" s="670"/>
      <c r="CM22" s="671"/>
      <c r="CQ22" s="3" ph="1"/>
      <c r="CR22" s="3" ph="1"/>
      <c r="CS22" s="3" ph="1"/>
      <c r="CT22" s="3" ph="1"/>
      <c r="CU22" s="3" ph="1"/>
      <c r="CV22" s="3" ph="1"/>
    </row>
    <row r="23" spans="1:100" ht="17.25" customHeight="1" x14ac:dyDescent="0.15">
      <c r="A23" s="328"/>
      <c r="B23" s="328"/>
      <c r="C23" s="328"/>
      <c r="D23" s="328"/>
      <c r="E23" s="328"/>
      <c r="F23" s="336" t="s">
        <v>1634</v>
      </c>
      <c r="G23" s="337"/>
      <c r="H23" s="337"/>
      <c r="I23" s="337"/>
      <c r="J23" s="337"/>
      <c r="K23" s="337"/>
      <c r="L23" s="337"/>
      <c r="M23" s="338"/>
      <c r="N23" s="523"/>
      <c r="O23" s="428"/>
      <c r="P23" s="428"/>
      <c r="Q23" s="355">
        <v>25842</v>
      </c>
      <c r="R23" s="355"/>
      <c r="S23" s="355"/>
      <c r="T23" s="355"/>
      <c r="U23" s="355"/>
      <c r="V23" s="355"/>
      <c r="W23" s="355"/>
      <c r="X23" s="355"/>
      <c r="Y23" s="355"/>
      <c r="Z23" s="355"/>
      <c r="AA23" s="355"/>
      <c r="AB23" s="355"/>
      <c r="AC23" s="355"/>
      <c r="AD23" s="355"/>
      <c r="AE23" s="355"/>
      <c r="AF23" s="355"/>
      <c r="AG23" s="355"/>
      <c r="AH23" s="355"/>
      <c r="AI23" s="355"/>
      <c r="AJ23" s="355"/>
      <c r="AK23" s="355"/>
      <c r="AL23" s="355"/>
      <c r="AM23" s="186"/>
      <c r="AN23" s="43" t="s">
        <v>16</v>
      </c>
      <c r="AO23" s="865" t="s">
        <v>1509</v>
      </c>
      <c r="AP23" s="966"/>
      <c r="AQ23" s="966"/>
      <c r="AR23" s="966"/>
      <c r="AS23" s="966"/>
      <c r="AT23" s="966"/>
      <c r="AU23" s="966"/>
      <c r="AV23" s="966"/>
      <c r="AW23" s="966"/>
      <c r="AX23" s="966"/>
      <c r="AY23" s="966"/>
      <c r="AZ23" s="966"/>
      <c r="BA23" s="966"/>
      <c r="BB23" s="966"/>
      <c r="BC23" s="966"/>
      <c r="BD23" s="966"/>
      <c r="BE23" s="966"/>
      <c r="BF23" s="966"/>
      <c r="BG23" s="966"/>
      <c r="BH23" s="966"/>
      <c r="BI23" s="966"/>
      <c r="BJ23" s="966"/>
      <c r="BK23" s="966"/>
      <c r="BL23" s="966"/>
      <c r="BM23" s="966"/>
      <c r="BN23" s="966"/>
      <c r="BO23" s="966"/>
      <c r="BP23" s="966"/>
      <c r="BQ23" s="966"/>
      <c r="BR23" s="966"/>
      <c r="BS23" s="966"/>
      <c r="BT23" s="966"/>
      <c r="BU23" s="966"/>
      <c r="BV23" s="966"/>
      <c r="BW23" s="966"/>
      <c r="BX23" s="966"/>
      <c r="BY23" s="966"/>
      <c r="BZ23" s="966"/>
      <c r="CA23" s="966"/>
      <c r="CB23" s="966"/>
      <c r="CC23" s="966"/>
      <c r="CD23" s="966"/>
      <c r="CE23" s="966"/>
      <c r="CF23" s="966"/>
      <c r="CG23" s="966"/>
      <c r="CH23" s="966"/>
      <c r="CI23" s="966"/>
      <c r="CJ23" s="966"/>
      <c r="CK23" s="966"/>
      <c r="CL23" s="966"/>
      <c r="CM23" s="967"/>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965" t="s">
        <v>46</v>
      </c>
      <c r="R24" s="965"/>
      <c r="S24" s="965"/>
      <c r="T24" s="965"/>
      <c r="U24" s="965"/>
      <c r="V24" s="965"/>
      <c r="W24" s="965"/>
      <c r="X24" s="965"/>
      <c r="Y24" s="965"/>
      <c r="Z24" s="965"/>
      <c r="AA24" s="965"/>
      <c r="AB24" s="965"/>
      <c r="AC24" s="965"/>
      <c r="AD24" s="965"/>
      <c r="AE24" s="965"/>
      <c r="AF24" s="965"/>
      <c r="AG24" s="965"/>
      <c r="AH24" s="965"/>
      <c r="AI24" s="965"/>
      <c r="AJ24" s="965"/>
      <c r="AK24" s="965"/>
      <c r="AL24" s="965"/>
      <c r="AM24" s="186"/>
      <c r="AN24" s="43" t="s">
        <v>16</v>
      </c>
      <c r="AO24" s="865" t="s">
        <v>1511</v>
      </c>
      <c r="AP24" s="966"/>
      <c r="AQ24" s="966"/>
      <c r="AR24" s="966"/>
      <c r="AS24" s="966"/>
      <c r="AT24" s="966"/>
      <c r="AU24" s="966"/>
      <c r="AV24" s="966"/>
      <c r="AW24" s="966"/>
      <c r="AX24" s="966"/>
      <c r="AY24" s="966"/>
      <c r="AZ24" s="966"/>
      <c r="BA24" s="966"/>
      <c r="BB24" s="966"/>
      <c r="BC24" s="966"/>
      <c r="BD24" s="966"/>
      <c r="BE24" s="966"/>
      <c r="BF24" s="966"/>
      <c r="BG24" s="966"/>
      <c r="BH24" s="966"/>
      <c r="BI24" s="966"/>
      <c r="BJ24" s="966"/>
      <c r="BK24" s="966"/>
      <c r="BL24" s="966"/>
      <c r="BM24" s="966"/>
      <c r="BN24" s="966"/>
      <c r="BO24" s="966"/>
      <c r="BP24" s="966"/>
      <c r="BQ24" s="966"/>
      <c r="BR24" s="966"/>
      <c r="BS24" s="966"/>
      <c r="BT24" s="966"/>
      <c r="BU24" s="966"/>
      <c r="BV24" s="966"/>
      <c r="BW24" s="966"/>
      <c r="BX24" s="966"/>
      <c r="BY24" s="966"/>
      <c r="BZ24" s="966"/>
      <c r="CA24" s="966"/>
      <c r="CB24" s="966"/>
      <c r="CC24" s="966"/>
      <c r="CD24" s="966"/>
      <c r="CE24" s="966"/>
      <c r="CF24" s="966"/>
      <c r="CG24" s="966"/>
      <c r="CH24" s="966"/>
      <c r="CI24" s="966"/>
      <c r="CJ24" s="966"/>
      <c r="CK24" s="966"/>
      <c r="CL24" s="966"/>
      <c r="CM24" s="967"/>
      <c r="CQ24" s="3" ph="1"/>
      <c r="CR24" s="3" ph="1"/>
      <c r="CS24" s="3" ph="1"/>
      <c r="CT24" s="3" ph="1"/>
      <c r="CU24" s="3" ph="1"/>
      <c r="CV24" s="3" ph="1"/>
    </row>
    <row r="25" spans="1:100" ht="17.25" customHeight="1" x14ac:dyDescent="0.15">
      <c r="A25" s="328" t="s">
        <v>263</v>
      </c>
      <c r="B25" s="328"/>
      <c r="C25" s="328"/>
      <c r="D25" s="328"/>
      <c r="E25" s="328"/>
      <c r="F25" s="844" t="s">
        <v>1637</v>
      </c>
      <c r="G25" s="845"/>
      <c r="H25" s="845"/>
      <c r="I25" s="845"/>
      <c r="J25" s="845"/>
      <c r="K25" s="845"/>
      <c r="L25" s="845"/>
      <c r="M25" s="845"/>
      <c r="N25" s="523"/>
      <c r="O25" s="428"/>
      <c r="P25" s="428"/>
      <c r="Q25" s="355">
        <v>25842</v>
      </c>
      <c r="R25" s="355"/>
      <c r="S25" s="355"/>
      <c r="T25" s="355"/>
      <c r="U25" s="355"/>
      <c r="V25" s="355"/>
      <c r="W25" s="355"/>
      <c r="X25" s="355"/>
      <c r="Y25" s="355"/>
      <c r="Z25" s="355"/>
      <c r="AA25" s="355"/>
      <c r="AB25" s="355"/>
      <c r="AC25" s="355"/>
      <c r="AD25" s="355"/>
      <c r="AE25" s="355"/>
      <c r="AF25" s="355"/>
      <c r="AG25" s="355"/>
      <c r="AH25" s="355"/>
      <c r="AI25" s="355"/>
      <c r="AJ25" s="355"/>
      <c r="AK25" s="355"/>
      <c r="AL25" s="355"/>
      <c r="AM25" s="186"/>
      <c r="AN25" s="43" t="s">
        <v>16</v>
      </c>
      <c r="AO25" s="727" t="s">
        <v>739</v>
      </c>
      <c r="AP25" s="968"/>
      <c r="AQ25" s="968"/>
      <c r="AR25" s="968"/>
      <c r="AS25" s="968"/>
      <c r="AT25" s="968"/>
      <c r="AU25" s="968"/>
      <c r="AV25" s="968"/>
      <c r="AW25" s="968"/>
      <c r="AX25" s="968"/>
      <c r="AY25" s="968"/>
      <c r="AZ25" s="968"/>
      <c r="BA25" s="968"/>
      <c r="BB25" s="968"/>
      <c r="BC25" s="968"/>
      <c r="BD25" s="968"/>
      <c r="BE25" s="968"/>
      <c r="BF25" s="968"/>
      <c r="BG25" s="968"/>
      <c r="BH25" s="968"/>
      <c r="BI25" s="968"/>
      <c r="BJ25" s="968"/>
      <c r="BK25" s="968"/>
      <c r="BL25" s="968"/>
      <c r="BM25" s="968"/>
      <c r="BN25" s="968"/>
      <c r="BO25" s="968"/>
      <c r="BP25" s="968"/>
      <c r="BQ25" s="968"/>
      <c r="BR25" s="968"/>
      <c r="BS25" s="968"/>
      <c r="BT25" s="968"/>
      <c r="BU25" s="968"/>
      <c r="BV25" s="968"/>
      <c r="BW25" s="968"/>
      <c r="BX25" s="968"/>
      <c r="BY25" s="968"/>
      <c r="BZ25" s="968"/>
      <c r="CA25" s="968"/>
      <c r="CB25" s="968"/>
      <c r="CC25" s="968"/>
      <c r="CD25" s="968"/>
      <c r="CE25" s="968"/>
      <c r="CF25" s="968"/>
      <c r="CG25" s="968"/>
      <c r="CH25" s="968"/>
      <c r="CI25" s="968"/>
      <c r="CJ25" s="968"/>
      <c r="CK25" s="968"/>
      <c r="CL25" s="968"/>
      <c r="CM25" s="969"/>
      <c r="CQ25" s="3" ph="1"/>
      <c r="CR25" s="3" ph="1"/>
      <c r="CS25" s="3" ph="1"/>
      <c r="CT25" s="3" ph="1"/>
      <c r="CU25" s="3" ph="1"/>
      <c r="CV25" s="3" ph="1"/>
    </row>
    <row r="26" spans="1:100" ht="17.25" customHeight="1" x14ac:dyDescent="0.15">
      <c r="A26" s="328"/>
      <c r="B26" s="328"/>
      <c r="C26" s="328"/>
      <c r="D26" s="328"/>
      <c r="E26" s="328"/>
      <c r="F26" s="336" t="s">
        <v>1636</v>
      </c>
      <c r="G26" s="337"/>
      <c r="H26" s="337"/>
      <c r="I26" s="337"/>
      <c r="J26" s="337"/>
      <c r="K26" s="337"/>
      <c r="L26" s="337"/>
      <c r="M26" s="338"/>
      <c r="N26" s="523"/>
      <c r="O26" s="428" t="s">
        <v>264</v>
      </c>
      <c r="P26" s="428"/>
      <c r="Q26" s="970" t="s">
        <v>47</v>
      </c>
      <c r="R26" s="970"/>
      <c r="S26" s="970"/>
      <c r="T26" s="970"/>
      <c r="U26" s="970"/>
      <c r="V26" s="970"/>
      <c r="W26" s="970"/>
      <c r="X26" s="970"/>
      <c r="Y26" s="970"/>
      <c r="Z26" s="970"/>
      <c r="AA26" s="970"/>
      <c r="AB26" s="970"/>
      <c r="AC26" s="970"/>
      <c r="AD26" s="970"/>
      <c r="AE26" s="970"/>
      <c r="AF26" s="970"/>
      <c r="AG26" s="970"/>
      <c r="AH26" s="970"/>
      <c r="AI26" s="970"/>
      <c r="AJ26" s="970"/>
      <c r="AK26" s="970"/>
      <c r="AL26" s="970"/>
      <c r="AM26" s="186"/>
      <c r="AN26" s="44" t="s">
        <v>16</v>
      </c>
      <c r="AO26" s="282" t="s">
        <v>1510</v>
      </c>
      <c r="AP26" s="971"/>
      <c r="AQ26" s="971"/>
      <c r="AR26" s="971"/>
      <c r="AS26" s="971"/>
      <c r="AT26" s="971"/>
      <c r="AU26" s="971"/>
      <c r="AV26" s="971"/>
      <c r="AW26" s="971"/>
      <c r="AX26" s="971"/>
      <c r="AY26" s="971"/>
      <c r="AZ26" s="971"/>
      <c r="BA26" s="971"/>
      <c r="BB26" s="971"/>
      <c r="BC26" s="971"/>
      <c r="BD26" s="971"/>
      <c r="BE26" s="971"/>
      <c r="BF26" s="971"/>
      <c r="BG26" s="971"/>
      <c r="BH26" s="971"/>
      <c r="BI26" s="971"/>
      <c r="BJ26" s="971"/>
      <c r="BK26" s="971"/>
      <c r="BL26" s="971"/>
      <c r="BM26" s="971"/>
      <c r="BN26" s="971"/>
      <c r="BO26" s="971"/>
      <c r="BP26" s="971"/>
      <c r="BQ26" s="971"/>
      <c r="BR26" s="971"/>
      <c r="BS26" s="971"/>
      <c r="BT26" s="971"/>
      <c r="BU26" s="971"/>
      <c r="BV26" s="971"/>
      <c r="BW26" s="971"/>
      <c r="BX26" s="971"/>
      <c r="BY26" s="971"/>
      <c r="BZ26" s="971"/>
      <c r="CA26" s="971"/>
      <c r="CB26" s="971"/>
      <c r="CC26" s="971"/>
      <c r="CD26" s="971"/>
      <c r="CE26" s="971"/>
      <c r="CF26" s="971"/>
      <c r="CG26" s="971"/>
      <c r="CH26" s="971"/>
      <c r="CI26" s="971"/>
      <c r="CJ26" s="971"/>
      <c r="CK26" s="971"/>
      <c r="CL26" s="971"/>
      <c r="CM26" s="972"/>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55">
        <v>33878</v>
      </c>
      <c r="R27" s="355"/>
      <c r="S27" s="355"/>
      <c r="T27" s="355"/>
      <c r="U27" s="355"/>
      <c r="V27" s="355"/>
      <c r="W27" s="355"/>
      <c r="X27" s="355"/>
      <c r="Y27" s="355"/>
      <c r="Z27" s="355"/>
      <c r="AA27" s="355"/>
      <c r="AB27" s="355"/>
      <c r="AC27" s="355"/>
      <c r="AD27" s="355"/>
      <c r="AE27" s="355"/>
      <c r="AF27" s="355"/>
      <c r="AG27" s="355"/>
      <c r="AH27" s="355"/>
      <c r="AI27" s="355"/>
      <c r="AJ27" s="355"/>
      <c r="AK27" s="355"/>
      <c r="AL27" s="355"/>
      <c r="AM27" s="5"/>
      <c r="AN27" s="255" t="s">
        <v>261</v>
      </c>
      <c r="AO27" s="255"/>
      <c r="AP27" s="255"/>
      <c r="AQ27" s="255"/>
      <c r="AR27" s="255"/>
      <c r="AS27" s="255"/>
      <c r="AT27" s="255"/>
      <c r="AU27" s="255"/>
      <c r="AV27" s="255"/>
      <c r="AW27" s="255"/>
      <c r="AX27" s="255"/>
      <c r="AY27" s="255"/>
      <c r="AZ27" s="255"/>
      <c r="BA27" s="255"/>
      <c r="BB27" s="255"/>
      <c r="BC27" s="255"/>
      <c r="BD27" s="255"/>
      <c r="BE27" s="255"/>
      <c r="BF27" s="255"/>
      <c r="BG27" s="255"/>
      <c r="BH27" s="255"/>
      <c r="BI27" s="255"/>
      <c r="BJ27" s="255"/>
      <c r="BK27" s="255"/>
      <c r="BL27" s="255"/>
      <c r="BM27" s="255"/>
      <c r="BN27" s="255"/>
      <c r="BO27" s="255"/>
      <c r="BP27" s="255"/>
      <c r="BQ27" s="134"/>
      <c r="BR27" s="135"/>
      <c r="BS27" s="1"/>
      <c r="BT27" s="1"/>
      <c r="BU27" s="1"/>
      <c r="BV27" s="1"/>
      <c r="BW27" s="1"/>
      <c r="BX27" s="1"/>
      <c r="BY27" s="1"/>
      <c r="BZ27" s="1"/>
      <c r="CA27" s="1"/>
      <c r="CB27" s="1"/>
      <c r="CC27" s="1"/>
      <c r="CD27" s="1"/>
      <c r="CE27" s="1"/>
      <c r="CF27" s="1"/>
      <c r="CG27" s="1"/>
      <c r="CH27" s="1"/>
      <c r="CI27" s="1"/>
      <c r="CJ27" s="1"/>
      <c r="CK27" s="1"/>
      <c r="CL27" s="1"/>
      <c r="CM27" s="1"/>
      <c r="CN27" s="33"/>
      <c r="CQ27" s="3" ph="1"/>
      <c r="CR27" s="3" ph="1"/>
      <c r="CS27" s="3" ph="1"/>
      <c r="CT27" s="3" ph="1"/>
      <c r="CU27" s="3" ph="1"/>
      <c r="CV27" s="3" ph="1"/>
    </row>
    <row r="28" spans="1:100" ht="20.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302" t="s">
        <v>1506</v>
      </c>
      <c r="AO28" s="303"/>
      <c r="AP28" s="303"/>
      <c r="AQ28" s="303"/>
      <c r="AR28" s="303"/>
      <c r="AS28" s="303"/>
      <c r="AT28" s="303"/>
      <c r="AU28" s="303"/>
      <c r="AV28" s="303"/>
      <c r="AW28" s="303"/>
      <c r="AX28" s="303"/>
      <c r="AY28" s="303"/>
      <c r="AZ28" s="303"/>
      <c r="BA28" s="303"/>
      <c r="BB28" s="303"/>
      <c r="BC28" s="303"/>
      <c r="BD28" s="303"/>
      <c r="BE28" s="303"/>
      <c r="BF28" s="303"/>
      <c r="BG28" s="303"/>
      <c r="BH28" s="303"/>
      <c r="BI28" s="303"/>
      <c r="BJ28" s="303"/>
      <c r="BK28" s="303"/>
      <c r="BL28" s="303"/>
      <c r="BM28" s="303"/>
      <c r="BN28" s="303"/>
      <c r="BO28" s="303"/>
      <c r="BP28" s="304"/>
      <c r="BQ28" s="53"/>
      <c r="BR28" s="101"/>
      <c r="BS28" s="15"/>
      <c r="BT28" s="1"/>
      <c r="BU28" s="1"/>
      <c r="BV28" s="1"/>
      <c r="BW28" s="1"/>
      <c r="BX28" s="1"/>
      <c r="BY28" s="1"/>
      <c r="BZ28" s="1"/>
      <c r="CA28" s="1"/>
      <c r="CB28" s="129"/>
      <c r="CC28" s="129"/>
      <c r="CD28" s="129"/>
      <c r="CE28" s="129"/>
      <c r="CF28" s="129"/>
      <c r="CG28" s="129"/>
      <c r="CH28" s="129"/>
      <c r="CI28" s="129"/>
      <c r="CJ28" s="129"/>
      <c r="CK28" s="129"/>
      <c r="CL28" s="129"/>
      <c r="CM28" s="1"/>
      <c r="CN28" s="33"/>
      <c r="CQ28" s="3" ph="1"/>
      <c r="CR28" s="3" ph="1"/>
      <c r="CS28" s="3" ph="1"/>
      <c r="CT28" s="3" ph="1"/>
      <c r="CU28" s="3" ph="1"/>
      <c r="CV28" s="3" ph="1"/>
    </row>
    <row r="29" spans="1:100" ht="20.25" customHeight="1" x14ac:dyDescent="0.15">
      <c r="A29" s="466" t="s">
        <v>48</v>
      </c>
      <c r="B29" s="467"/>
      <c r="C29" s="467"/>
      <c r="D29" s="467"/>
      <c r="E29" s="467"/>
      <c r="F29" s="467"/>
      <c r="G29" s="467"/>
      <c r="H29" s="467"/>
      <c r="I29" s="467"/>
      <c r="J29" s="467"/>
      <c r="K29" s="467"/>
      <c r="L29" s="467"/>
      <c r="M29" s="467"/>
      <c r="N29" s="467"/>
      <c r="O29" s="467"/>
      <c r="P29" s="467"/>
      <c r="Q29" s="467"/>
      <c r="R29" s="467"/>
      <c r="S29" s="467"/>
      <c r="T29" s="467"/>
      <c r="U29" s="467"/>
      <c r="V29" s="467"/>
      <c r="W29" s="467"/>
      <c r="X29" s="467"/>
      <c r="Y29" s="467"/>
      <c r="Z29" s="467"/>
      <c r="AA29" s="467"/>
      <c r="AB29" s="467"/>
      <c r="AC29" s="467"/>
      <c r="AD29" s="467"/>
      <c r="AE29" s="467"/>
      <c r="AF29" s="467"/>
      <c r="AG29" s="467"/>
      <c r="AH29" s="467"/>
      <c r="AI29" s="467"/>
      <c r="AJ29" s="467"/>
      <c r="AK29" s="467"/>
      <c r="AL29" s="468"/>
      <c r="AM29" s="5"/>
      <c r="AN29" s="305"/>
      <c r="AO29" s="306"/>
      <c r="AP29" s="306"/>
      <c r="AQ29" s="306"/>
      <c r="AR29" s="306"/>
      <c r="AS29" s="306"/>
      <c r="AT29" s="306"/>
      <c r="AU29" s="306"/>
      <c r="AV29" s="306"/>
      <c r="AW29" s="306"/>
      <c r="AX29" s="306"/>
      <c r="AY29" s="306"/>
      <c r="AZ29" s="306"/>
      <c r="BA29" s="306"/>
      <c r="BB29" s="306"/>
      <c r="BC29" s="306"/>
      <c r="BD29" s="306"/>
      <c r="BE29" s="306"/>
      <c r="BF29" s="306"/>
      <c r="BG29" s="306"/>
      <c r="BH29" s="306"/>
      <c r="BI29" s="306"/>
      <c r="BJ29" s="306"/>
      <c r="BK29" s="306"/>
      <c r="BL29" s="306"/>
      <c r="BM29" s="306"/>
      <c r="BN29" s="306"/>
      <c r="BO29" s="306"/>
      <c r="BP29" s="307"/>
      <c r="BQ29" s="53"/>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20.25" customHeight="1" x14ac:dyDescent="0.15">
      <c r="A30" s="469"/>
      <c r="B30" s="470"/>
      <c r="C30" s="470"/>
      <c r="D30" s="470"/>
      <c r="E30" s="470"/>
      <c r="F30" s="470"/>
      <c r="G30" s="470"/>
      <c r="H30" s="470"/>
      <c r="I30" s="470"/>
      <c r="J30" s="470"/>
      <c r="K30" s="470"/>
      <c r="L30" s="470"/>
      <c r="M30" s="470"/>
      <c r="N30" s="470"/>
      <c r="O30" s="470"/>
      <c r="P30" s="470"/>
      <c r="Q30" s="470"/>
      <c r="R30" s="470"/>
      <c r="S30" s="470"/>
      <c r="T30" s="470"/>
      <c r="U30" s="470"/>
      <c r="V30" s="470"/>
      <c r="W30" s="470"/>
      <c r="X30" s="470"/>
      <c r="Y30" s="470"/>
      <c r="Z30" s="470"/>
      <c r="AA30" s="470"/>
      <c r="AB30" s="470"/>
      <c r="AC30" s="470"/>
      <c r="AD30" s="470"/>
      <c r="AE30" s="470"/>
      <c r="AF30" s="470"/>
      <c r="AG30" s="470"/>
      <c r="AH30" s="470"/>
      <c r="AI30" s="470"/>
      <c r="AJ30" s="470"/>
      <c r="AK30" s="470"/>
      <c r="AL30" s="471"/>
      <c r="AM30" s="5"/>
      <c r="AN30" s="305"/>
      <c r="AO30" s="306"/>
      <c r="AP30" s="306"/>
      <c r="AQ30" s="306"/>
      <c r="AR30" s="306"/>
      <c r="AS30" s="306"/>
      <c r="AT30" s="306"/>
      <c r="AU30" s="306"/>
      <c r="AV30" s="306"/>
      <c r="AW30" s="306"/>
      <c r="AX30" s="306"/>
      <c r="AY30" s="306"/>
      <c r="AZ30" s="306"/>
      <c r="BA30" s="306"/>
      <c r="BB30" s="306"/>
      <c r="BC30" s="306"/>
      <c r="BD30" s="306"/>
      <c r="BE30" s="306"/>
      <c r="BF30" s="306"/>
      <c r="BG30" s="306"/>
      <c r="BH30" s="306"/>
      <c r="BI30" s="306"/>
      <c r="BJ30" s="306"/>
      <c r="BK30" s="306"/>
      <c r="BL30" s="306"/>
      <c r="BM30" s="306"/>
      <c r="BN30" s="306"/>
      <c r="BO30" s="306"/>
      <c r="BP30" s="307"/>
      <c r="BQ30" s="72"/>
      <c r="BR30" s="136" t="s">
        <v>262</v>
      </c>
      <c r="BS30" s="145"/>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V30" s="3" ph="1"/>
    </row>
    <row r="31" spans="1:100" ht="20.25" customHeight="1" x14ac:dyDescent="0.15">
      <c r="A31" s="469"/>
      <c r="B31" s="470"/>
      <c r="C31" s="470"/>
      <c r="D31" s="470"/>
      <c r="E31" s="470"/>
      <c r="F31" s="470"/>
      <c r="G31" s="470"/>
      <c r="H31" s="470"/>
      <c r="I31" s="470"/>
      <c r="J31" s="470"/>
      <c r="K31" s="470"/>
      <c r="L31" s="470"/>
      <c r="M31" s="470"/>
      <c r="N31" s="470"/>
      <c r="O31" s="470"/>
      <c r="P31" s="470"/>
      <c r="Q31" s="470"/>
      <c r="R31" s="470"/>
      <c r="S31" s="470"/>
      <c r="T31" s="470"/>
      <c r="U31" s="470"/>
      <c r="V31" s="470"/>
      <c r="W31" s="470"/>
      <c r="X31" s="470"/>
      <c r="Y31" s="470"/>
      <c r="Z31" s="470"/>
      <c r="AA31" s="470"/>
      <c r="AB31" s="470"/>
      <c r="AC31" s="470"/>
      <c r="AD31" s="470"/>
      <c r="AE31" s="470"/>
      <c r="AF31" s="470"/>
      <c r="AG31" s="470"/>
      <c r="AH31" s="470"/>
      <c r="AI31" s="470"/>
      <c r="AJ31" s="470"/>
      <c r="AK31" s="470"/>
      <c r="AL31" s="471"/>
      <c r="AM31" s="5"/>
      <c r="AN31" s="305"/>
      <c r="AO31" s="306"/>
      <c r="AP31" s="306"/>
      <c r="AQ31" s="306"/>
      <c r="AR31" s="306"/>
      <c r="AS31" s="306"/>
      <c r="AT31" s="306"/>
      <c r="AU31" s="306"/>
      <c r="AV31" s="306"/>
      <c r="AW31" s="306"/>
      <c r="AX31" s="306"/>
      <c r="AY31" s="306"/>
      <c r="AZ31" s="306"/>
      <c r="BA31" s="306"/>
      <c r="BB31" s="306"/>
      <c r="BC31" s="306"/>
      <c r="BD31" s="306"/>
      <c r="BE31" s="306"/>
      <c r="BF31" s="306"/>
      <c r="BG31" s="306"/>
      <c r="BH31" s="306"/>
      <c r="BI31" s="306"/>
      <c r="BJ31" s="306"/>
      <c r="BK31" s="306"/>
      <c r="BL31" s="306"/>
      <c r="BM31" s="306"/>
      <c r="BN31" s="306"/>
      <c r="BO31" s="306"/>
      <c r="BP31" s="307"/>
      <c r="BQ31" s="85"/>
      <c r="BR31" s="292" t="s">
        <v>265</v>
      </c>
      <c r="BS31" s="293"/>
      <c r="BT31" s="293"/>
      <c r="BU31" s="293"/>
      <c r="BV31" s="293"/>
      <c r="BW31" s="293"/>
      <c r="BX31" s="294"/>
      <c r="BY31" s="292" t="s">
        <v>266</v>
      </c>
      <c r="BZ31" s="293"/>
      <c r="CA31" s="293"/>
      <c r="CB31" s="293"/>
      <c r="CC31" s="293"/>
      <c r="CD31" s="293"/>
      <c r="CE31" s="293"/>
      <c r="CF31" s="293"/>
      <c r="CG31" s="294"/>
      <c r="CH31" s="287" t="s">
        <v>411</v>
      </c>
      <c r="CI31" s="287"/>
      <c r="CJ31" s="287"/>
      <c r="CK31" s="287"/>
      <c r="CL31" s="287"/>
      <c r="CM31" s="287"/>
      <c r="CN31" s="33"/>
      <c r="CV31" s="3" ph="1"/>
    </row>
    <row r="32" spans="1:100" ht="20.25" customHeight="1" x14ac:dyDescent="0.15">
      <c r="A32" s="469"/>
      <c r="B32" s="470"/>
      <c r="C32" s="470"/>
      <c r="D32" s="470"/>
      <c r="E32" s="470"/>
      <c r="F32" s="470"/>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c r="AG32" s="470"/>
      <c r="AH32" s="470"/>
      <c r="AI32" s="470"/>
      <c r="AJ32" s="470"/>
      <c r="AK32" s="470"/>
      <c r="AL32" s="471"/>
      <c r="AM32" s="5"/>
      <c r="AN32" s="305"/>
      <c r="AO32" s="306"/>
      <c r="AP32" s="306"/>
      <c r="AQ32" s="306"/>
      <c r="AR32" s="306"/>
      <c r="AS32" s="306"/>
      <c r="AT32" s="306"/>
      <c r="AU32" s="306"/>
      <c r="AV32" s="306"/>
      <c r="AW32" s="306"/>
      <c r="AX32" s="306"/>
      <c r="AY32" s="306"/>
      <c r="AZ32" s="306"/>
      <c r="BA32" s="306"/>
      <c r="BB32" s="306"/>
      <c r="BC32" s="306"/>
      <c r="BD32" s="306"/>
      <c r="BE32" s="306"/>
      <c r="BF32" s="306"/>
      <c r="BG32" s="306"/>
      <c r="BH32" s="306"/>
      <c r="BI32" s="306"/>
      <c r="BJ32" s="306"/>
      <c r="BK32" s="306"/>
      <c r="BL32" s="306"/>
      <c r="BM32" s="306"/>
      <c r="BN32" s="306"/>
      <c r="BO32" s="306"/>
      <c r="BP32" s="307"/>
      <c r="BQ32" s="53"/>
      <c r="BR32" s="295"/>
      <c r="BS32" s="296"/>
      <c r="BT32" s="296"/>
      <c r="BU32" s="296"/>
      <c r="BV32" s="296"/>
      <c r="BW32" s="296"/>
      <c r="BX32" s="297"/>
      <c r="BY32" s="295"/>
      <c r="BZ32" s="296"/>
      <c r="CA32" s="296"/>
      <c r="CB32" s="296"/>
      <c r="CC32" s="296"/>
      <c r="CD32" s="296"/>
      <c r="CE32" s="296"/>
      <c r="CF32" s="296"/>
      <c r="CG32" s="297"/>
      <c r="CH32" s="287"/>
      <c r="CI32" s="287"/>
      <c r="CJ32" s="287"/>
      <c r="CK32" s="287"/>
      <c r="CL32" s="287"/>
      <c r="CM32" s="287"/>
      <c r="CV32" s="3" ph="1"/>
    </row>
    <row r="33" spans="1:91" ht="20.25" customHeight="1" x14ac:dyDescent="0.15">
      <c r="A33" s="469"/>
      <c r="B33" s="470"/>
      <c r="C33" s="470"/>
      <c r="D33" s="470"/>
      <c r="E33" s="470"/>
      <c r="F33" s="470"/>
      <c r="G33" s="470"/>
      <c r="H33" s="470"/>
      <c r="I33" s="470"/>
      <c r="J33" s="470"/>
      <c r="K33" s="470"/>
      <c r="L33" s="470"/>
      <c r="M33" s="470"/>
      <c r="N33" s="470"/>
      <c r="O33" s="470"/>
      <c r="P33" s="470"/>
      <c r="Q33" s="470"/>
      <c r="R33" s="470"/>
      <c r="S33" s="470"/>
      <c r="T33" s="470"/>
      <c r="U33" s="470"/>
      <c r="V33" s="470"/>
      <c r="W33" s="470"/>
      <c r="X33" s="470"/>
      <c r="Y33" s="470"/>
      <c r="Z33" s="470"/>
      <c r="AA33" s="470"/>
      <c r="AB33" s="470"/>
      <c r="AC33" s="470"/>
      <c r="AD33" s="470"/>
      <c r="AE33" s="470"/>
      <c r="AF33" s="470"/>
      <c r="AG33" s="470"/>
      <c r="AH33" s="470"/>
      <c r="AI33" s="470"/>
      <c r="AJ33" s="470"/>
      <c r="AK33" s="470"/>
      <c r="AL33" s="471"/>
      <c r="AM33" s="5"/>
      <c r="AN33" s="308"/>
      <c r="AO33" s="309"/>
      <c r="AP33" s="309"/>
      <c r="AQ33" s="309"/>
      <c r="AR33" s="309"/>
      <c r="AS33" s="309"/>
      <c r="AT33" s="309"/>
      <c r="AU33" s="309"/>
      <c r="AV33" s="309"/>
      <c r="AW33" s="309"/>
      <c r="AX33" s="309"/>
      <c r="AY33" s="309"/>
      <c r="AZ33" s="309"/>
      <c r="BA33" s="309"/>
      <c r="BB33" s="309"/>
      <c r="BC33" s="309"/>
      <c r="BD33" s="309"/>
      <c r="BE33" s="309"/>
      <c r="BF33" s="309"/>
      <c r="BG33" s="309"/>
      <c r="BH33" s="309"/>
      <c r="BI33" s="309"/>
      <c r="BJ33" s="309"/>
      <c r="BK33" s="309"/>
      <c r="BL33" s="309"/>
      <c r="BM33" s="309"/>
      <c r="BN33" s="309"/>
      <c r="BO33" s="309"/>
      <c r="BP33" s="310"/>
      <c r="BQ33" s="72"/>
      <c r="BR33" s="292" t="s">
        <v>267</v>
      </c>
      <c r="BS33" s="293"/>
      <c r="BT33" s="293"/>
      <c r="BU33" s="293"/>
      <c r="BV33" s="293"/>
      <c r="BW33" s="293"/>
      <c r="BX33" s="294"/>
      <c r="BY33" s="284">
        <v>1999</v>
      </c>
      <c r="BZ33" s="285"/>
      <c r="CA33" s="285"/>
      <c r="CB33" s="285"/>
      <c r="CC33" s="285"/>
      <c r="CD33" s="285"/>
      <c r="CE33" s="285"/>
      <c r="CF33" s="285"/>
      <c r="CG33" s="288"/>
      <c r="CH33" s="286">
        <v>1.0432399999999999</v>
      </c>
      <c r="CI33" s="286"/>
      <c r="CJ33" s="286"/>
      <c r="CK33" s="286"/>
      <c r="CL33" s="286"/>
      <c r="CM33" s="286"/>
    </row>
    <row r="34" spans="1:91" ht="17.25" customHeight="1" x14ac:dyDescent="0.15">
      <c r="A34" s="472"/>
      <c r="B34" s="473"/>
      <c r="C34" s="473"/>
      <c r="D34" s="473"/>
      <c r="E34" s="473"/>
      <c r="F34" s="473"/>
      <c r="G34" s="473"/>
      <c r="H34" s="473"/>
      <c r="I34" s="473"/>
      <c r="J34" s="473"/>
      <c r="K34" s="473"/>
      <c r="L34" s="473"/>
      <c r="M34" s="473"/>
      <c r="N34" s="473"/>
      <c r="O34" s="473"/>
      <c r="P34" s="473"/>
      <c r="Q34" s="473"/>
      <c r="R34" s="473"/>
      <c r="S34" s="473"/>
      <c r="T34" s="473"/>
      <c r="U34" s="473"/>
      <c r="V34" s="473"/>
      <c r="W34" s="473"/>
      <c r="X34" s="473"/>
      <c r="Y34" s="473"/>
      <c r="Z34" s="473"/>
      <c r="AA34" s="473"/>
      <c r="AB34" s="473"/>
      <c r="AC34" s="473"/>
      <c r="AD34" s="473"/>
      <c r="AE34" s="473"/>
      <c r="AF34" s="473"/>
      <c r="AG34" s="473"/>
      <c r="AH34" s="473"/>
      <c r="AI34" s="473"/>
      <c r="AJ34" s="473"/>
      <c r="AK34" s="473"/>
      <c r="AL34" s="474"/>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row>
    <row r="35" spans="1:91" ht="17.25" customHeight="1" x14ac:dyDescent="0.15">
      <c r="A35" s="255" t="s">
        <v>274</v>
      </c>
      <c r="B35" s="255"/>
      <c r="C35" s="255"/>
      <c r="D35" s="255"/>
      <c r="E35" s="255"/>
      <c r="F35" s="255"/>
      <c r="G35" s="255"/>
      <c r="H35" s="255"/>
      <c r="I35" s="255"/>
      <c r="J35" s="255"/>
      <c r="K35" s="255"/>
      <c r="L35" s="255"/>
      <c r="M35" s="255"/>
      <c r="N35" s="129"/>
      <c r="O35" s="255" t="s">
        <v>275</v>
      </c>
      <c r="P35" s="255"/>
      <c r="Q35" s="255"/>
      <c r="R35" s="255"/>
      <c r="S35" s="255"/>
      <c r="T35" s="255"/>
      <c r="U35" s="255"/>
      <c r="V35" s="255"/>
      <c r="W35" s="255"/>
      <c r="X35" s="255"/>
      <c r="Y35" s="255"/>
      <c r="Z35" s="255"/>
      <c r="AA35" s="255"/>
      <c r="AB35" s="255"/>
      <c r="AC35" s="255"/>
      <c r="AD35" s="255"/>
      <c r="AE35" s="255"/>
      <c r="AF35" s="255"/>
      <c r="AG35" s="255"/>
      <c r="AH35" s="255"/>
      <c r="AI35" s="255"/>
      <c r="AJ35" s="255"/>
      <c r="AK35" s="255"/>
      <c r="AL35" s="255"/>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41742</v>
      </c>
      <c r="BZ35" s="681"/>
      <c r="CA35" s="682"/>
      <c r="CB35" s="682"/>
      <c r="CC35" s="682"/>
      <c r="CD35" s="682"/>
      <c r="CE35" s="682"/>
      <c r="CF35" s="682"/>
      <c r="CG35" s="682"/>
      <c r="CH35" s="683">
        <v>21.784420000000001</v>
      </c>
      <c r="CI35" s="683"/>
      <c r="CJ35" s="683"/>
      <c r="CK35" s="683"/>
      <c r="CL35" s="683"/>
      <c r="CM35" s="683"/>
    </row>
    <row r="36" spans="1:91" ht="17.25" customHeight="1" x14ac:dyDescent="0.15">
      <c r="A36" s="311" t="s">
        <v>49</v>
      </c>
      <c r="B36" s="312"/>
      <c r="C36" s="312"/>
      <c r="D36" s="312"/>
      <c r="E36" s="312"/>
      <c r="F36" s="312"/>
      <c r="G36" s="312"/>
      <c r="H36" s="312"/>
      <c r="I36" s="312"/>
      <c r="J36" s="312"/>
      <c r="K36" s="312"/>
      <c r="L36" s="312"/>
      <c r="M36" s="313"/>
      <c r="N36" s="152"/>
      <c r="O36" s="311" t="s">
        <v>230</v>
      </c>
      <c r="P36" s="963"/>
      <c r="Q36" s="963"/>
      <c r="R36" s="963"/>
      <c r="S36" s="963"/>
      <c r="T36" s="963"/>
      <c r="U36" s="963"/>
      <c r="V36" s="963"/>
      <c r="W36" s="963"/>
      <c r="X36" s="963"/>
      <c r="Y36" s="963"/>
      <c r="Z36" s="963"/>
      <c r="AA36" s="963"/>
      <c r="AB36" s="963"/>
      <c r="AC36" s="963"/>
      <c r="AD36" s="963"/>
      <c r="AE36" s="963"/>
      <c r="AF36" s="963"/>
      <c r="AG36" s="963"/>
      <c r="AH36" s="963"/>
      <c r="AI36" s="963"/>
      <c r="AJ36" s="963"/>
      <c r="AK36" s="963"/>
      <c r="AL36" s="964"/>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row>
    <row r="37" spans="1:91" ht="17.25" customHeight="1" x14ac:dyDescent="0.15">
      <c r="A37" s="251">
        <v>25406</v>
      </c>
      <c r="B37" s="690"/>
      <c r="C37" s="690"/>
      <c r="D37" s="690"/>
      <c r="E37" s="690"/>
      <c r="F37" s="690"/>
      <c r="G37" s="690"/>
      <c r="H37" s="690"/>
      <c r="I37" s="690"/>
      <c r="J37" s="690"/>
      <c r="K37" s="690"/>
      <c r="L37" s="690"/>
      <c r="M37" s="691"/>
      <c r="N37" s="144"/>
      <c r="O37" s="216" t="s">
        <v>55</v>
      </c>
      <c r="P37" s="217"/>
      <c r="Q37" s="217"/>
      <c r="R37" s="217"/>
      <c r="S37" s="217"/>
      <c r="T37" s="217"/>
      <c r="U37" s="217"/>
      <c r="V37" s="217"/>
      <c r="W37" s="217"/>
      <c r="X37" s="217"/>
      <c r="Y37" s="217"/>
      <c r="Z37" s="217"/>
      <c r="AA37" s="961"/>
      <c r="AB37" s="961"/>
      <c r="AC37" s="961"/>
      <c r="AD37" s="961"/>
      <c r="AE37" s="961"/>
      <c r="AF37" s="961"/>
      <c r="AG37" s="961"/>
      <c r="AH37" s="961"/>
      <c r="AI37" s="961"/>
      <c r="AJ37" s="961"/>
      <c r="AK37" s="961"/>
      <c r="AL37" s="962"/>
      <c r="AM37" s="5"/>
      <c r="AN37" s="287" t="s">
        <v>399</v>
      </c>
      <c r="AO37" s="287"/>
      <c r="AP37" s="287"/>
      <c r="AQ37" s="287"/>
      <c r="AR37" s="287"/>
      <c r="AS37" s="287"/>
      <c r="AT37" s="287"/>
      <c r="AU37" s="287"/>
      <c r="AV37" s="287"/>
      <c r="AW37" s="681">
        <v>423894</v>
      </c>
      <c r="AX37" s="681"/>
      <c r="AY37" s="681"/>
      <c r="AZ37" s="681"/>
      <c r="BA37" s="681"/>
      <c r="BB37" s="681"/>
      <c r="BC37" s="681"/>
      <c r="BD37" s="681"/>
      <c r="BE37" s="681"/>
      <c r="BF37" s="681"/>
      <c r="BG37" s="681">
        <v>180170</v>
      </c>
      <c r="BH37" s="681"/>
      <c r="BI37" s="681"/>
      <c r="BJ37" s="681"/>
      <c r="BK37" s="681"/>
      <c r="BL37" s="681"/>
      <c r="BM37" s="681"/>
      <c r="BN37" s="681"/>
      <c r="BO37" s="681"/>
      <c r="BP37" s="681"/>
      <c r="BQ37" s="149"/>
      <c r="BR37" s="680" t="s">
        <v>273</v>
      </c>
      <c r="BS37" s="680"/>
      <c r="BT37" s="680"/>
      <c r="BU37" s="680"/>
      <c r="BV37" s="680"/>
      <c r="BW37" s="680"/>
      <c r="BX37" s="680"/>
      <c r="BY37" s="681">
        <v>147873</v>
      </c>
      <c r="BZ37" s="681"/>
      <c r="CA37" s="682"/>
      <c r="CB37" s="682"/>
      <c r="CC37" s="682"/>
      <c r="CD37" s="682"/>
      <c r="CE37" s="682"/>
      <c r="CF37" s="682"/>
      <c r="CG37" s="682"/>
      <c r="CH37" s="683">
        <v>77.172340000000005</v>
      </c>
      <c r="CI37" s="683"/>
      <c r="CJ37" s="683"/>
      <c r="CK37" s="683"/>
      <c r="CL37" s="683"/>
      <c r="CM37" s="683"/>
    </row>
    <row r="38" spans="1:91" ht="17.25" customHeight="1" x14ac:dyDescent="0.15">
      <c r="A38" s="324" t="s">
        <v>50</v>
      </c>
      <c r="B38" s="692"/>
      <c r="C38" s="692"/>
      <c r="D38" s="692"/>
      <c r="E38" s="692"/>
      <c r="F38" s="692"/>
      <c r="G38" s="692"/>
      <c r="H38" s="692"/>
      <c r="I38" s="692"/>
      <c r="J38" s="692"/>
      <c r="K38" s="692"/>
      <c r="L38" s="692"/>
      <c r="M38" s="693"/>
      <c r="N38" s="143"/>
      <c r="O38" s="272" t="s">
        <v>318</v>
      </c>
      <c r="P38" s="961"/>
      <c r="Q38" s="961"/>
      <c r="R38" s="961"/>
      <c r="S38" s="961"/>
      <c r="T38" s="961"/>
      <c r="U38" s="961"/>
      <c r="V38" s="961"/>
      <c r="W38" s="961"/>
      <c r="X38" s="961"/>
      <c r="Y38" s="961"/>
      <c r="Z38" s="961"/>
      <c r="AA38" s="961"/>
      <c r="AB38" s="961"/>
      <c r="AC38" s="961"/>
      <c r="AD38" s="961"/>
      <c r="AE38" s="961"/>
      <c r="AF38" s="961"/>
      <c r="AG38" s="961"/>
      <c r="AH38" s="961"/>
      <c r="AI38" s="961"/>
      <c r="AJ38" s="961"/>
      <c r="AK38" s="961"/>
      <c r="AL38" s="962"/>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row>
    <row r="39" spans="1:91" ht="17.25" customHeight="1" x14ac:dyDescent="0.15">
      <c r="A39" s="251">
        <v>30124</v>
      </c>
      <c r="B39" s="690"/>
      <c r="C39" s="690"/>
      <c r="D39" s="690"/>
      <c r="E39" s="690"/>
      <c r="F39" s="690"/>
      <c r="G39" s="690"/>
      <c r="H39" s="690"/>
      <c r="I39" s="690"/>
      <c r="J39" s="690"/>
      <c r="K39" s="690"/>
      <c r="L39" s="690"/>
      <c r="M39" s="691"/>
      <c r="N39" s="143"/>
      <c r="O39" s="272" t="s">
        <v>56</v>
      </c>
      <c r="P39" s="961"/>
      <c r="Q39" s="961"/>
      <c r="R39" s="961"/>
      <c r="S39" s="961"/>
      <c r="T39" s="961"/>
      <c r="U39" s="961"/>
      <c r="V39" s="961"/>
      <c r="W39" s="961"/>
      <c r="X39" s="961"/>
      <c r="Y39" s="961"/>
      <c r="Z39" s="961"/>
      <c r="AA39" s="961"/>
      <c r="AB39" s="961"/>
      <c r="AC39" s="961"/>
      <c r="AD39" s="961"/>
      <c r="AE39" s="961"/>
      <c r="AF39" s="961"/>
      <c r="AG39" s="961"/>
      <c r="AH39" s="961"/>
      <c r="AI39" s="961"/>
      <c r="AJ39" s="961"/>
      <c r="AK39" s="961"/>
      <c r="AL39" s="962"/>
      <c r="AM39" s="5"/>
      <c r="AN39" s="300" t="s">
        <v>1059</v>
      </c>
      <c r="AO39" s="300"/>
      <c r="AP39" s="300"/>
      <c r="AQ39" s="300"/>
      <c r="AR39" s="300"/>
      <c r="AS39" s="300"/>
      <c r="AT39" s="300"/>
      <c r="AU39" s="300"/>
      <c r="AV39" s="300"/>
      <c r="AW39" s="681">
        <v>436905</v>
      </c>
      <c r="AX39" s="681"/>
      <c r="AY39" s="681"/>
      <c r="AZ39" s="682"/>
      <c r="BA39" s="682"/>
      <c r="BB39" s="682"/>
      <c r="BC39" s="682"/>
      <c r="BD39" s="682"/>
      <c r="BE39" s="682"/>
      <c r="BF39" s="682"/>
      <c r="BG39" s="681">
        <v>193204</v>
      </c>
      <c r="BH39" s="681"/>
      <c r="BI39" s="681"/>
      <c r="BJ39" s="681"/>
      <c r="BK39" s="681"/>
      <c r="BL39" s="681"/>
      <c r="BM39" s="681"/>
      <c r="BN39" s="681"/>
      <c r="BO39" s="681"/>
      <c r="BP39" s="681"/>
      <c r="BQ39" s="149"/>
      <c r="BR39" s="301" t="s">
        <v>1119</v>
      </c>
      <c r="BS39" s="293"/>
      <c r="BT39" s="293"/>
      <c r="BU39" s="293"/>
      <c r="BV39" s="293"/>
      <c r="BW39" s="293"/>
      <c r="BX39" s="294"/>
      <c r="BY39" s="681">
        <v>198078</v>
      </c>
      <c r="BZ39" s="681"/>
      <c r="CA39" s="682"/>
      <c r="CB39" s="682"/>
      <c r="CC39" s="682"/>
      <c r="CD39" s="682"/>
      <c r="CE39" s="682"/>
      <c r="CF39" s="682"/>
      <c r="CG39" s="682"/>
      <c r="CH39" s="683">
        <v>100</v>
      </c>
      <c r="CI39" s="683"/>
      <c r="CJ39" s="683"/>
      <c r="CK39" s="683"/>
      <c r="CL39" s="683"/>
      <c r="CM39" s="683"/>
    </row>
    <row r="40" spans="1:91" ht="17.25" customHeight="1" x14ac:dyDescent="0.15">
      <c r="A40" s="216" t="s">
        <v>51</v>
      </c>
      <c r="B40" s="692"/>
      <c r="C40" s="692"/>
      <c r="D40" s="692"/>
      <c r="E40" s="692"/>
      <c r="F40" s="692"/>
      <c r="G40" s="692"/>
      <c r="H40" s="692"/>
      <c r="I40" s="692"/>
      <c r="J40" s="692"/>
      <c r="K40" s="692"/>
      <c r="L40" s="692"/>
      <c r="M40" s="693"/>
      <c r="N40" s="143"/>
      <c r="O40" s="216" t="s">
        <v>57</v>
      </c>
      <c r="P40" s="217"/>
      <c r="Q40" s="217"/>
      <c r="R40" s="217"/>
      <c r="S40" s="217"/>
      <c r="T40" s="217"/>
      <c r="U40" s="217"/>
      <c r="V40" s="217"/>
      <c r="W40" s="217"/>
      <c r="X40" s="217"/>
      <c r="Y40" s="217"/>
      <c r="Z40" s="217"/>
      <c r="AA40" s="217"/>
      <c r="AB40" s="217"/>
      <c r="AC40" s="217"/>
      <c r="AD40" s="217"/>
      <c r="AE40" s="217"/>
      <c r="AF40" s="217"/>
      <c r="AG40" s="217"/>
      <c r="AH40" s="217"/>
      <c r="AI40" s="217"/>
      <c r="AJ40" s="217"/>
      <c r="AK40" s="217"/>
      <c r="AL40" s="218"/>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91" ht="17.25" customHeight="1" x14ac:dyDescent="0.15">
      <c r="A41" s="269">
        <v>32864</v>
      </c>
      <c r="B41" s="690"/>
      <c r="C41" s="690"/>
      <c r="D41" s="690"/>
      <c r="E41" s="690"/>
      <c r="F41" s="690"/>
      <c r="G41" s="690"/>
      <c r="H41" s="690"/>
      <c r="I41" s="690"/>
      <c r="J41" s="690"/>
      <c r="K41" s="690"/>
      <c r="L41" s="690"/>
      <c r="M41" s="691"/>
      <c r="N41" s="144"/>
      <c r="O41" s="771" t="s">
        <v>1705</v>
      </c>
      <c r="P41" s="772"/>
      <c r="Q41" s="772"/>
      <c r="R41" s="772"/>
      <c r="S41" s="772"/>
      <c r="T41" s="772"/>
      <c r="U41" s="772"/>
      <c r="V41" s="772"/>
      <c r="W41" s="772"/>
      <c r="X41" s="772"/>
      <c r="Y41" s="772"/>
      <c r="Z41" s="772"/>
      <c r="AA41" s="772"/>
      <c r="AB41" s="772"/>
      <c r="AC41" s="772"/>
      <c r="AD41" s="772"/>
      <c r="AE41" s="772"/>
      <c r="AF41" s="772"/>
      <c r="AG41" s="772"/>
      <c r="AH41" s="772"/>
      <c r="AI41" s="772"/>
      <c r="AJ41" s="772"/>
      <c r="AK41" s="772"/>
      <c r="AL41" s="773"/>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91" ht="17.25" customHeight="1" x14ac:dyDescent="0.15">
      <c r="A42" s="216" t="s">
        <v>52</v>
      </c>
      <c r="B42" s="692"/>
      <c r="C42" s="692"/>
      <c r="D42" s="692"/>
      <c r="E42" s="692"/>
      <c r="F42" s="692"/>
      <c r="G42" s="692"/>
      <c r="H42" s="692"/>
      <c r="I42" s="692"/>
      <c r="J42" s="692"/>
      <c r="K42" s="692"/>
      <c r="L42" s="692"/>
      <c r="M42" s="693"/>
      <c r="N42" s="184"/>
      <c r="O42" s="752"/>
      <c r="P42" s="753"/>
      <c r="Q42" s="753"/>
      <c r="R42" s="753"/>
      <c r="S42" s="753"/>
      <c r="T42" s="753"/>
      <c r="U42" s="753"/>
      <c r="V42" s="753"/>
      <c r="W42" s="753"/>
      <c r="X42" s="753"/>
      <c r="Y42" s="753"/>
      <c r="Z42" s="753"/>
      <c r="AA42" s="753"/>
      <c r="AB42" s="753"/>
      <c r="AC42" s="753"/>
      <c r="AD42" s="753"/>
      <c r="AE42" s="753"/>
      <c r="AF42" s="753"/>
      <c r="AG42" s="753"/>
      <c r="AH42" s="753"/>
      <c r="AI42" s="753"/>
      <c r="AJ42" s="753"/>
      <c r="AK42" s="753"/>
      <c r="AL42" s="754"/>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91" ht="17.25" customHeight="1" x14ac:dyDescent="0.15">
      <c r="A43" s="251">
        <v>40452</v>
      </c>
      <c r="B43" s="690"/>
      <c r="C43" s="690"/>
      <c r="D43" s="690"/>
      <c r="E43" s="690"/>
      <c r="F43" s="690"/>
      <c r="G43" s="690"/>
      <c r="H43" s="690"/>
      <c r="I43" s="690"/>
      <c r="J43" s="690"/>
      <c r="K43" s="690"/>
      <c r="L43" s="690"/>
      <c r="M43" s="691"/>
      <c r="N43" s="187"/>
      <c r="O43" s="752"/>
      <c r="P43" s="753"/>
      <c r="Q43" s="753"/>
      <c r="R43" s="753"/>
      <c r="S43" s="753"/>
      <c r="T43" s="753"/>
      <c r="U43" s="753"/>
      <c r="V43" s="753"/>
      <c r="W43" s="753"/>
      <c r="X43" s="753"/>
      <c r="Y43" s="753"/>
      <c r="Z43" s="753"/>
      <c r="AA43" s="753"/>
      <c r="AB43" s="753"/>
      <c r="AC43" s="753"/>
      <c r="AD43" s="753"/>
      <c r="AE43" s="753"/>
      <c r="AF43" s="753"/>
      <c r="AG43" s="753"/>
      <c r="AH43" s="753"/>
      <c r="AI43" s="753"/>
      <c r="AJ43" s="753"/>
      <c r="AK43" s="753"/>
      <c r="AL43" s="754"/>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91" ht="17.25" customHeight="1" x14ac:dyDescent="0.15">
      <c r="A44" s="216" t="s">
        <v>856</v>
      </c>
      <c r="B44" s="692"/>
      <c r="C44" s="692"/>
      <c r="D44" s="692"/>
      <c r="E44" s="692"/>
      <c r="F44" s="692"/>
      <c r="G44" s="692"/>
      <c r="H44" s="692"/>
      <c r="I44" s="692"/>
      <c r="J44" s="692"/>
      <c r="K44" s="692"/>
      <c r="L44" s="692"/>
      <c r="M44" s="693"/>
      <c r="N44" s="177"/>
      <c r="O44" s="752"/>
      <c r="P44" s="753"/>
      <c r="Q44" s="753"/>
      <c r="R44" s="753"/>
      <c r="S44" s="753"/>
      <c r="T44" s="753"/>
      <c r="U44" s="753"/>
      <c r="V44" s="753"/>
      <c r="W44" s="753"/>
      <c r="X44" s="753"/>
      <c r="Y44" s="753"/>
      <c r="Z44" s="753"/>
      <c r="AA44" s="753"/>
      <c r="AB44" s="753"/>
      <c r="AC44" s="753"/>
      <c r="AD44" s="753"/>
      <c r="AE44" s="753"/>
      <c r="AF44" s="753"/>
      <c r="AG44" s="753"/>
      <c r="AH44" s="753"/>
      <c r="AI44" s="753"/>
      <c r="AJ44" s="753"/>
      <c r="AK44" s="753"/>
      <c r="AL44" s="754"/>
      <c r="AM44" s="5"/>
      <c r="AN44" s="957">
        <v>6281</v>
      </c>
      <c r="AO44" s="958"/>
      <c r="AP44" s="958"/>
      <c r="AQ44" s="958"/>
      <c r="AR44" s="958"/>
      <c r="AS44" s="727" t="s">
        <v>383</v>
      </c>
      <c r="AT44" s="727"/>
      <c r="AU44" s="727"/>
      <c r="AV44" s="728"/>
      <c r="AW44" s="710">
        <v>24.9</v>
      </c>
      <c r="AX44" s="711"/>
      <c r="AY44" s="711"/>
      <c r="AZ44" s="711"/>
      <c r="BA44" s="711"/>
      <c r="BB44" s="711"/>
      <c r="BC44" s="706" t="s">
        <v>384</v>
      </c>
      <c r="BD44" s="706"/>
      <c r="BE44" s="706"/>
      <c r="BF44" s="707"/>
      <c r="BG44" s="710">
        <v>92.9</v>
      </c>
      <c r="BH44" s="711"/>
      <c r="BI44" s="711"/>
      <c r="BJ44" s="711"/>
      <c r="BK44" s="711"/>
      <c r="BL44" s="711"/>
      <c r="BM44" s="706" t="s">
        <v>384</v>
      </c>
      <c r="BN44" s="706"/>
      <c r="BO44" s="706"/>
      <c r="BP44" s="707"/>
      <c r="BQ44" s="130"/>
      <c r="BR44" s="714">
        <v>69.56</v>
      </c>
      <c r="BS44" s="715"/>
      <c r="BT44" s="715"/>
      <c r="BU44" s="715"/>
      <c r="BV44" s="715"/>
      <c r="BW44" s="715"/>
      <c r="BX44" s="715"/>
      <c r="BY44" s="696" t="s">
        <v>385</v>
      </c>
      <c r="BZ44" s="696"/>
      <c r="CA44" s="696"/>
      <c r="CB44" s="697"/>
      <c r="CC44" s="718">
        <v>4799</v>
      </c>
      <c r="CD44" s="719"/>
      <c r="CE44" s="719"/>
      <c r="CF44" s="719"/>
      <c r="CG44" s="719"/>
      <c r="CH44" s="719"/>
      <c r="CI44" s="719"/>
      <c r="CJ44" s="696" t="s">
        <v>386</v>
      </c>
      <c r="CK44" s="696"/>
      <c r="CL44" s="696"/>
      <c r="CM44" s="697"/>
    </row>
    <row r="45" spans="1:91" ht="17.25" customHeight="1" x14ac:dyDescent="0.15">
      <c r="A45" s="251" t="s">
        <v>858</v>
      </c>
      <c r="B45" s="690"/>
      <c r="C45" s="690"/>
      <c r="D45" s="690"/>
      <c r="E45" s="690"/>
      <c r="F45" s="690"/>
      <c r="G45" s="690"/>
      <c r="H45" s="690"/>
      <c r="I45" s="690"/>
      <c r="J45" s="690"/>
      <c r="K45" s="690"/>
      <c r="L45" s="690"/>
      <c r="M45" s="691"/>
      <c r="N45" s="87"/>
      <c r="O45" s="752"/>
      <c r="P45" s="753"/>
      <c r="Q45" s="753"/>
      <c r="R45" s="753"/>
      <c r="S45" s="753"/>
      <c r="T45" s="753"/>
      <c r="U45" s="753"/>
      <c r="V45" s="753"/>
      <c r="W45" s="753"/>
      <c r="X45" s="753"/>
      <c r="Y45" s="753"/>
      <c r="Z45" s="753"/>
      <c r="AA45" s="753"/>
      <c r="AB45" s="753"/>
      <c r="AC45" s="753"/>
      <c r="AD45" s="753"/>
      <c r="AE45" s="753"/>
      <c r="AF45" s="753"/>
      <c r="AG45" s="753"/>
      <c r="AH45" s="753"/>
      <c r="AI45" s="753"/>
      <c r="AJ45" s="753"/>
      <c r="AK45" s="753"/>
      <c r="AL45" s="754"/>
      <c r="AM45" s="5"/>
      <c r="AN45" s="959"/>
      <c r="AO45" s="960"/>
      <c r="AP45" s="960"/>
      <c r="AQ45" s="960"/>
      <c r="AR45" s="960"/>
      <c r="AS45" s="282"/>
      <c r="AT45" s="282"/>
      <c r="AU45" s="282"/>
      <c r="AV45" s="283"/>
      <c r="AW45" s="712"/>
      <c r="AX45" s="713"/>
      <c r="AY45" s="713"/>
      <c r="AZ45" s="713"/>
      <c r="BA45" s="713"/>
      <c r="BB45" s="713"/>
      <c r="BC45" s="708"/>
      <c r="BD45" s="708"/>
      <c r="BE45" s="708"/>
      <c r="BF45" s="709"/>
      <c r="BG45" s="712"/>
      <c r="BH45" s="713"/>
      <c r="BI45" s="713"/>
      <c r="BJ45" s="713"/>
      <c r="BK45" s="713"/>
      <c r="BL45" s="713"/>
      <c r="BM45" s="708"/>
      <c r="BN45" s="708"/>
      <c r="BO45" s="708"/>
      <c r="BP45" s="709"/>
      <c r="BQ45" s="130"/>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91" ht="17.25" customHeight="1" x14ac:dyDescent="0.15">
      <c r="A46" s="956" t="s">
        <v>859</v>
      </c>
      <c r="B46" s="690"/>
      <c r="C46" s="690"/>
      <c r="D46" s="690"/>
      <c r="E46" s="690"/>
      <c r="F46" s="690"/>
      <c r="G46" s="690"/>
      <c r="H46" s="690"/>
      <c r="I46" s="690"/>
      <c r="J46" s="690"/>
      <c r="K46" s="690"/>
      <c r="L46" s="690"/>
      <c r="M46" s="691"/>
      <c r="N46" s="177"/>
      <c r="O46" s="948"/>
      <c r="P46" s="949"/>
      <c r="Q46" s="949"/>
      <c r="R46" s="949"/>
      <c r="S46" s="949"/>
      <c r="T46" s="949"/>
      <c r="U46" s="949"/>
      <c r="V46" s="949"/>
      <c r="W46" s="949"/>
      <c r="X46" s="949"/>
      <c r="Y46" s="949"/>
      <c r="Z46" s="949"/>
      <c r="AA46" s="949"/>
      <c r="AB46" s="949"/>
      <c r="AC46" s="949"/>
      <c r="AD46" s="949"/>
      <c r="AE46" s="949"/>
      <c r="AF46" s="949"/>
      <c r="AG46" s="949"/>
      <c r="AH46" s="949"/>
      <c r="AI46" s="949"/>
      <c r="AJ46" s="949"/>
      <c r="AK46" s="949"/>
      <c r="AL46" s="950"/>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91" ht="17.25" customHeight="1" x14ac:dyDescent="0.15">
      <c r="A47" s="216" t="s">
        <v>1081</v>
      </c>
      <c r="B47" s="692"/>
      <c r="C47" s="692"/>
      <c r="D47" s="692"/>
      <c r="E47" s="692"/>
      <c r="F47" s="692"/>
      <c r="G47" s="692"/>
      <c r="H47" s="692"/>
      <c r="I47" s="692"/>
      <c r="J47" s="692"/>
      <c r="K47" s="692"/>
      <c r="L47" s="692"/>
      <c r="M47" s="693"/>
      <c r="N47" s="87"/>
      <c r="O47" s="948"/>
      <c r="P47" s="949"/>
      <c r="Q47" s="949"/>
      <c r="R47" s="949"/>
      <c r="S47" s="949"/>
      <c r="T47" s="949"/>
      <c r="U47" s="949"/>
      <c r="V47" s="949"/>
      <c r="W47" s="949"/>
      <c r="X47" s="949"/>
      <c r="Y47" s="949"/>
      <c r="Z47" s="949"/>
      <c r="AA47" s="949"/>
      <c r="AB47" s="949"/>
      <c r="AC47" s="949"/>
      <c r="AD47" s="949"/>
      <c r="AE47" s="949"/>
      <c r="AF47" s="949"/>
      <c r="AG47" s="949"/>
      <c r="AH47" s="949"/>
      <c r="AI47" s="949"/>
      <c r="AJ47" s="949"/>
      <c r="AK47" s="949"/>
      <c r="AL47" s="950"/>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91" ht="17.25" customHeight="1" x14ac:dyDescent="0.15">
      <c r="A48" s="251" t="s">
        <v>1082</v>
      </c>
      <c r="B48" s="690"/>
      <c r="C48" s="690"/>
      <c r="D48" s="690"/>
      <c r="E48" s="690"/>
      <c r="F48" s="690"/>
      <c r="G48" s="690"/>
      <c r="H48" s="690"/>
      <c r="I48" s="690"/>
      <c r="J48" s="690"/>
      <c r="K48" s="690"/>
      <c r="L48" s="690"/>
      <c r="M48" s="691"/>
      <c r="N48" s="140"/>
      <c r="O48" s="948"/>
      <c r="P48" s="949"/>
      <c r="Q48" s="949"/>
      <c r="R48" s="949"/>
      <c r="S48" s="949"/>
      <c r="T48" s="949"/>
      <c r="U48" s="949"/>
      <c r="V48" s="949"/>
      <c r="W48" s="949"/>
      <c r="X48" s="949"/>
      <c r="Y48" s="949"/>
      <c r="Z48" s="949"/>
      <c r="AA48" s="949"/>
      <c r="AB48" s="949"/>
      <c r="AC48" s="949"/>
      <c r="AD48" s="949"/>
      <c r="AE48" s="949"/>
      <c r="AF48" s="949"/>
      <c r="AG48" s="949"/>
      <c r="AH48" s="949"/>
      <c r="AI48" s="949"/>
      <c r="AJ48" s="949"/>
      <c r="AK48" s="949"/>
      <c r="AL48" s="950"/>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87"/>
      <c r="O49" s="948"/>
      <c r="P49" s="949"/>
      <c r="Q49" s="949"/>
      <c r="R49" s="949"/>
      <c r="S49" s="949"/>
      <c r="T49" s="949"/>
      <c r="U49" s="949"/>
      <c r="V49" s="949"/>
      <c r="W49" s="949"/>
      <c r="X49" s="949"/>
      <c r="Y49" s="949"/>
      <c r="Z49" s="949"/>
      <c r="AA49" s="949"/>
      <c r="AB49" s="949"/>
      <c r="AC49" s="949"/>
      <c r="AD49" s="949"/>
      <c r="AE49" s="949"/>
      <c r="AF49" s="949"/>
      <c r="AG49" s="949"/>
      <c r="AH49" s="949"/>
      <c r="AI49" s="949"/>
      <c r="AJ49" s="949"/>
      <c r="AK49" s="949"/>
      <c r="AL49" s="950"/>
      <c r="AM49" s="5"/>
      <c r="AN49" s="223">
        <v>92308.993000000002</v>
      </c>
      <c r="AO49" s="224"/>
      <c r="AP49" s="224"/>
      <c r="AQ49" s="224"/>
      <c r="AR49" s="224"/>
      <c r="AS49" s="224"/>
      <c r="AT49" s="225"/>
      <c r="AU49" s="229">
        <v>1.0509999999999999</v>
      </c>
      <c r="AV49" s="230"/>
      <c r="AW49" s="230"/>
      <c r="AX49" s="230"/>
      <c r="AY49" s="231"/>
      <c r="AZ49" s="210">
        <v>8.1999999999999993</v>
      </c>
      <c r="BA49" s="211"/>
      <c r="BB49" s="211"/>
      <c r="BC49" s="211"/>
      <c r="BD49" s="212"/>
      <c r="BE49" s="210">
        <v>5.2</v>
      </c>
      <c r="BF49" s="211"/>
      <c r="BG49" s="211"/>
      <c r="BH49" s="211"/>
      <c r="BI49" s="212"/>
      <c r="BJ49" s="210">
        <v>45.2</v>
      </c>
      <c r="BK49" s="211"/>
      <c r="BL49" s="211"/>
      <c r="BM49" s="211"/>
      <c r="BN49" s="212"/>
      <c r="BO49" s="210">
        <v>6.2</v>
      </c>
      <c r="BP49" s="211"/>
      <c r="BQ49" s="211"/>
      <c r="BR49" s="211"/>
      <c r="BS49" s="212"/>
      <c r="BT49" s="210">
        <v>92.3</v>
      </c>
      <c r="BU49" s="211"/>
      <c r="BV49" s="211"/>
      <c r="BW49" s="211"/>
      <c r="BX49" s="212"/>
      <c r="BY49" s="210">
        <v>14.5</v>
      </c>
      <c r="BZ49" s="211"/>
      <c r="CA49" s="211"/>
      <c r="CB49" s="211"/>
      <c r="CC49" s="212"/>
      <c r="CD49" s="210">
        <v>54.2</v>
      </c>
      <c r="CE49" s="211"/>
      <c r="CF49" s="211"/>
      <c r="CG49" s="211"/>
      <c r="CH49" s="212"/>
      <c r="CI49" s="210">
        <v>61.6</v>
      </c>
      <c r="CJ49" s="211"/>
      <c r="CK49" s="211"/>
      <c r="CL49" s="211"/>
      <c r="CM49" s="212"/>
    </row>
    <row r="50" spans="1:91" ht="17.25" customHeight="1" x14ac:dyDescent="0.15">
      <c r="A50" s="746"/>
      <c r="B50" s="951"/>
      <c r="C50" s="951"/>
      <c r="D50" s="951"/>
      <c r="E50" s="951"/>
      <c r="F50" s="951"/>
      <c r="G50" s="951"/>
      <c r="H50" s="951"/>
      <c r="I50" s="951"/>
      <c r="J50" s="951"/>
      <c r="K50" s="951"/>
      <c r="L50" s="951"/>
      <c r="M50" s="952"/>
      <c r="N50" s="84"/>
      <c r="O50" s="953"/>
      <c r="P50" s="954"/>
      <c r="Q50" s="954"/>
      <c r="R50" s="954"/>
      <c r="S50" s="954"/>
      <c r="T50" s="954"/>
      <c r="U50" s="954"/>
      <c r="V50" s="954"/>
      <c r="W50" s="954"/>
      <c r="X50" s="954"/>
      <c r="Y50" s="954"/>
      <c r="Z50" s="954"/>
      <c r="AA50" s="954"/>
      <c r="AB50" s="954"/>
      <c r="AC50" s="954"/>
      <c r="AD50" s="954"/>
      <c r="AE50" s="954"/>
      <c r="AF50" s="954"/>
      <c r="AG50" s="954"/>
      <c r="AH50" s="954"/>
      <c r="AI50" s="954"/>
      <c r="AJ50" s="954"/>
      <c r="AK50" s="954"/>
      <c r="AL50" s="955"/>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4">
    <mergeCell ref="A16:E21"/>
    <mergeCell ref="A14:E14"/>
    <mergeCell ref="Q14:T14"/>
    <mergeCell ref="AN1:CM1"/>
    <mergeCell ref="AN2:CM10"/>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U12:X12"/>
    <mergeCell ref="Y12:AL12"/>
    <mergeCell ref="AN12:AS13"/>
    <mergeCell ref="AT12:CM13"/>
    <mergeCell ref="F13:M14"/>
    <mergeCell ref="Q13:T13"/>
    <mergeCell ref="U13:X13"/>
    <mergeCell ref="Y13:AL13"/>
    <mergeCell ref="Y15:AL15"/>
    <mergeCell ref="U14:X14"/>
    <mergeCell ref="Y14:AL14"/>
    <mergeCell ref="F20:M21"/>
    <mergeCell ref="Q20:T20"/>
    <mergeCell ref="U20:X20"/>
    <mergeCell ref="Y20:AL20"/>
    <mergeCell ref="U18:X18"/>
    <mergeCell ref="Y18:AL18"/>
    <mergeCell ref="AN18:AS19"/>
    <mergeCell ref="AT18:CM19"/>
    <mergeCell ref="F19:M19"/>
    <mergeCell ref="Q19:T19"/>
    <mergeCell ref="U19:X19"/>
    <mergeCell ref="Y19:AL19"/>
    <mergeCell ref="F16:M16"/>
    <mergeCell ref="Q16:T16"/>
    <mergeCell ref="U16:X16"/>
    <mergeCell ref="Y16:AL16"/>
    <mergeCell ref="A11:D11"/>
    <mergeCell ref="E11:AL11"/>
    <mergeCell ref="AN16:AS17"/>
    <mergeCell ref="AN20:CM20"/>
    <mergeCell ref="AN21:CM21"/>
    <mergeCell ref="Q21:AL21"/>
    <mergeCell ref="AN11:CM11"/>
    <mergeCell ref="A12:E13"/>
    <mergeCell ref="F12:M12"/>
    <mergeCell ref="N12:N27"/>
    <mergeCell ref="O12:P21"/>
    <mergeCell ref="Q12:T12"/>
    <mergeCell ref="AN14:AS15"/>
    <mergeCell ref="AT14:CM15"/>
    <mergeCell ref="A15:E15"/>
    <mergeCell ref="F15:M15"/>
    <mergeCell ref="Q15:T15"/>
    <mergeCell ref="U15:X15"/>
    <mergeCell ref="AT16:CM17"/>
    <mergeCell ref="F17:M18"/>
    <mergeCell ref="Q17:T17"/>
    <mergeCell ref="U17:X17"/>
    <mergeCell ref="Y17:AL17"/>
    <mergeCell ref="Q18:T18"/>
    <mergeCell ref="A22:E24"/>
    <mergeCell ref="F22:M22"/>
    <mergeCell ref="O22:P23"/>
    <mergeCell ref="Q22:AL22"/>
    <mergeCell ref="AO22:CM22"/>
    <mergeCell ref="F23:M24"/>
    <mergeCell ref="Q23:AL23"/>
    <mergeCell ref="AO23:CM23"/>
    <mergeCell ref="O24:P25"/>
    <mergeCell ref="Q24:AL24"/>
    <mergeCell ref="AO24:CM24"/>
    <mergeCell ref="A25:E27"/>
    <mergeCell ref="F25:M25"/>
    <mergeCell ref="Q25:AL25"/>
    <mergeCell ref="AO25:CM25"/>
    <mergeCell ref="F26:M27"/>
    <mergeCell ref="O26:P27"/>
    <mergeCell ref="Q26:AL26"/>
    <mergeCell ref="AO26:CM26"/>
    <mergeCell ref="Q27:AL27"/>
    <mergeCell ref="AN27:BP27"/>
    <mergeCell ref="A28:AL28"/>
    <mergeCell ref="AN28:BP33"/>
    <mergeCell ref="A29:AL34"/>
    <mergeCell ref="BY30:CI30"/>
    <mergeCell ref="BR31:BX32"/>
    <mergeCell ref="BY31:CG32"/>
    <mergeCell ref="CH31:CM32"/>
    <mergeCell ref="BR33:BX34"/>
    <mergeCell ref="BY33:CG34"/>
    <mergeCell ref="CH33:CM34"/>
    <mergeCell ref="AN34:BO34"/>
    <mergeCell ref="A35:M35"/>
    <mergeCell ref="O35:AL35"/>
    <mergeCell ref="AN35:AV36"/>
    <mergeCell ref="AW35:BF36"/>
    <mergeCell ref="BG35:BP36"/>
    <mergeCell ref="BR35:BX36"/>
    <mergeCell ref="BY35:CG36"/>
    <mergeCell ref="CH35:CM36"/>
    <mergeCell ref="A36:M36"/>
    <mergeCell ref="O36:AL36"/>
    <mergeCell ref="CH37:CM38"/>
    <mergeCell ref="A38:M38"/>
    <mergeCell ref="O38:AL38"/>
    <mergeCell ref="A39:M39"/>
    <mergeCell ref="O39:AL39"/>
    <mergeCell ref="AN39:AV40"/>
    <mergeCell ref="AW39:BF40"/>
    <mergeCell ref="BG39:BP40"/>
    <mergeCell ref="BR39:BX40"/>
    <mergeCell ref="BY39:CG40"/>
    <mergeCell ref="A37:M37"/>
    <mergeCell ref="O37:AL37"/>
    <mergeCell ref="AN37:AV38"/>
    <mergeCell ref="AW37:BF38"/>
    <mergeCell ref="BG37:BP38"/>
    <mergeCell ref="BR37:BX38"/>
    <mergeCell ref="BY37:CG38"/>
    <mergeCell ref="CH39:CM40"/>
    <mergeCell ref="A40:M40"/>
    <mergeCell ref="O40:AL40"/>
    <mergeCell ref="BG42:BP43"/>
    <mergeCell ref="CJ44:CM45"/>
    <mergeCell ref="A45:M45"/>
    <mergeCell ref="O45:AL45"/>
    <mergeCell ref="BR42:CB43"/>
    <mergeCell ref="CC42:CM43"/>
    <mergeCell ref="A41:M41"/>
    <mergeCell ref="O41:AL41"/>
    <mergeCell ref="AU41:BE41"/>
    <mergeCell ref="BR41:CM41"/>
    <mergeCell ref="A43:M43"/>
    <mergeCell ref="O43:AL43"/>
    <mergeCell ref="A44:M44"/>
    <mergeCell ref="O44:AL44"/>
    <mergeCell ref="AN44:AR45"/>
    <mergeCell ref="AS44:AV45"/>
    <mergeCell ref="AW44:BB45"/>
    <mergeCell ref="A42:M42"/>
    <mergeCell ref="O42:AL42"/>
    <mergeCell ref="AN42:AV43"/>
    <mergeCell ref="AW42:BF43"/>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fujisaw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7―</oddFooter>
  </headerFooter>
  <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15" zoomScale="70" zoomScaleNormal="7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979" t="s" ph="1">
        <v>75</v>
      </c>
      <c r="B1" s="979" ph="1"/>
      <c r="C1" s="979" ph="1"/>
      <c r="D1" s="979" ph="1"/>
      <c r="E1" s="979" ph="1"/>
      <c r="F1" s="979" ph="1"/>
      <c r="G1" s="979" ph="1"/>
      <c r="H1" s="979" ph="1"/>
      <c r="I1" s="645"/>
      <c r="J1" s="645"/>
      <c r="K1" s="645"/>
      <c r="L1" s="645"/>
      <c r="M1" s="645"/>
      <c r="N1" s="454" t="s">
        <v>58</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979" ph="1"/>
      <c r="B2" s="979" ph="1"/>
      <c r="C2" s="979" ph="1"/>
      <c r="D2" s="979" ph="1"/>
      <c r="E2" s="979" ph="1"/>
      <c r="F2" s="979" ph="1"/>
      <c r="G2" s="979" ph="1"/>
      <c r="H2" s="979"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724</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979" ph="1"/>
      <c r="B3" s="979" ph="1"/>
      <c r="C3" s="979" ph="1"/>
      <c r="D3" s="979" ph="1"/>
      <c r="E3" s="979" ph="1"/>
      <c r="F3" s="979" ph="1"/>
      <c r="G3" s="979" ph="1"/>
      <c r="H3" s="979"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1" t="s">
        <v>236</v>
      </c>
      <c r="B4" s="641"/>
      <c r="C4" s="641"/>
      <c r="D4" s="641"/>
      <c r="E4" s="458">
        <v>142069</v>
      </c>
      <c r="F4" s="458"/>
      <c r="G4" s="458"/>
      <c r="H4" s="458"/>
      <c r="I4" s="647"/>
      <c r="J4" s="647"/>
      <c r="K4" s="647"/>
      <c r="L4" s="647"/>
      <c r="M4" s="647"/>
      <c r="N4" s="459" t="s">
        <v>59</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428" t="s">
        <v>237</v>
      </c>
      <c r="B5" s="428"/>
      <c r="C5" s="428"/>
      <c r="D5" s="428"/>
      <c r="E5" s="428"/>
      <c r="F5" s="428"/>
      <c r="G5" s="428"/>
      <c r="H5" s="428"/>
      <c r="I5" s="486" t="s">
        <v>1456</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428"/>
      <c r="B6" s="428"/>
      <c r="C6" s="428"/>
      <c r="D6" s="428"/>
      <c r="E6" s="428"/>
      <c r="F6" s="428"/>
      <c r="G6" s="428"/>
      <c r="H6" s="428"/>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05" t="s">
        <v>238</v>
      </c>
      <c r="B7" s="406"/>
      <c r="C7" s="406"/>
      <c r="D7" s="407"/>
      <c r="E7" s="65" t="s">
        <v>0</v>
      </c>
      <c r="F7" s="492" t="s">
        <v>60</v>
      </c>
      <c r="G7" s="492"/>
      <c r="H7" s="492"/>
      <c r="I7" s="492"/>
      <c r="J7" s="492"/>
      <c r="K7" s="492"/>
      <c r="L7" s="493"/>
      <c r="M7" s="642"/>
      <c r="N7" s="642"/>
      <c r="O7" s="642"/>
      <c r="P7" s="642"/>
      <c r="Q7" s="642"/>
      <c r="R7" s="642"/>
      <c r="S7" s="642"/>
      <c r="T7" s="642"/>
      <c r="U7" s="642"/>
      <c r="V7" s="642"/>
      <c r="W7" s="642"/>
      <c r="X7" s="642"/>
      <c r="Y7" s="643"/>
      <c r="Z7" s="332" t="s">
        <v>239</v>
      </c>
      <c r="AA7" s="332"/>
      <c r="AB7" s="332"/>
      <c r="AC7" s="431" t="s">
        <v>61</v>
      </c>
      <c r="AD7" s="431"/>
      <c r="AE7" s="431"/>
      <c r="AF7" s="431"/>
      <c r="AG7" s="431"/>
      <c r="AH7" s="431"/>
      <c r="AI7" s="431"/>
      <c r="AJ7" s="431"/>
      <c r="AK7" s="431"/>
      <c r="AL7" s="43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c r="B8" s="406"/>
      <c r="C8" s="406"/>
      <c r="D8" s="407"/>
      <c r="E8" s="433" t="s">
        <v>62</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405" t="s">
        <v>240</v>
      </c>
      <c r="B9" s="406"/>
      <c r="C9" s="406"/>
      <c r="D9" s="407"/>
      <c r="E9" s="980" t="s">
        <v>428</v>
      </c>
      <c r="F9" s="981"/>
      <c r="G9" s="981"/>
      <c r="H9" s="981"/>
      <c r="I9" s="981"/>
      <c r="J9" s="981"/>
      <c r="K9" s="981"/>
      <c r="L9" s="981"/>
      <c r="M9" s="981"/>
      <c r="N9" s="981"/>
      <c r="O9" s="981"/>
      <c r="P9" s="981"/>
      <c r="Q9" s="981"/>
      <c r="R9" s="981"/>
      <c r="S9" s="981"/>
      <c r="T9" s="981"/>
      <c r="U9" s="981"/>
      <c r="V9" s="981"/>
      <c r="W9" s="981"/>
      <c r="X9" s="981"/>
      <c r="Y9" s="981"/>
      <c r="Z9" s="981"/>
      <c r="AA9" s="981"/>
      <c r="AB9" s="981"/>
      <c r="AC9" s="981"/>
      <c r="AD9" s="981"/>
      <c r="AE9" s="981"/>
      <c r="AF9" s="981"/>
      <c r="AG9" s="981"/>
      <c r="AH9" s="981"/>
      <c r="AI9" s="981"/>
      <c r="AJ9" s="981"/>
      <c r="AK9" s="981"/>
      <c r="AL9" s="982"/>
      <c r="AM9" s="5"/>
      <c r="AN9" s="469"/>
      <c r="AO9" s="470"/>
      <c r="AP9" s="470"/>
      <c r="AQ9" s="470"/>
      <c r="AR9" s="470"/>
      <c r="AS9" s="470"/>
      <c r="AT9" s="470"/>
      <c r="AU9" s="470"/>
      <c r="AV9" s="470"/>
      <c r="AW9" s="470"/>
      <c r="AX9" s="470"/>
      <c r="AY9" s="470"/>
      <c r="AZ9" s="470"/>
      <c r="BA9" s="470"/>
      <c r="BB9" s="470"/>
      <c r="BC9" s="470"/>
      <c r="BD9" s="470"/>
      <c r="BE9" s="470"/>
      <c r="BF9" s="470"/>
      <c r="BG9" s="470"/>
      <c r="BH9" s="470"/>
      <c r="BI9" s="470"/>
      <c r="BJ9" s="470"/>
      <c r="BK9" s="470"/>
      <c r="BL9" s="470"/>
      <c r="BM9" s="470"/>
      <c r="BN9" s="470"/>
      <c r="BO9" s="470"/>
      <c r="BP9" s="470"/>
      <c r="BQ9" s="470"/>
      <c r="BR9" s="470"/>
      <c r="BS9" s="470"/>
      <c r="BT9" s="470"/>
      <c r="BU9" s="470"/>
      <c r="BV9" s="470"/>
      <c r="BW9" s="470"/>
      <c r="BX9" s="470"/>
      <c r="BY9" s="470"/>
      <c r="BZ9" s="470"/>
      <c r="CA9" s="470"/>
      <c r="CB9" s="470"/>
      <c r="CC9" s="470"/>
      <c r="CD9" s="470"/>
      <c r="CE9" s="470"/>
      <c r="CF9" s="470"/>
      <c r="CG9" s="470"/>
      <c r="CH9" s="470"/>
      <c r="CI9" s="470"/>
      <c r="CJ9" s="470"/>
      <c r="CK9" s="470"/>
      <c r="CL9" s="470"/>
      <c r="CM9" s="471"/>
    </row>
    <row r="10" spans="1:100" ht="17.25" customHeight="1" x14ac:dyDescent="0.15">
      <c r="A10" s="405"/>
      <c r="B10" s="406"/>
      <c r="C10" s="406"/>
      <c r="D10" s="407"/>
      <c r="E10" s="983"/>
      <c r="F10" s="981"/>
      <c r="G10" s="981"/>
      <c r="H10" s="981"/>
      <c r="I10" s="981"/>
      <c r="J10" s="981"/>
      <c r="K10" s="981"/>
      <c r="L10" s="981"/>
      <c r="M10" s="981"/>
      <c r="N10" s="981"/>
      <c r="O10" s="981"/>
      <c r="P10" s="981"/>
      <c r="Q10" s="981"/>
      <c r="R10" s="981"/>
      <c r="S10" s="981"/>
      <c r="T10" s="981"/>
      <c r="U10" s="981"/>
      <c r="V10" s="981"/>
      <c r="W10" s="981"/>
      <c r="X10" s="981"/>
      <c r="Y10" s="981"/>
      <c r="Z10" s="981"/>
      <c r="AA10" s="981"/>
      <c r="AB10" s="981"/>
      <c r="AC10" s="981"/>
      <c r="AD10" s="981"/>
      <c r="AE10" s="981"/>
      <c r="AF10" s="981"/>
      <c r="AG10" s="981"/>
      <c r="AH10" s="981"/>
      <c r="AI10" s="981"/>
      <c r="AJ10" s="981"/>
      <c r="AK10" s="981"/>
      <c r="AL10" s="982"/>
      <c r="AM10" s="5"/>
      <c r="AN10" s="469"/>
      <c r="AO10" s="470"/>
      <c r="AP10" s="470"/>
      <c r="AQ10" s="470"/>
      <c r="AR10" s="470"/>
      <c r="AS10" s="470"/>
      <c r="AT10" s="470"/>
      <c r="AU10" s="470"/>
      <c r="AV10" s="470"/>
      <c r="AW10" s="470"/>
      <c r="AX10" s="470"/>
      <c r="AY10" s="470"/>
      <c r="AZ10" s="470"/>
      <c r="BA10" s="470"/>
      <c r="BB10" s="470"/>
      <c r="BC10" s="470"/>
      <c r="BD10" s="470"/>
      <c r="BE10" s="470"/>
      <c r="BF10" s="470"/>
      <c r="BG10" s="470"/>
      <c r="BH10" s="470"/>
      <c r="BI10" s="470"/>
      <c r="BJ10" s="470"/>
      <c r="BK10" s="470"/>
      <c r="BL10" s="470"/>
      <c r="BM10" s="470"/>
      <c r="BN10" s="470"/>
      <c r="BO10" s="470"/>
      <c r="BP10" s="470"/>
      <c r="BQ10" s="470"/>
      <c r="BR10" s="470"/>
      <c r="BS10" s="470"/>
      <c r="BT10" s="470"/>
      <c r="BU10" s="470"/>
      <c r="BV10" s="470"/>
      <c r="BW10" s="470"/>
      <c r="BX10" s="470"/>
      <c r="BY10" s="470"/>
      <c r="BZ10" s="470"/>
      <c r="CA10" s="470"/>
      <c r="CB10" s="470"/>
      <c r="CC10" s="470"/>
      <c r="CD10" s="470"/>
      <c r="CE10" s="470"/>
      <c r="CF10" s="470"/>
      <c r="CG10" s="470"/>
      <c r="CH10" s="470"/>
      <c r="CI10" s="470"/>
      <c r="CJ10" s="470"/>
      <c r="CK10" s="470"/>
      <c r="CL10" s="470"/>
      <c r="CM10" s="471"/>
    </row>
    <row r="11" spans="1:100" ht="17.25" customHeight="1" x14ac:dyDescent="0.15">
      <c r="A11" s="405" t="s">
        <v>37</v>
      </c>
      <c r="B11" s="406"/>
      <c r="C11" s="406"/>
      <c r="D11" s="407"/>
      <c r="E11" s="615" t="s">
        <v>1106</v>
      </c>
      <c r="F11" s="616"/>
      <c r="G11" s="616"/>
      <c r="H11" s="616"/>
      <c r="I11" s="616"/>
      <c r="J11" s="616"/>
      <c r="K11" s="616"/>
      <c r="L11" s="616"/>
      <c r="M11" s="616"/>
      <c r="N11" s="616"/>
      <c r="O11" s="616"/>
      <c r="P11" s="616"/>
      <c r="Q11" s="616"/>
      <c r="R11" s="616"/>
      <c r="S11" s="616"/>
      <c r="T11" s="616"/>
      <c r="U11" s="616"/>
      <c r="V11" s="616"/>
      <c r="W11" s="616"/>
      <c r="X11" s="616"/>
      <c r="Y11" s="616"/>
      <c r="Z11" s="616"/>
      <c r="AA11" s="616"/>
      <c r="AB11" s="616"/>
      <c r="AC11" s="616"/>
      <c r="AD11" s="616"/>
      <c r="AE11" s="616"/>
      <c r="AF11" s="616"/>
      <c r="AG11" s="616"/>
      <c r="AH11" s="616"/>
      <c r="AI11" s="616"/>
      <c r="AJ11" s="616"/>
      <c r="AK11" s="616"/>
      <c r="AL11" s="618"/>
      <c r="AM11" s="5"/>
      <c r="AN11" s="469"/>
      <c r="AO11" s="470"/>
      <c r="AP11" s="470"/>
      <c r="AQ11" s="470"/>
      <c r="AR11" s="470"/>
      <c r="AS11" s="470"/>
      <c r="AT11" s="470"/>
      <c r="AU11" s="470"/>
      <c r="AV11" s="470"/>
      <c r="AW11" s="470"/>
      <c r="AX11" s="470"/>
      <c r="AY11" s="470"/>
      <c r="AZ11" s="470"/>
      <c r="BA11" s="470"/>
      <c r="BB11" s="470"/>
      <c r="BC11" s="470"/>
      <c r="BD11" s="470"/>
      <c r="BE11" s="470"/>
      <c r="BF11" s="470"/>
      <c r="BG11" s="470"/>
      <c r="BH11" s="470"/>
      <c r="BI11" s="470"/>
      <c r="BJ11" s="470"/>
      <c r="BK11" s="470"/>
      <c r="BL11" s="470"/>
      <c r="BM11" s="470"/>
      <c r="BN11" s="470"/>
      <c r="BO11" s="470"/>
      <c r="BP11" s="470"/>
      <c r="BQ11" s="470"/>
      <c r="BR11" s="470"/>
      <c r="BS11" s="470"/>
      <c r="BT11" s="470"/>
      <c r="BU11" s="470"/>
      <c r="BV11" s="470"/>
      <c r="BW11" s="470"/>
      <c r="BX11" s="470"/>
      <c r="BY11" s="470"/>
      <c r="BZ11" s="470"/>
      <c r="CA11" s="470"/>
      <c r="CB11" s="470"/>
      <c r="CC11" s="470"/>
      <c r="CD11" s="470"/>
      <c r="CE11" s="470"/>
      <c r="CF11" s="470"/>
      <c r="CG11" s="470"/>
      <c r="CH11" s="470"/>
      <c r="CI11" s="470"/>
      <c r="CJ11" s="470"/>
      <c r="CK11" s="470"/>
      <c r="CL11" s="470"/>
      <c r="CM11" s="471"/>
    </row>
    <row r="12" spans="1:100" ht="17.25" customHeight="1" x14ac:dyDescent="0.15">
      <c r="A12" s="332" t="s">
        <v>241</v>
      </c>
      <c r="B12" s="332"/>
      <c r="C12" s="332"/>
      <c r="D12" s="332"/>
      <c r="E12" s="328"/>
      <c r="F12" s="844" t="s">
        <v>1378</v>
      </c>
      <c r="G12" s="845"/>
      <c r="H12" s="845"/>
      <c r="I12" s="845"/>
      <c r="J12" s="845"/>
      <c r="K12" s="845"/>
      <c r="L12" s="845"/>
      <c r="M12" s="845"/>
      <c r="N12" s="511"/>
      <c r="O12" s="416" t="s">
        <v>242</v>
      </c>
      <c r="P12" s="417"/>
      <c r="Q12" s="377">
        <v>14965</v>
      </c>
      <c r="R12" s="984"/>
      <c r="S12" s="984"/>
      <c r="T12" s="220"/>
      <c r="U12" s="371" t="s">
        <v>76</v>
      </c>
      <c r="V12" s="220"/>
      <c r="W12" s="220"/>
      <c r="X12" s="220"/>
      <c r="Y12" s="371"/>
      <c r="Z12" s="220"/>
      <c r="AA12" s="220"/>
      <c r="AB12" s="220"/>
      <c r="AC12" s="220"/>
      <c r="AD12" s="220"/>
      <c r="AE12" s="220"/>
      <c r="AF12" s="220"/>
      <c r="AG12" s="220"/>
      <c r="AH12" s="220"/>
      <c r="AI12" s="220"/>
      <c r="AJ12" s="220"/>
      <c r="AK12" s="220"/>
      <c r="AL12" s="372"/>
      <c r="AM12" s="5"/>
      <c r="AN12" s="472"/>
      <c r="AO12" s="473"/>
      <c r="AP12" s="473"/>
      <c r="AQ12" s="473"/>
      <c r="AR12" s="473"/>
      <c r="AS12" s="473"/>
      <c r="AT12" s="473"/>
      <c r="AU12" s="473"/>
      <c r="AV12" s="473"/>
      <c r="AW12" s="473"/>
      <c r="AX12" s="473"/>
      <c r="AY12" s="473"/>
      <c r="AZ12" s="473"/>
      <c r="BA12" s="473"/>
      <c r="BB12" s="473"/>
      <c r="BC12" s="473"/>
      <c r="BD12" s="473"/>
      <c r="BE12" s="473"/>
      <c r="BF12" s="473"/>
      <c r="BG12" s="473"/>
      <c r="BH12" s="473"/>
      <c r="BI12" s="473"/>
      <c r="BJ12" s="473"/>
      <c r="BK12" s="473"/>
      <c r="BL12" s="473"/>
      <c r="BM12" s="473"/>
      <c r="BN12" s="473"/>
      <c r="BO12" s="473"/>
      <c r="BP12" s="473"/>
      <c r="BQ12" s="473"/>
      <c r="BR12" s="473"/>
      <c r="BS12" s="473"/>
      <c r="BT12" s="473"/>
      <c r="BU12" s="473"/>
      <c r="BV12" s="473"/>
      <c r="BW12" s="473"/>
      <c r="BX12" s="473"/>
      <c r="BY12" s="473"/>
      <c r="BZ12" s="473"/>
      <c r="CA12" s="473"/>
      <c r="CB12" s="473"/>
      <c r="CC12" s="473"/>
      <c r="CD12" s="473"/>
      <c r="CE12" s="473"/>
      <c r="CF12" s="473"/>
      <c r="CG12" s="473"/>
      <c r="CH12" s="473"/>
      <c r="CI12" s="473"/>
      <c r="CJ12" s="473"/>
      <c r="CK12" s="473"/>
      <c r="CL12" s="473"/>
      <c r="CM12" s="474"/>
      <c r="CQ12" s="3" ph="1"/>
      <c r="CR12" s="3" ph="1"/>
      <c r="CS12" s="3" ph="1"/>
      <c r="CT12" s="3" ph="1"/>
      <c r="CU12" s="3" ph="1"/>
      <c r="CV12" s="3" ph="1"/>
    </row>
    <row r="13" spans="1:100" ht="17.25" customHeight="1" x14ac:dyDescent="0.15">
      <c r="A13" s="328"/>
      <c r="B13" s="328"/>
      <c r="C13" s="328"/>
      <c r="D13" s="328"/>
      <c r="E13" s="328"/>
      <c r="F13" s="398" t="s">
        <v>1377</v>
      </c>
      <c r="G13" s="369"/>
      <c r="H13" s="369"/>
      <c r="I13" s="369"/>
      <c r="J13" s="369"/>
      <c r="K13" s="369"/>
      <c r="L13" s="369"/>
      <c r="M13" s="369"/>
      <c r="N13" s="514"/>
      <c r="O13" s="418"/>
      <c r="P13" s="419"/>
      <c r="Q13" s="377">
        <v>17624</v>
      </c>
      <c r="R13" s="220"/>
      <c r="S13" s="220"/>
      <c r="T13" s="220"/>
      <c r="U13" s="371" t="s">
        <v>326</v>
      </c>
      <c r="V13" s="220"/>
      <c r="W13" s="220"/>
      <c r="X13" s="220"/>
      <c r="Y13" s="371" t="s">
        <v>77</v>
      </c>
      <c r="Z13" s="852"/>
      <c r="AA13" s="852"/>
      <c r="AB13" s="852"/>
      <c r="AC13" s="852"/>
      <c r="AD13" s="852"/>
      <c r="AE13" s="852"/>
      <c r="AF13" s="852"/>
      <c r="AG13" s="852"/>
      <c r="AH13" s="852"/>
      <c r="AI13" s="852"/>
      <c r="AJ13" s="852"/>
      <c r="AK13" s="852"/>
      <c r="AL13" s="853"/>
      <c r="AM13" s="5"/>
      <c r="AN13" s="388" t="s">
        <v>245</v>
      </c>
      <c r="AO13" s="388"/>
      <c r="AP13" s="389"/>
      <c r="AQ13" s="389"/>
      <c r="AR13" s="389"/>
      <c r="AS13" s="389"/>
      <c r="AT13" s="389"/>
      <c r="AU13" s="389"/>
      <c r="AV13" s="389"/>
      <c r="AW13" s="389"/>
      <c r="AX13" s="389"/>
      <c r="AY13" s="389"/>
      <c r="AZ13" s="389"/>
      <c r="BA13" s="389"/>
      <c r="BB13" s="389"/>
      <c r="BC13" s="389"/>
      <c r="BD13" s="389"/>
      <c r="BE13" s="389"/>
      <c r="BF13" s="389"/>
      <c r="BG13" s="389"/>
      <c r="BH13" s="389"/>
      <c r="BI13" s="389"/>
      <c r="BJ13" s="389"/>
      <c r="BK13" s="389"/>
      <c r="BL13" s="389"/>
      <c r="BM13" s="389"/>
      <c r="BN13" s="389"/>
      <c r="BO13" s="389"/>
      <c r="BP13" s="389"/>
      <c r="BQ13" s="389"/>
      <c r="BR13" s="389"/>
      <c r="BS13" s="389"/>
      <c r="BT13" s="389"/>
      <c r="BU13" s="389"/>
      <c r="BV13" s="389"/>
      <c r="BW13" s="389"/>
      <c r="BX13" s="389"/>
      <c r="BY13" s="389"/>
      <c r="BZ13" s="389"/>
      <c r="CA13" s="389"/>
      <c r="CB13" s="389"/>
      <c r="CC13" s="389"/>
      <c r="CD13" s="389"/>
      <c r="CE13" s="389"/>
      <c r="CF13" s="389"/>
      <c r="CG13" s="389"/>
      <c r="CH13" s="389"/>
      <c r="CI13" s="389"/>
      <c r="CJ13" s="389"/>
      <c r="CK13" s="389"/>
      <c r="CL13" s="389"/>
      <c r="CM13" s="389"/>
      <c r="CQ13" s="3" ph="1"/>
      <c r="CR13" s="3" ph="1"/>
      <c r="CS13" s="3" ph="1"/>
      <c r="CT13" s="3" ph="1"/>
      <c r="CU13" s="3" ph="1"/>
      <c r="CV13" s="3" ph="1"/>
    </row>
    <row r="14" spans="1:100" ht="17.25" customHeight="1" x14ac:dyDescent="0.15">
      <c r="A14" s="426">
        <v>4</v>
      </c>
      <c r="B14" s="651"/>
      <c r="C14" s="651"/>
      <c r="D14" s="651"/>
      <c r="E14" s="651"/>
      <c r="F14" s="370"/>
      <c r="G14" s="370"/>
      <c r="H14" s="370"/>
      <c r="I14" s="370"/>
      <c r="J14" s="370"/>
      <c r="K14" s="370"/>
      <c r="L14" s="370"/>
      <c r="M14" s="370"/>
      <c r="N14" s="514"/>
      <c r="O14" s="418"/>
      <c r="P14" s="419"/>
      <c r="Q14" s="377">
        <v>18615</v>
      </c>
      <c r="R14" s="220"/>
      <c r="S14" s="220"/>
      <c r="T14" s="220"/>
      <c r="U14" s="371" t="s">
        <v>326</v>
      </c>
      <c r="V14" s="220"/>
      <c r="W14" s="220"/>
      <c r="X14" s="220"/>
      <c r="Y14" s="371" t="s">
        <v>78</v>
      </c>
      <c r="Z14" s="220"/>
      <c r="AA14" s="220"/>
      <c r="AB14" s="220"/>
      <c r="AC14" s="220"/>
      <c r="AD14" s="220"/>
      <c r="AE14" s="220"/>
      <c r="AF14" s="220"/>
      <c r="AG14" s="220"/>
      <c r="AH14" s="220"/>
      <c r="AI14" s="220"/>
      <c r="AJ14" s="220"/>
      <c r="AK14" s="220"/>
      <c r="AL14" s="372"/>
      <c r="AM14" s="5"/>
      <c r="AN14" s="292" t="s">
        <v>219</v>
      </c>
      <c r="AO14" s="293"/>
      <c r="AP14" s="293"/>
      <c r="AQ14" s="293"/>
      <c r="AR14" s="293"/>
      <c r="AS14" s="294"/>
      <c r="AT14" s="539" t="s">
        <v>1164</v>
      </c>
      <c r="AU14" s="540"/>
      <c r="AV14" s="540"/>
      <c r="AW14" s="540"/>
      <c r="AX14" s="540"/>
      <c r="AY14" s="540"/>
      <c r="AZ14" s="540"/>
      <c r="BA14" s="540"/>
      <c r="BB14" s="540"/>
      <c r="BC14" s="540"/>
      <c r="BD14" s="540"/>
      <c r="BE14" s="540"/>
      <c r="BF14" s="540"/>
      <c r="BG14" s="540"/>
      <c r="BH14" s="540"/>
      <c r="BI14" s="540"/>
      <c r="BJ14" s="540"/>
      <c r="BK14" s="540"/>
      <c r="BL14" s="540"/>
      <c r="BM14" s="540"/>
      <c r="BN14" s="540"/>
      <c r="BO14" s="540"/>
      <c r="BP14" s="540"/>
      <c r="BQ14" s="540"/>
      <c r="BR14" s="540"/>
      <c r="BS14" s="540"/>
      <c r="BT14" s="540"/>
      <c r="BU14" s="540"/>
      <c r="BV14" s="540"/>
      <c r="BW14" s="540"/>
      <c r="BX14" s="540"/>
      <c r="BY14" s="540"/>
      <c r="BZ14" s="540"/>
      <c r="CA14" s="540"/>
      <c r="CB14" s="540"/>
      <c r="CC14" s="540"/>
      <c r="CD14" s="540"/>
      <c r="CE14" s="540"/>
      <c r="CF14" s="540"/>
      <c r="CG14" s="540"/>
      <c r="CH14" s="540"/>
      <c r="CI14" s="540"/>
      <c r="CJ14" s="540"/>
      <c r="CK14" s="540"/>
      <c r="CL14" s="540"/>
      <c r="CM14" s="541"/>
      <c r="CQ14" s="3" ph="1"/>
      <c r="CR14" s="3" ph="1"/>
      <c r="CS14" s="3" ph="1"/>
      <c r="CT14" s="3" ph="1"/>
      <c r="CU14" s="3" ph="1"/>
      <c r="CV14" s="3" ph="1"/>
    </row>
    <row r="15" spans="1:100" ht="17.25" customHeight="1" x14ac:dyDescent="0.15">
      <c r="A15" s="428" t="s">
        <v>246</v>
      </c>
      <c r="B15" s="428"/>
      <c r="C15" s="428"/>
      <c r="D15" s="428"/>
      <c r="E15" s="428"/>
      <c r="F15" s="429">
        <v>46896</v>
      </c>
      <c r="G15" s="430"/>
      <c r="H15" s="430"/>
      <c r="I15" s="430"/>
      <c r="J15" s="430"/>
      <c r="K15" s="430"/>
      <c r="L15" s="430"/>
      <c r="M15" s="430"/>
      <c r="N15" s="514"/>
      <c r="O15" s="418"/>
      <c r="P15" s="419"/>
      <c r="Q15" s="377">
        <v>19920</v>
      </c>
      <c r="R15" s="220"/>
      <c r="S15" s="220"/>
      <c r="T15" s="220"/>
      <c r="U15" s="371" t="s">
        <v>326</v>
      </c>
      <c r="V15" s="220"/>
      <c r="W15" s="220"/>
      <c r="X15" s="220"/>
      <c r="Y15" s="371" t="s">
        <v>79</v>
      </c>
      <c r="Z15" s="220"/>
      <c r="AA15" s="220"/>
      <c r="AB15" s="220"/>
      <c r="AC15" s="220"/>
      <c r="AD15" s="220"/>
      <c r="AE15" s="220"/>
      <c r="AF15" s="220"/>
      <c r="AG15" s="220"/>
      <c r="AH15" s="220"/>
      <c r="AI15" s="220"/>
      <c r="AJ15" s="220"/>
      <c r="AK15" s="220"/>
      <c r="AL15" s="372"/>
      <c r="AM15" s="5"/>
      <c r="AN15" s="295"/>
      <c r="AO15" s="296"/>
      <c r="AP15" s="296"/>
      <c r="AQ15" s="296"/>
      <c r="AR15" s="296"/>
      <c r="AS15" s="297"/>
      <c r="AT15" s="545"/>
      <c r="AU15" s="546"/>
      <c r="AV15" s="546"/>
      <c r="AW15" s="546"/>
      <c r="AX15" s="546"/>
      <c r="AY15" s="546"/>
      <c r="AZ15" s="546"/>
      <c r="BA15" s="546"/>
      <c r="BB15" s="546"/>
      <c r="BC15" s="546"/>
      <c r="BD15" s="546"/>
      <c r="BE15" s="546"/>
      <c r="BF15" s="546"/>
      <c r="BG15" s="546"/>
      <c r="BH15" s="546"/>
      <c r="BI15" s="546"/>
      <c r="BJ15" s="546"/>
      <c r="BK15" s="546"/>
      <c r="BL15" s="546"/>
      <c r="BM15" s="546"/>
      <c r="BN15" s="546"/>
      <c r="BO15" s="546"/>
      <c r="BP15" s="546"/>
      <c r="BQ15" s="546"/>
      <c r="BR15" s="546"/>
      <c r="BS15" s="546"/>
      <c r="BT15" s="546"/>
      <c r="BU15" s="546"/>
      <c r="BV15" s="546"/>
      <c r="BW15" s="546"/>
      <c r="BX15" s="546"/>
      <c r="BY15" s="546"/>
      <c r="BZ15" s="546"/>
      <c r="CA15" s="546"/>
      <c r="CB15" s="546"/>
      <c r="CC15" s="546"/>
      <c r="CD15" s="546"/>
      <c r="CE15" s="546"/>
      <c r="CF15" s="546"/>
      <c r="CG15" s="546"/>
      <c r="CH15" s="546"/>
      <c r="CI15" s="546"/>
      <c r="CJ15" s="546"/>
      <c r="CK15" s="546"/>
      <c r="CL15" s="546"/>
      <c r="CM15" s="547"/>
    </row>
    <row r="16" spans="1:100" ht="17.25" customHeight="1" x14ac:dyDescent="0.15">
      <c r="A16" s="382" t="s">
        <v>249</v>
      </c>
      <c r="B16" s="484"/>
      <c r="C16" s="484"/>
      <c r="D16" s="484"/>
      <c r="E16" s="485"/>
      <c r="F16" s="345" t="s">
        <v>1380</v>
      </c>
      <c r="G16" s="346"/>
      <c r="H16" s="346"/>
      <c r="I16" s="346"/>
      <c r="J16" s="346"/>
      <c r="K16" s="346"/>
      <c r="L16" s="346"/>
      <c r="M16" s="346"/>
      <c r="N16" s="514"/>
      <c r="O16" s="418"/>
      <c r="P16" s="419"/>
      <c r="Q16" s="377">
        <v>20059</v>
      </c>
      <c r="R16" s="220"/>
      <c r="S16" s="220"/>
      <c r="T16" s="220"/>
      <c r="U16" s="371" t="s">
        <v>326</v>
      </c>
      <c r="V16" s="220"/>
      <c r="W16" s="220"/>
      <c r="X16" s="220"/>
      <c r="Y16" s="399" t="s">
        <v>80</v>
      </c>
      <c r="Z16" s="985"/>
      <c r="AA16" s="985"/>
      <c r="AB16" s="985"/>
      <c r="AC16" s="985"/>
      <c r="AD16" s="985"/>
      <c r="AE16" s="985"/>
      <c r="AF16" s="985"/>
      <c r="AG16" s="985"/>
      <c r="AH16" s="985"/>
      <c r="AI16" s="985"/>
      <c r="AJ16" s="985"/>
      <c r="AK16" s="985"/>
      <c r="AL16" s="986"/>
      <c r="AM16" s="5"/>
      <c r="AN16" s="292" t="s">
        <v>220</v>
      </c>
      <c r="AO16" s="293"/>
      <c r="AP16" s="293"/>
      <c r="AQ16" s="293"/>
      <c r="AR16" s="293"/>
      <c r="AS16" s="294"/>
      <c r="AT16" s="987" t="s">
        <v>1165</v>
      </c>
      <c r="AU16" s="988"/>
      <c r="AV16" s="988"/>
      <c r="AW16" s="988"/>
      <c r="AX16" s="988"/>
      <c r="AY16" s="988"/>
      <c r="AZ16" s="988"/>
      <c r="BA16" s="988"/>
      <c r="BB16" s="988"/>
      <c r="BC16" s="988"/>
      <c r="BD16" s="988"/>
      <c r="BE16" s="988"/>
      <c r="BF16" s="988"/>
      <c r="BG16" s="988"/>
      <c r="BH16" s="988"/>
      <c r="BI16" s="988"/>
      <c r="BJ16" s="988"/>
      <c r="BK16" s="988"/>
      <c r="BL16" s="988"/>
      <c r="BM16" s="988"/>
      <c r="BN16" s="988"/>
      <c r="BO16" s="988"/>
      <c r="BP16" s="988"/>
      <c r="BQ16" s="988"/>
      <c r="BR16" s="988"/>
      <c r="BS16" s="988"/>
      <c r="BT16" s="988"/>
      <c r="BU16" s="988"/>
      <c r="BV16" s="988"/>
      <c r="BW16" s="988"/>
      <c r="BX16" s="988"/>
      <c r="BY16" s="988"/>
      <c r="BZ16" s="988"/>
      <c r="CA16" s="988"/>
      <c r="CB16" s="988"/>
      <c r="CC16" s="988"/>
      <c r="CD16" s="988"/>
      <c r="CE16" s="988"/>
      <c r="CF16" s="988"/>
      <c r="CG16" s="988"/>
      <c r="CH16" s="988"/>
      <c r="CI16" s="988"/>
      <c r="CJ16" s="988"/>
      <c r="CK16" s="988"/>
      <c r="CL16" s="988"/>
      <c r="CM16" s="989"/>
      <c r="CQ16" s="3" ph="1"/>
      <c r="CR16" s="3" ph="1"/>
      <c r="CS16" s="3" ph="1"/>
      <c r="CT16" s="3" ph="1"/>
      <c r="CU16" s="3" ph="1"/>
      <c r="CV16" s="3" ph="1"/>
    </row>
    <row r="17" spans="1:100" ht="17.25" customHeight="1" x14ac:dyDescent="0.15">
      <c r="A17" s="361"/>
      <c r="B17" s="362"/>
      <c r="C17" s="362"/>
      <c r="D17" s="362"/>
      <c r="E17" s="363"/>
      <c r="F17" s="398" t="s">
        <v>1379</v>
      </c>
      <c r="G17" s="369"/>
      <c r="H17" s="369"/>
      <c r="I17" s="369"/>
      <c r="J17" s="369"/>
      <c r="K17" s="369"/>
      <c r="L17" s="369"/>
      <c r="M17" s="369"/>
      <c r="N17" s="514"/>
      <c r="O17" s="418"/>
      <c r="P17" s="419"/>
      <c r="Q17" s="377"/>
      <c r="R17" s="220"/>
      <c r="S17" s="220"/>
      <c r="T17" s="220"/>
      <c r="U17" s="371"/>
      <c r="V17" s="220"/>
      <c r="W17" s="220"/>
      <c r="X17" s="220"/>
      <c r="Y17" s="985"/>
      <c r="Z17" s="985"/>
      <c r="AA17" s="985"/>
      <c r="AB17" s="985"/>
      <c r="AC17" s="985"/>
      <c r="AD17" s="985"/>
      <c r="AE17" s="985"/>
      <c r="AF17" s="985"/>
      <c r="AG17" s="985"/>
      <c r="AH17" s="985"/>
      <c r="AI17" s="985"/>
      <c r="AJ17" s="985"/>
      <c r="AK17" s="985"/>
      <c r="AL17" s="986"/>
      <c r="AM17" s="5"/>
      <c r="AN17" s="295"/>
      <c r="AO17" s="296"/>
      <c r="AP17" s="296"/>
      <c r="AQ17" s="296"/>
      <c r="AR17" s="296"/>
      <c r="AS17" s="297"/>
      <c r="AT17" s="990"/>
      <c r="AU17" s="991"/>
      <c r="AV17" s="991"/>
      <c r="AW17" s="991"/>
      <c r="AX17" s="991"/>
      <c r="AY17" s="991"/>
      <c r="AZ17" s="991"/>
      <c r="BA17" s="991"/>
      <c r="BB17" s="991"/>
      <c r="BC17" s="991"/>
      <c r="BD17" s="991"/>
      <c r="BE17" s="991"/>
      <c r="BF17" s="991"/>
      <c r="BG17" s="991"/>
      <c r="BH17" s="991"/>
      <c r="BI17" s="991"/>
      <c r="BJ17" s="991"/>
      <c r="BK17" s="991"/>
      <c r="BL17" s="991"/>
      <c r="BM17" s="991"/>
      <c r="BN17" s="991"/>
      <c r="BO17" s="991"/>
      <c r="BP17" s="991"/>
      <c r="BQ17" s="991"/>
      <c r="BR17" s="991"/>
      <c r="BS17" s="991"/>
      <c r="BT17" s="991"/>
      <c r="BU17" s="991"/>
      <c r="BV17" s="991"/>
      <c r="BW17" s="991"/>
      <c r="BX17" s="991"/>
      <c r="BY17" s="991"/>
      <c r="BZ17" s="991"/>
      <c r="CA17" s="991"/>
      <c r="CB17" s="991"/>
      <c r="CC17" s="991"/>
      <c r="CD17" s="991"/>
      <c r="CE17" s="991"/>
      <c r="CF17" s="991"/>
      <c r="CG17" s="991"/>
      <c r="CH17" s="991"/>
      <c r="CI17" s="991"/>
      <c r="CJ17" s="991"/>
      <c r="CK17" s="991"/>
      <c r="CL17" s="991"/>
      <c r="CM17" s="992"/>
      <c r="CQ17" s="3" ph="1"/>
      <c r="CR17" s="3" ph="1"/>
      <c r="CS17" s="3" ph="1"/>
      <c r="CT17" s="3" ph="1"/>
      <c r="CU17" s="3" ph="1"/>
      <c r="CV17" s="3" ph="1"/>
    </row>
    <row r="18" spans="1:100" ht="17.25" customHeight="1" x14ac:dyDescent="0.15">
      <c r="A18" s="361"/>
      <c r="B18" s="362"/>
      <c r="C18" s="362"/>
      <c r="D18" s="362"/>
      <c r="E18" s="363"/>
      <c r="F18" s="370"/>
      <c r="G18" s="370"/>
      <c r="H18" s="370"/>
      <c r="I18" s="370"/>
      <c r="J18" s="370"/>
      <c r="K18" s="370"/>
      <c r="L18" s="370"/>
      <c r="M18" s="370"/>
      <c r="N18" s="514"/>
      <c r="O18" s="418"/>
      <c r="P18" s="419"/>
      <c r="Q18" s="377">
        <v>20546</v>
      </c>
      <c r="R18" s="220"/>
      <c r="S18" s="220"/>
      <c r="T18" s="220"/>
      <c r="U18" s="371" t="s">
        <v>326</v>
      </c>
      <c r="V18" s="220"/>
      <c r="W18" s="220"/>
      <c r="X18" s="220"/>
      <c r="Y18" s="399" t="s">
        <v>81</v>
      </c>
      <c r="Z18" s="985"/>
      <c r="AA18" s="985"/>
      <c r="AB18" s="985"/>
      <c r="AC18" s="985"/>
      <c r="AD18" s="985"/>
      <c r="AE18" s="985"/>
      <c r="AF18" s="985"/>
      <c r="AG18" s="985"/>
      <c r="AH18" s="985"/>
      <c r="AI18" s="985"/>
      <c r="AJ18" s="985"/>
      <c r="AK18" s="985"/>
      <c r="AL18" s="986"/>
      <c r="AM18" s="5"/>
      <c r="AN18" s="292" t="s">
        <v>221</v>
      </c>
      <c r="AO18" s="293"/>
      <c r="AP18" s="293"/>
      <c r="AQ18" s="293"/>
      <c r="AR18" s="293"/>
      <c r="AS18" s="294"/>
      <c r="AT18" s="460" t="s">
        <v>860</v>
      </c>
      <c r="AU18" s="349"/>
      <c r="AV18" s="349"/>
      <c r="AW18" s="349"/>
      <c r="AX18" s="349"/>
      <c r="AY18" s="349"/>
      <c r="AZ18" s="349"/>
      <c r="BA18" s="349"/>
      <c r="BB18" s="349"/>
      <c r="BC18" s="349"/>
      <c r="BD18" s="349"/>
      <c r="BE18" s="349"/>
      <c r="BF18" s="349"/>
      <c r="BG18" s="349"/>
      <c r="BH18" s="349"/>
      <c r="BI18" s="349"/>
      <c r="BJ18" s="349"/>
      <c r="BK18" s="349"/>
      <c r="BL18" s="349"/>
      <c r="BM18" s="349"/>
      <c r="BN18" s="349"/>
      <c r="BO18" s="349"/>
      <c r="BP18" s="349"/>
      <c r="BQ18" s="349"/>
      <c r="BR18" s="349"/>
      <c r="BS18" s="349"/>
      <c r="BT18" s="349"/>
      <c r="BU18" s="349"/>
      <c r="BV18" s="349"/>
      <c r="BW18" s="349"/>
      <c r="BX18" s="349"/>
      <c r="BY18" s="349"/>
      <c r="BZ18" s="349"/>
      <c r="CA18" s="349"/>
      <c r="CB18" s="349"/>
      <c r="CC18" s="349"/>
      <c r="CD18" s="349"/>
      <c r="CE18" s="349"/>
      <c r="CF18" s="349"/>
      <c r="CG18" s="349"/>
      <c r="CH18" s="349"/>
      <c r="CI18" s="349"/>
      <c r="CJ18" s="349"/>
      <c r="CK18" s="349"/>
      <c r="CL18" s="349"/>
      <c r="CM18" s="350"/>
      <c r="CQ18" s="3" ph="1"/>
      <c r="CR18" s="3" ph="1"/>
      <c r="CS18" s="3" ph="1"/>
      <c r="CT18" s="3" ph="1"/>
      <c r="CU18" s="3" ph="1"/>
      <c r="CV18" s="3" ph="1"/>
    </row>
    <row r="19" spans="1:100" ht="17.25" customHeight="1" x14ac:dyDescent="0.15">
      <c r="A19" s="361"/>
      <c r="B19" s="362"/>
      <c r="C19" s="362"/>
      <c r="D19" s="362"/>
      <c r="E19" s="363"/>
      <c r="F19" s="345" t="s">
        <v>1382</v>
      </c>
      <c r="G19" s="346"/>
      <c r="H19" s="346"/>
      <c r="I19" s="346"/>
      <c r="J19" s="346"/>
      <c r="K19" s="346"/>
      <c r="L19" s="346"/>
      <c r="M19" s="346"/>
      <c r="N19" s="514"/>
      <c r="O19" s="418"/>
      <c r="P19" s="419"/>
      <c r="Q19" s="377"/>
      <c r="R19" s="220"/>
      <c r="S19" s="220"/>
      <c r="T19" s="220"/>
      <c r="U19" s="371"/>
      <c r="V19" s="371"/>
      <c r="W19" s="371"/>
      <c r="X19" s="371"/>
      <c r="Y19" s="985"/>
      <c r="Z19" s="985"/>
      <c r="AA19" s="985"/>
      <c r="AB19" s="985"/>
      <c r="AC19" s="985"/>
      <c r="AD19" s="985"/>
      <c r="AE19" s="985"/>
      <c r="AF19" s="985"/>
      <c r="AG19" s="985"/>
      <c r="AH19" s="985"/>
      <c r="AI19" s="985"/>
      <c r="AJ19" s="985"/>
      <c r="AK19" s="985"/>
      <c r="AL19" s="986"/>
      <c r="AM19" s="5"/>
      <c r="AN19" s="295"/>
      <c r="AO19" s="296"/>
      <c r="AP19" s="296"/>
      <c r="AQ19" s="296"/>
      <c r="AR19" s="296"/>
      <c r="AS19" s="297"/>
      <c r="AT19" s="901"/>
      <c r="AU19" s="353"/>
      <c r="AV19" s="353"/>
      <c r="AW19" s="353"/>
      <c r="AX19" s="353"/>
      <c r="AY19" s="353"/>
      <c r="AZ19" s="353"/>
      <c r="BA19" s="353"/>
      <c r="BB19" s="353"/>
      <c r="BC19" s="353"/>
      <c r="BD19" s="353"/>
      <c r="BE19" s="353"/>
      <c r="BF19" s="353"/>
      <c r="BG19" s="353"/>
      <c r="BH19" s="353"/>
      <c r="BI19" s="353"/>
      <c r="BJ19" s="353"/>
      <c r="BK19" s="353"/>
      <c r="BL19" s="353"/>
      <c r="BM19" s="353"/>
      <c r="BN19" s="353"/>
      <c r="BO19" s="353"/>
      <c r="BP19" s="353"/>
      <c r="BQ19" s="353"/>
      <c r="BR19" s="353"/>
      <c r="BS19" s="353"/>
      <c r="BT19" s="353"/>
      <c r="BU19" s="353"/>
      <c r="BV19" s="353"/>
      <c r="BW19" s="353"/>
      <c r="BX19" s="353"/>
      <c r="BY19" s="353"/>
      <c r="BZ19" s="353"/>
      <c r="CA19" s="353"/>
      <c r="CB19" s="353"/>
      <c r="CC19" s="353"/>
      <c r="CD19" s="353"/>
      <c r="CE19" s="353"/>
      <c r="CF19" s="353"/>
      <c r="CG19" s="353"/>
      <c r="CH19" s="353"/>
      <c r="CI19" s="353"/>
      <c r="CJ19" s="353"/>
      <c r="CK19" s="353"/>
      <c r="CL19" s="353"/>
      <c r="CM19" s="354"/>
      <c r="CQ19" s="3" ph="1"/>
      <c r="CR19" s="3" ph="1"/>
      <c r="CS19" s="3" ph="1"/>
      <c r="CT19" s="3" ph="1"/>
      <c r="CU19" s="3" ph="1"/>
      <c r="CV19" s="3" ph="1"/>
    </row>
    <row r="20" spans="1:100" ht="17.25" customHeight="1" x14ac:dyDescent="0.15">
      <c r="A20" s="361"/>
      <c r="B20" s="362"/>
      <c r="C20" s="362"/>
      <c r="D20" s="362"/>
      <c r="E20" s="363"/>
      <c r="F20" s="398" t="s">
        <v>1381</v>
      </c>
      <c r="G20" s="369"/>
      <c r="H20" s="369"/>
      <c r="I20" s="369"/>
      <c r="J20" s="369"/>
      <c r="K20" s="369"/>
      <c r="L20" s="369"/>
      <c r="M20" s="369"/>
      <c r="N20" s="514"/>
      <c r="O20" s="418"/>
      <c r="P20" s="419"/>
      <c r="Q20" s="377">
        <v>26024</v>
      </c>
      <c r="R20" s="220"/>
      <c r="S20" s="220"/>
      <c r="T20" s="220"/>
      <c r="U20" s="371" t="s">
        <v>326</v>
      </c>
      <c r="V20" s="220"/>
      <c r="W20" s="220"/>
      <c r="X20" s="220"/>
      <c r="Y20" s="371" t="s">
        <v>82</v>
      </c>
      <c r="Z20" s="220"/>
      <c r="AA20" s="220"/>
      <c r="AB20" s="220"/>
      <c r="AC20" s="220"/>
      <c r="AD20" s="220"/>
      <c r="AE20" s="220"/>
      <c r="AF20" s="220"/>
      <c r="AG20" s="220"/>
      <c r="AH20" s="220"/>
      <c r="AI20" s="220"/>
      <c r="AJ20" s="220"/>
      <c r="AK20" s="220"/>
      <c r="AL20" s="372"/>
      <c r="AM20" s="5"/>
      <c r="AN20" s="292" t="s">
        <v>222</v>
      </c>
      <c r="AO20" s="293"/>
      <c r="AP20" s="293"/>
      <c r="AQ20" s="293"/>
      <c r="AR20" s="293"/>
      <c r="AS20" s="294"/>
      <c r="AT20" s="460" t="s">
        <v>1562</v>
      </c>
      <c r="AU20" s="349"/>
      <c r="AV20" s="349"/>
      <c r="AW20" s="349"/>
      <c r="AX20" s="349"/>
      <c r="AY20" s="349"/>
      <c r="AZ20" s="349"/>
      <c r="BA20" s="349"/>
      <c r="BB20" s="349"/>
      <c r="BC20" s="349"/>
      <c r="BD20" s="349"/>
      <c r="BE20" s="349"/>
      <c r="BF20" s="349"/>
      <c r="BG20" s="349"/>
      <c r="BH20" s="349"/>
      <c r="BI20" s="349"/>
      <c r="BJ20" s="349"/>
      <c r="BK20" s="349"/>
      <c r="BL20" s="349"/>
      <c r="BM20" s="349"/>
      <c r="BN20" s="349"/>
      <c r="BO20" s="349"/>
      <c r="BP20" s="349"/>
      <c r="BQ20" s="349"/>
      <c r="BR20" s="349"/>
      <c r="BS20" s="349"/>
      <c r="BT20" s="349"/>
      <c r="BU20" s="349"/>
      <c r="BV20" s="349"/>
      <c r="BW20" s="349"/>
      <c r="BX20" s="349"/>
      <c r="BY20" s="349"/>
      <c r="BZ20" s="349"/>
      <c r="CA20" s="349"/>
      <c r="CB20" s="349"/>
      <c r="CC20" s="349"/>
      <c r="CD20" s="349"/>
      <c r="CE20" s="349"/>
      <c r="CF20" s="349"/>
      <c r="CG20" s="349"/>
      <c r="CH20" s="349"/>
      <c r="CI20" s="349"/>
      <c r="CJ20" s="349"/>
      <c r="CK20" s="349"/>
      <c r="CL20" s="349"/>
      <c r="CM20" s="350"/>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14"/>
      <c r="O21" s="418"/>
      <c r="P21" s="419"/>
      <c r="Q21" s="377">
        <v>36831</v>
      </c>
      <c r="R21" s="220"/>
      <c r="S21" s="220"/>
      <c r="T21" s="220"/>
      <c r="U21" s="371" t="s">
        <v>364</v>
      </c>
      <c r="V21" s="220"/>
      <c r="W21" s="220"/>
      <c r="X21" s="220"/>
      <c r="Y21" s="371"/>
      <c r="Z21" s="220"/>
      <c r="AA21" s="220"/>
      <c r="AB21" s="220"/>
      <c r="AC21" s="220"/>
      <c r="AD21" s="220"/>
      <c r="AE21" s="220"/>
      <c r="AF21" s="220"/>
      <c r="AG21" s="220"/>
      <c r="AH21" s="220"/>
      <c r="AI21" s="220"/>
      <c r="AJ21" s="220"/>
      <c r="AK21" s="220"/>
      <c r="AL21" s="372"/>
      <c r="AM21" s="5"/>
      <c r="AN21" s="295"/>
      <c r="AO21" s="296"/>
      <c r="AP21" s="296"/>
      <c r="AQ21" s="296"/>
      <c r="AR21" s="296"/>
      <c r="AS21" s="297"/>
      <c r="AT21" s="901"/>
      <c r="AU21" s="353"/>
      <c r="AV21" s="353"/>
      <c r="AW21" s="353"/>
      <c r="AX21" s="353"/>
      <c r="AY21" s="353"/>
      <c r="AZ21" s="353"/>
      <c r="BA21" s="353"/>
      <c r="BB21" s="353"/>
      <c r="BC21" s="353"/>
      <c r="BD21" s="353"/>
      <c r="BE21" s="353"/>
      <c r="BF21" s="353"/>
      <c r="BG21" s="353"/>
      <c r="BH21" s="353"/>
      <c r="BI21" s="353"/>
      <c r="BJ21" s="353"/>
      <c r="BK21" s="353"/>
      <c r="BL21" s="353"/>
      <c r="BM21" s="353"/>
      <c r="BN21" s="353"/>
      <c r="BO21" s="353"/>
      <c r="BP21" s="353"/>
      <c r="BQ21" s="353"/>
      <c r="BR21" s="353"/>
      <c r="BS21" s="353"/>
      <c r="BT21" s="353"/>
      <c r="BU21" s="353"/>
      <c r="BV21" s="353"/>
      <c r="BW21" s="353"/>
      <c r="BX21" s="353"/>
      <c r="BY21" s="353"/>
      <c r="BZ21" s="353"/>
      <c r="CA21" s="353"/>
      <c r="CB21" s="353"/>
      <c r="CC21" s="353"/>
      <c r="CD21" s="353"/>
      <c r="CE21" s="353"/>
      <c r="CF21" s="353"/>
      <c r="CG21" s="353"/>
      <c r="CH21" s="353"/>
      <c r="CI21" s="353"/>
      <c r="CJ21" s="353"/>
      <c r="CK21" s="353"/>
      <c r="CL21" s="353"/>
      <c r="CM21" s="354"/>
      <c r="CQ21" s="3" ph="1"/>
      <c r="CR21" s="3" ph="1"/>
      <c r="CS21" s="3" ph="1"/>
      <c r="CT21" s="3" ph="1"/>
      <c r="CU21" s="3" ph="1"/>
      <c r="CV21" s="3" ph="1"/>
    </row>
    <row r="22" spans="1:100" ht="17.25" customHeight="1" x14ac:dyDescent="0.15">
      <c r="A22" s="332" t="s">
        <v>259</v>
      </c>
      <c r="B22" s="332"/>
      <c r="C22" s="332"/>
      <c r="D22" s="332"/>
      <c r="E22" s="332"/>
      <c r="F22" s="380" t="s">
        <v>1631</v>
      </c>
      <c r="G22" s="381"/>
      <c r="H22" s="381"/>
      <c r="I22" s="381"/>
      <c r="J22" s="381"/>
      <c r="K22" s="381"/>
      <c r="L22" s="381"/>
      <c r="M22" s="381"/>
      <c r="N22" s="514"/>
      <c r="O22" s="418"/>
      <c r="P22" s="419"/>
      <c r="Q22" s="377">
        <v>42095</v>
      </c>
      <c r="R22" s="220"/>
      <c r="S22" s="220"/>
      <c r="T22" s="220"/>
      <c r="U22" s="123" t="s">
        <v>382</v>
      </c>
      <c r="V22" s="6"/>
      <c r="W22" s="6"/>
      <c r="X22" s="6"/>
      <c r="Y22" s="123"/>
      <c r="Z22" s="6"/>
      <c r="AA22" s="6"/>
      <c r="AB22" s="6"/>
      <c r="AC22" s="6"/>
      <c r="AD22" s="6"/>
      <c r="AE22" s="6"/>
      <c r="AF22" s="6"/>
      <c r="AG22" s="6"/>
      <c r="AH22" s="6"/>
      <c r="AI22" s="6"/>
      <c r="AJ22" s="6"/>
      <c r="AK22" s="6"/>
      <c r="AL22" s="7"/>
      <c r="AM22" s="5"/>
      <c r="AN22" s="388" t="s">
        <v>257</v>
      </c>
      <c r="AO22" s="388"/>
      <c r="AP22" s="389"/>
      <c r="AQ22" s="389"/>
      <c r="AR22" s="389"/>
      <c r="AS22" s="389"/>
      <c r="AT22" s="389"/>
      <c r="AU22" s="389"/>
      <c r="AV22" s="389"/>
      <c r="AW22" s="389"/>
      <c r="AX22" s="389"/>
      <c r="AY22" s="389"/>
      <c r="AZ22" s="389"/>
      <c r="BA22" s="389"/>
      <c r="BB22" s="389"/>
      <c r="BC22" s="389"/>
      <c r="BD22" s="389"/>
      <c r="BE22" s="389"/>
      <c r="BF22" s="389"/>
      <c r="BG22" s="389"/>
      <c r="BH22" s="389"/>
      <c r="BI22" s="389"/>
      <c r="BJ22" s="389"/>
      <c r="BK22" s="389"/>
      <c r="BL22" s="389"/>
      <c r="BM22" s="389"/>
      <c r="BN22" s="389"/>
      <c r="BO22" s="389"/>
      <c r="BP22" s="389"/>
      <c r="BQ22" s="389"/>
      <c r="BR22" s="389"/>
      <c r="BS22" s="389"/>
      <c r="BT22" s="389"/>
      <c r="BU22" s="389"/>
      <c r="BV22" s="389"/>
      <c r="BW22" s="389"/>
      <c r="BX22" s="389"/>
      <c r="BY22" s="389"/>
      <c r="BZ22" s="389"/>
      <c r="CA22" s="389"/>
      <c r="CB22" s="389"/>
      <c r="CC22" s="389"/>
      <c r="CD22" s="389"/>
      <c r="CE22" s="389"/>
      <c r="CF22" s="389"/>
      <c r="CG22" s="389"/>
      <c r="CH22" s="389"/>
      <c r="CI22" s="389"/>
      <c r="CJ22" s="389"/>
      <c r="CK22" s="389"/>
      <c r="CL22" s="389"/>
      <c r="CM22" s="389"/>
      <c r="CQ22" s="3" ph="1"/>
      <c r="CR22" s="3" ph="1"/>
      <c r="CS22" s="3" ph="1"/>
      <c r="CT22" s="3" ph="1"/>
      <c r="CU22" s="3" ph="1"/>
      <c r="CV22" s="3" ph="1"/>
    </row>
    <row r="23" spans="1:100" ht="17.25" customHeight="1" x14ac:dyDescent="0.15">
      <c r="A23" s="328"/>
      <c r="B23" s="328"/>
      <c r="C23" s="328"/>
      <c r="D23" s="328"/>
      <c r="E23" s="328"/>
      <c r="F23" s="336" t="s">
        <v>1630</v>
      </c>
      <c r="G23" s="337"/>
      <c r="H23" s="337"/>
      <c r="I23" s="337"/>
      <c r="J23" s="337"/>
      <c r="K23" s="337"/>
      <c r="L23" s="337"/>
      <c r="M23" s="338"/>
      <c r="N23" s="514"/>
      <c r="O23" s="418"/>
      <c r="P23" s="419"/>
      <c r="Q23" s="378" t="s">
        <v>63</v>
      </c>
      <c r="R23" s="378"/>
      <c r="S23" s="378"/>
      <c r="T23" s="378"/>
      <c r="U23" s="378"/>
      <c r="V23" s="378"/>
      <c r="W23" s="378"/>
      <c r="X23" s="378"/>
      <c r="Y23" s="378"/>
      <c r="Z23" s="378"/>
      <c r="AA23" s="378"/>
      <c r="AB23" s="378"/>
      <c r="AC23" s="378"/>
      <c r="AD23" s="378"/>
      <c r="AE23" s="378"/>
      <c r="AF23" s="378"/>
      <c r="AG23" s="378"/>
      <c r="AH23" s="378"/>
      <c r="AI23" s="378"/>
      <c r="AJ23" s="378"/>
      <c r="AK23" s="378"/>
      <c r="AL23" s="379"/>
      <c r="AM23" s="5"/>
      <c r="AN23" s="2" t="s">
        <v>16</v>
      </c>
      <c r="AO23" s="786" t="s">
        <v>1457</v>
      </c>
      <c r="AP23" s="786"/>
      <c r="AQ23" s="786"/>
      <c r="AR23" s="786"/>
      <c r="AS23" s="786"/>
      <c r="AT23" s="786"/>
      <c r="AU23" s="786"/>
      <c r="AV23" s="786"/>
      <c r="AW23" s="786"/>
      <c r="AX23" s="786"/>
      <c r="AY23" s="786"/>
      <c r="AZ23" s="786"/>
      <c r="BA23" s="786"/>
      <c r="BB23" s="786"/>
      <c r="BC23" s="786"/>
      <c r="BD23" s="786"/>
      <c r="BE23" s="786"/>
      <c r="BF23" s="786"/>
      <c r="BG23" s="786"/>
      <c r="BH23" s="786"/>
      <c r="BI23" s="786"/>
      <c r="BJ23" s="786"/>
      <c r="BK23" s="786"/>
      <c r="BL23" s="786"/>
      <c r="BM23" s="786"/>
      <c r="BN23" s="786"/>
      <c r="BO23" s="786"/>
      <c r="BP23" s="786"/>
      <c r="BQ23" s="786"/>
      <c r="BR23" s="786"/>
      <c r="BS23" s="786"/>
      <c r="BT23" s="786"/>
      <c r="BU23" s="786"/>
      <c r="BV23" s="786"/>
      <c r="BW23" s="786"/>
      <c r="BX23" s="786"/>
      <c r="BY23" s="786"/>
      <c r="BZ23" s="786"/>
      <c r="CA23" s="786"/>
      <c r="CB23" s="786"/>
      <c r="CC23" s="786"/>
      <c r="CD23" s="786"/>
      <c r="CE23" s="786"/>
      <c r="CF23" s="786"/>
      <c r="CG23" s="786"/>
      <c r="CH23" s="786"/>
      <c r="CI23" s="786"/>
      <c r="CJ23" s="786"/>
      <c r="CK23" s="786"/>
      <c r="CL23" s="786"/>
      <c r="CM23" s="787"/>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14"/>
      <c r="O24" s="428" t="s">
        <v>258</v>
      </c>
      <c r="P24" s="428"/>
      <c r="Q24" s="486" t="s">
        <v>64</v>
      </c>
      <c r="R24" s="487"/>
      <c r="S24" s="487"/>
      <c r="T24" s="487"/>
      <c r="U24" s="487"/>
      <c r="V24" s="487"/>
      <c r="W24" s="487"/>
      <c r="X24" s="487"/>
      <c r="Y24" s="487"/>
      <c r="Z24" s="487"/>
      <c r="AA24" s="487"/>
      <c r="AB24" s="487"/>
      <c r="AC24" s="487"/>
      <c r="AD24" s="487"/>
      <c r="AE24" s="487"/>
      <c r="AF24" s="487"/>
      <c r="AG24" s="487"/>
      <c r="AH24" s="487"/>
      <c r="AI24" s="487"/>
      <c r="AJ24" s="487"/>
      <c r="AK24" s="487"/>
      <c r="AL24" s="488"/>
      <c r="AM24" s="5"/>
      <c r="AN24" s="37" t="s">
        <v>16</v>
      </c>
      <c r="AO24" s="993" t="s">
        <v>1458</v>
      </c>
      <c r="AP24" s="993"/>
      <c r="AQ24" s="993"/>
      <c r="AR24" s="993"/>
      <c r="AS24" s="993"/>
      <c r="AT24" s="993"/>
      <c r="AU24" s="993"/>
      <c r="AV24" s="993"/>
      <c r="AW24" s="993"/>
      <c r="AX24" s="993"/>
      <c r="AY24" s="993"/>
      <c r="AZ24" s="993"/>
      <c r="BA24" s="993"/>
      <c r="BB24" s="993"/>
      <c r="BC24" s="993"/>
      <c r="BD24" s="993"/>
      <c r="BE24" s="993"/>
      <c r="BF24" s="993"/>
      <c r="BG24" s="993"/>
      <c r="BH24" s="993"/>
      <c r="BI24" s="993"/>
      <c r="BJ24" s="993"/>
      <c r="BK24" s="993"/>
      <c r="BL24" s="993"/>
      <c r="BM24" s="993"/>
      <c r="BN24" s="993"/>
      <c r="BO24" s="993"/>
      <c r="BP24" s="993"/>
      <c r="BQ24" s="993"/>
      <c r="BR24" s="993"/>
      <c r="BS24" s="993"/>
      <c r="BT24" s="993"/>
      <c r="BU24" s="993"/>
      <c r="BV24" s="993"/>
      <c r="BW24" s="993"/>
      <c r="BX24" s="993"/>
      <c r="BY24" s="993"/>
      <c r="BZ24" s="993"/>
      <c r="CA24" s="993"/>
      <c r="CB24" s="993"/>
      <c r="CC24" s="993"/>
      <c r="CD24" s="993"/>
      <c r="CE24" s="993"/>
      <c r="CF24" s="993"/>
      <c r="CG24" s="993"/>
      <c r="CH24" s="993"/>
      <c r="CI24" s="993"/>
      <c r="CJ24" s="993"/>
      <c r="CK24" s="993"/>
      <c r="CL24" s="993"/>
      <c r="CM24" s="994"/>
      <c r="CQ24" s="3" ph="1"/>
      <c r="CR24" s="3" ph="1"/>
      <c r="CS24" s="3" ph="1"/>
      <c r="CT24" s="3" ph="1"/>
      <c r="CU24" s="3" ph="1"/>
      <c r="CV24" s="3" ph="1"/>
    </row>
    <row r="25" spans="1:100" ht="17.25" customHeight="1" x14ac:dyDescent="0.15">
      <c r="A25" s="328" t="s">
        <v>263</v>
      </c>
      <c r="B25" s="328"/>
      <c r="C25" s="328"/>
      <c r="D25" s="328"/>
      <c r="E25" s="328"/>
      <c r="F25" s="330" t="s">
        <v>1633</v>
      </c>
      <c r="G25" s="331"/>
      <c r="H25" s="331"/>
      <c r="I25" s="331"/>
      <c r="J25" s="331"/>
      <c r="K25" s="331"/>
      <c r="L25" s="331"/>
      <c r="M25" s="331"/>
      <c r="N25" s="514"/>
      <c r="O25" s="428"/>
      <c r="P25" s="428"/>
      <c r="Q25" s="342">
        <v>27961</v>
      </c>
      <c r="R25" s="343"/>
      <c r="S25" s="343"/>
      <c r="T25" s="343"/>
      <c r="U25" s="343"/>
      <c r="V25" s="343"/>
      <c r="W25" s="343"/>
      <c r="X25" s="343"/>
      <c r="Y25" s="343"/>
      <c r="Z25" s="343"/>
      <c r="AA25" s="343"/>
      <c r="AB25" s="343"/>
      <c r="AC25" s="343"/>
      <c r="AD25" s="343"/>
      <c r="AE25" s="343"/>
      <c r="AF25" s="343"/>
      <c r="AG25" s="343"/>
      <c r="AH25" s="343"/>
      <c r="AI25" s="343"/>
      <c r="AJ25" s="343"/>
      <c r="AK25" s="343"/>
      <c r="AL25" s="344"/>
      <c r="AM25" s="5"/>
      <c r="AN25" s="37" t="s">
        <v>16</v>
      </c>
      <c r="AO25" s="774" t="s">
        <v>1459</v>
      </c>
      <c r="AP25" s="999"/>
      <c r="AQ25" s="999"/>
      <c r="AR25" s="999"/>
      <c r="AS25" s="999"/>
      <c r="AT25" s="999"/>
      <c r="AU25" s="999"/>
      <c r="AV25" s="999"/>
      <c r="AW25" s="999"/>
      <c r="AX25" s="999"/>
      <c r="AY25" s="999"/>
      <c r="AZ25" s="999"/>
      <c r="BA25" s="999"/>
      <c r="BB25" s="999"/>
      <c r="BC25" s="999"/>
      <c r="BD25" s="999"/>
      <c r="BE25" s="999"/>
      <c r="BF25" s="999"/>
      <c r="BG25" s="999"/>
      <c r="BH25" s="999"/>
      <c r="BI25" s="999"/>
      <c r="BJ25" s="999"/>
      <c r="BK25" s="999"/>
      <c r="BL25" s="999"/>
      <c r="BM25" s="999"/>
      <c r="BN25" s="999"/>
      <c r="BO25" s="999"/>
      <c r="BP25" s="999"/>
      <c r="BQ25" s="999"/>
      <c r="BR25" s="999"/>
      <c r="BS25" s="999"/>
      <c r="BT25" s="999"/>
      <c r="BU25" s="999"/>
      <c r="BV25" s="999"/>
      <c r="BW25" s="999"/>
      <c r="BX25" s="999"/>
      <c r="BY25" s="999"/>
      <c r="BZ25" s="999"/>
      <c r="CA25" s="999"/>
      <c r="CB25" s="999"/>
      <c r="CC25" s="999"/>
      <c r="CD25" s="999"/>
      <c r="CE25" s="999"/>
      <c r="CF25" s="999"/>
      <c r="CG25" s="999"/>
      <c r="CH25" s="999"/>
      <c r="CI25" s="999"/>
      <c r="CJ25" s="999"/>
      <c r="CK25" s="999"/>
      <c r="CL25" s="999"/>
      <c r="CM25" s="1000"/>
      <c r="CQ25" s="3" ph="1"/>
      <c r="CR25" s="3" ph="1"/>
      <c r="CS25" s="3" ph="1"/>
      <c r="CT25" s="3" ph="1"/>
      <c r="CU25" s="3" ph="1"/>
      <c r="CV25" s="3" ph="1"/>
    </row>
    <row r="26" spans="1:100" ht="17.25" customHeight="1" x14ac:dyDescent="0.15">
      <c r="A26" s="328"/>
      <c r="B26" s="328"/>
      <c r="C26" s="328"/>
      <c r="D26" s="328"/>
      <c r="E26" s="328"/>
      <c r="F26" s="336" t="s">
        <v>1632</v>
      </c>
      <c r="G26" s="337"/>
      <c r="H26" s="337"/>
      <c r="I26" s="337"/>
      <c r="J26" s="337"/>
      <c r="K26" s="337"/>
      <c r="L26" s="337"/>
      <c r="M26" s="338"/>
      <c r="N26" s="514"/>
      <c r="O26" s="428" t="s">
        <v>260</v>
      </c>
      <c r="P26" s="428"/>
      <c r="Q26" s="486" t="s">
        <v>65</v>
      </c>
      <c r="R26" s="487"/>
      <c r="S26" s="487"/>
      <c r="T26" s="487"/>
      <c r="U26" s="487"/>
      <c r="V26" s="487"/>
      <c r="W26" s="487"/>
      <c r="X26" s="487"/>
      <c r="Y26" s="487"/>
      <c r="Z26" s="487"/>
      <c r="AA26" s="487"/>
      <c r="AB26" s="487"/>
      <c r="AC26" s="487"/>
      <c r="AD26" s="487"/>
      <c r="AE26" s="487"/>
      <c r="AF26" s="487"/>
      <c r="AG26" s="487"/>
      <c r="AH26" s="487"/>
      <c r="AI26" s="487"/>
      <c r="AJ26" s="487"/>
      <c r="AK26" s="487"/>
      <c r="AL26" s="488"/>
      <c r="AM26" s="5"/>
      <c r="AN26" s="37" t="s">
        <v>16</v>
      </c>
      <c r="AO26" s="774" t="s">
        <v>1460</v>
      </c>
      <c r="AP26" s="774"/>
      <c r="AQ26" s="774"/>
      <c r="AR26" s="774"/>
      <c r="AS26" s="774"/>
      <c r="AT26" s="774"/>
      <c r="AU26" s="774"/>
      <c r="AV26" s="774"/>
      <c r="AW26" s="774"/>
      <c r="AX26" s="774"/>
      <c r="AY26" s="774"/>
      <c r="AZ26" s="774"/>
      <c r="BA26" s="774"/>
      <c r="BB26" s="774"/>
      <c r="BC26" s="774"/>
      <c r="BD26" s="774"/>
      <c r="BE26" s="774"/>
      <c r="BF26" s="774"/>
      <c r="BG26" s="774"/>
      <c r="BH26" s="774"/>
      <c r="BI26" s="774"/>
      <c r="BJ26" s="774"/>
      <c r="BK26" s="774"/>
      <c r="BL26" s="774"/>
      <c r="BM26" s="774"/>
      <c r="BN26" s="774"/>
      <c r="BO26" s="774"/>
      <c r="BP26" s="774"/>
      <c r="BQ26" s="774"/>
      <c r="BR26" s="774"/>
      <c r="BS26" s="774"/>
      <c r="BT26" s="774"/>
      <c r="BU26" s="774"/>
      <c r="BV26" s="774"/>
      <c r="BW26" s="774"/>
      <c r="BX26" s="774"/>
      <c r="BY26" s="774"/>
      <c r="BZ26" s="774"/>
      <c r="CA26" s="774"/>
      <c r="CB26" s="774"/>
      <c r="CC26" s="774"/>
      <c r="CD26" s="774"/>
      <c r="CE26" s="774"/>
      <c r="CF26" s="774"/>
      <c r="CG26" s="774"/>
      <c r="CH26" s="774"/>
      <c r="CI26" s="774"/>
      <c r="CJ26" s="774"/>
      <c r="CK26" s="774"/>
      <c r="CL26" s="774"/>
      <c r="CM26" s="775"/>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14"/>
      <c r="O27" s="428"/>
      <c r="P27" s="428"/>
      <c r="Q27" s="342">
        <v>27961</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17" t="s">
        <v>16</v>
      </c>
      <c r="AO27" s="1001" t="s">
        <v>1461</v>
      </c>
      <c r="AP27" s="1001"/>
      <c r="AQ27" s="1001"/>
      <c r="AR27" s="1001"/>
      <c r="AS27" s="1001"/>
      <c r="AT27" s="1001"/>
      <c r="AU27" s="1001"/>
      <c r="AV27" s="1001"/>
      <c r="AW27" s="1001"/>
      <c r="AX27" s="1001"/>
      <c r="AY27" s="1001"/>
      <c r="AZ27" s="1001"/>
      <c r="BA27" s="1001"/>
      <c r="BB27" s="1001"/>
      <c r="BC27" s="1001"/>
      <c r="BD27" s="1001"/>
      <c r="BE27" s="1001"/>
      <c r="BF27" s="1001"/>
      <c r="BG27" s="1001"/>
      <c r="BH27" s="1001"/>
      <c r="BI27" s="1001"/>
      <c r="BJ27" s="1001"/>
      <c r="BK27" s="1001"/>
      <c r="BL27" s="1001"/>
      <c r="BM27" s="1001"/>
      <c r="BN27" s="1001"/>
      <c r="BO27" s="1001"/>
      <c r="BP27" s="1001"/>
      <c r="BQ27" s="1001"/>
      <c r="BR27" s="1001"/>
      <c r="BS27" s="1001"/>
      <c r="BT27" s="1001"/>
      <c r="BU27" s="1001"/>
      <c r="BV27" s="1001"/>
      <c r="BW27" s="1001"/>
      <c r="BX27" s="1001"/>
      <c r="BY27" s="1001"/>
      <c r="BZ27" s="1001"/>
      <c r="CA27" s="1001"/>
      <c r="CB27" s="1001"/>
      <c r="CC27" s="1001"/>
      <c r="CD27" s="1001"/>
      <c r="CE27" s="1001"/>
      <c r="CF27" s="1001"/>
      <c r="CG27" s="1001"/>
      <c r="CH27" s="1001"/>
      <c r="CI27" s="1001"/>
      <c r="CJ27" s="1001"/>
      <c r="CK27" s="1001"/>
      <c r="CL27" s="1001"/>
      <c r="CM27" s="1002"/>
      <c r="CN27" s="33"/>
      <c r="CQ27" s="3" ph="1"/>
      <c r="CR27" s="3" ph="1"/>
      <c r="CS27" s="3" ph="1"/>
      <c r="CT27" s="3" ph="1"/>
      <c r="CU27" s="3" ph="1"/>
      <c r="CV27" s="3" ph="1"/>
    </row>
    <row r="28" spans="1:100" ht="17.25" customHeight="1" x14ac:dyDescent="0.15">
      <c r="A28" s="129"/>
      <c r="B28" s="129"/>
      <c r="C28" s="129"/>
      <c r="D28" s="129"/>
      <c r="E28" s="129"/>
      <c r="F28" s="129"/>
      <c r="G28" s="129"/>
      <c r="H28" s="129"/>
      <c r="I28" s="129"/>
      <c r="J28" s="129"/>
      <c r="K28" s="129"/>
      <c r="L28" s="129"/>
      <c r="M28" s="129"/>
      <c r="N28" s="514"/>
      <c r="O28" s="428" t="s">
        <v>264</v>
      </c>
      <c r="P28" s="428"/>
      <c r="Q28" s="486" t="s">
        <v>66</v>
      </c>
      <c r="R28" s="487"/>
      <c r="S28" s="487"/>
      <c r="T28" s="487"/>
      <c r="U28" s="487"/>
      <c r="V28" s="487"/>
      <c r="W28" s="487"/>
      <c r="X28" s="487"/>
      <c r="Y28" s="487"/>
      <c r="Z28" s="488"/>
      <c r="AA28" s="995" t="s">
        <v>83</v>
      </c>
      <c r="AB28" s="996"/>
      <c r="AC28" s="486" t="s">
        <v>67</v>
      </c>
      <c r="AD28" s="487"/>
      <c r="AE28" s="487"/>
      <c r="AF28" s="487"/>
      <c r="AG28" s="487"/>
      <c r="AH28" s="487"/>
      <c r="AI28" s="487"/>
      <c r="AJ28" s="487"/>
      <c r="AK28" s="487"/>
      <c r="AL28" s="488"/>
      <c r="AM28" s="5"/>
      <c r="AN28" s="518" t="s">
        <v>261</v>
      </c>
      <c r="AO28" s="518"/>
      <c r="AP28" s="518"/>
      <c r="AQ28" s="518"/>
      <c r="AR28" s="518"/>
      <c r="AS28" s="518"/>
      <c r="AT28" s="518"/>
      <c r="AU28" s="518"/>
      <c r="AV28" s="518"/>
      <c r="AW28" s="518"/>
      <c r="AX28" s="518"/>
      <c r="AY28" s="518"/>
      <c r="AZ28" s="518"/>
      <c r="BA28" s="518"/>
      <c r="BB28" s="518"/>
      <c r="BC28" s="518"/>
      <c r="BD28" s="518"/>
      <c r="BE28" s="518"/>
      <c r="BF28" s="518"/>
      <c r="BG28" s="518"/>
      <c r="BH28" s="518"/>
      <c r="BI28" s="518"/>
      <c r="BJ28" s="518"/>
      <c r="BK28" s="518"/>
      <c r="BL28" s="518"/>
      <c r="BM28" s="518"/>
      <c r="BN28" s="518"/>
      <c r="BO28" s="518"/>
      <c r="BP28" s="518"/>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129"/>
      <c r="B29" s="129"/>
      <c r="C29" s="129"/>
      <c r="D29" s="129"/>
      <c r="E29" s="129"/>
      <c r="F29" s="129"/>
      <c r="G29" s="129"/>
      <c r="H29" s="129"/>
      <c r="I29" s="129"/>
      <c r="J29" s="129"/>
      <c r="K29" s="129"/>
      <c r="L29" s="129"/>
      <c r="M29" s="129"/>
      <c r="N29" s="514"/>
      <c r="O29" s="428"/>
      <c r="P29" s="428"/>
      <c r="Q29" s="342">
        <v>34912</v>
      </c>
      <c r="R29" s="343"/>
      <c r="S29" s="343"/>
      <c r="T29" s="343"/>
      <c r="U29" s="343"/>
      <c r="V29" s="343"/>
      <c r="W29" s="343"/>
      <c r="X29" s="343"/>
      <c r="Y29" s="343"/>
      <c r="Z29" s="344"/>
      <c r="AA29" s="997"/>
      <c r="AB29" s="998"/>
      <c r="AC29" s="342">
        <v>36951</v>
      </c>
      <c r="AD29" s="343"/>
      <c r="AE29" s="343"/>
      <c r="AF29" s="343"/>
      <c r="AG29" s="343"/>
      <c r="AH29" s="343"/>
      <c r="AI29" s="343"/>
      <c r="AJ29" s="343"/>
      <c r="AK29" s="343"/>
      <c r="AL29" s="344"/>
      <c r="AM29" s="5"/>
      <c r="AN29" s="38" t="s">
        <v>16</v>
      </c>
      <c r="AO29" s="786" t="s">
        <v>1462</v>
      </c>
      <c r="AP29" s="786"/>
      <c r="AQ29" s="786"/>
      <c r="AR29" s="786"/>
      <c r="AS29" s="786"/>
      <c r="AT29" s="786"/>
      <c r="AU29" s="786"/>
      <c r="AV29" s="786"/>
      <c r="AW29" s="786"/>
      <c r="AX29" s="786"/>
      <c r="AY29" s="786"/>
      <c r="AZ29" s="786"/>
      <c r="BA29" s="786"/>
      <c r="BB29" s="786"/>
      <c r="BC29" s="786"/>
      <c r="BD29" s="786"/>
      <c r="BE29" s="786"/>
      <c r="BF29" s="786"/>
      <c r="BG29" s="786"/>
      <c r="BH29" s="786"/>
      <c r="BI29" s="786"/>
      <c r="BJ29" s="786"/>
      <c r="BK29" s="786"/>
      <c r="BL29" s="786"/>
      <c r="BM29" s="786"/>
      <c r="BN29" s="786"/>
      <c r="BO29" s="786"/>
      <c r="BP29" s="787"/>
      <c r="BQ29" s="84"/>
      <c r="BR29" s="101"/>
      <c r="BS29" s="15"/>
      <c r="BT29" s="1"/>
      <c r="BU29" s="1"/>
      <c r="BV29" s="1"/>
      <c r="BW29" s="1"/>
      <c r="BX29" s="1"/>
      <c r="BY29" s="1"/>
      <c r="BZ29" s="1"/>
      <c r="CA29" s="1"/>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388" t="s">
        <v>268</v>
      </c>
      <c r="B30" s="389"/>
      <c r="C30" s="389"/>
      <c r="D30" s="389"/>
      <c r="E30" s="389"/>
      <c r="F30" s="389"/>
      <c r="G30" s="389"/>
      <c r="H30" s="389"/>
      <c r="I30" s="389"/>
      <c r="J30" s="389"/>
      <c r="K30" s="389"/>
      <c r="L30" s="389"/>
      <c r="M30" s="389"/>
      <c r="N30" s="389"/>
      <c r="O30" s="389"/>
      <c r="P30" s="389"/>
      <c r="Q30" s="389"/>
      <c r="R30" s="389"/>
      <c r="S30" s="389"/>
      <c r="T30" s="389"/>
      <c r="U30" s="389"/>
      <c r="V30" s="389"/>
      <c r="W30" s="389"/>
      <c r="X30" s="389"/>
      <c r="Y30" s="389"/>
      <c r="Z30" s="389"/>
      <c r="AA30" s="389"/>
      <c r="AB30" s="389"/>
      <c r="AC30" s="389"/>
      <c r="AD30" s="389"/>
      <c r="AE30" s="389"/>
      <c r="AF30" s="389"/>
      <c r="AG30" s="389"/>
      <c r="AH30" s="389"/>
      <c r="AI30" s="389"/>
      <c r="AJ30" s="389"/>
      <c r="AK30" s="389"/>
      <c r="AL30" s="389"/>
      <c r="AM30" s="5"/>
      <c r="AN30" s="39" t="s">
        <v>16</v>
      </c>
      <c r="AO30" s="672" t="s">
        <v>1463</v>
      </c>
      <c r="AP30" s="672"/>
      <c r="AQ30" s="672"/>
      <c r="AR30" s="672"/>
      <c r="AS30" s="672"/>
      <c r="AT30" s="672"/>
      <c r="AU30" s="672"/>
      <c r="AV30" s="672"/>
      <c r="AW30" s="672"/>
      <c r="AX30" s="672"/>
      <c r="AY30" s="672"/>
      <c r="AZ30" s="672"/>
      <c r="BA30" s="672"/>
      <c r="BB30" s="672"/>
      <c r="BC30" s="672"/>
      <c r="BD30" s="672"/>
      <c r="BE30" s="672"/>
      <c r="BF30" s="672"/>
      <c r="BG30" s="672"/>
      <c r="BH30" s="672"/>
      <c r="BI30" s="672"/>
      <c r="BJ30" s="672"/>
      <c r="BK30" s="672"/>
      <c r="BL30" s="672"/>
      <c r="BM30" s="672"/>
      <c r="BN30" s="672"/>
      <c r="BO30" s="672"/>
      <c r="BP30" s="673"/>
      <c r="BQ30" s="72"/>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302" t="s">
        <v>709</v>
      </c>
      <c r="B31" s="303"/>
      <c r="C31" s="303"/>
      <c r="D31" s="303"/>
      <c r="E31" s="303"/>
      <c r="F31" s="303"/>
      <c r="G31" s="303"/>
      <c r="H31" s="303"/>
      <c r="I31" s="303"/>
      <c r="J31" s="303"/>
      <c r="K31" s="303"/>
      <c r="L31" s="303"/>
      <c r="M31" s="303"/>
      <c r="N31" s="303"/>
      <c r="O31" s="303"/>
      <c r="P31" s="303"/>
      <c r="Q31" s="303"/>
      <c r="R31" s="303"/>
      <c r="S31" s="303"/>
      <c r="T31" s="303"/>
      <c r="U31" s="303"/>
      <c r="V31" s="303"/>
      <c r="W31" s="303"/>
      <c r="X31" s="303"/>
      <c r="Y31" s="303"/>
      <c r="Z31" s="303"/>
      <c r="AA31" s="303"/>
      <c r="AB31" s="303"/>
      <c r="AC31" s="303"/>
      <c r="AD31" s="303"/>
      <c r="AE31" s="303"/>
      <c r="AF31" s="303"/>
      <c r="AG31" s="303"/>
      <c r="AH31" s="303"/>
      <c r="AI31" s="303"/>
      <c r="AJ31" s="303"/>
      <c r="AK31" s="303"/>
      <c r="AL31" s="304"/>
      <c r="AM31" s="5"/>
      <c r="AN31" s="39" t="s">
        <v>16</v>
      </c>
      <c r="AO31" s="672" t="s">
        <v>1083</v>
      </c>
      <c r="AP31" s="672"/>
      <c r="AQ31" s="672"/>
      <c r="AR31" s="672"/>
      <c r="AS31" s="672"/>
      <c r="AT31" s="672"/>
      <c r="AU31" s="672"/>
      <c r="AV31" s="672"/>
      <c r="AW31" s="672"/>
      <c r="AX31" s="672"/>
      <c r="AY31" s="672"/>
      <c r="AZ31" s="672"/>
      <c r="BA31" s="672"/>
      <c r="BB31" s="672"/>
      <c r="BC31" s="672"/>
      <c r="BD31" s="672"/>
      <c r="BE31" s="672"/>
      <c r="BF31" s="672"/>
      <c r="BG31" s="672"/>
      <c r="BH31" s="672"/>
      <c r="BI31" s="672"/>
      <c r="BJ31" s="672"/>
      <c r="BK31" s="672"/>
      <c r="BL31" s="672"/>
      <c r="BM31" s="672"/>
      <c r="BN31" s="672"/>
      <c r="BO31" s="672"/>
      <c r="BP31" s="673"/>
      <c r="BQ31" s="73"/>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305"/>
      <c r="B32" s="306"/>
      <c r="C32" s="306"/>
      <c r="D32" s="306"/>
      <c r="E32" s="306"/>
      <c r="F32" s="306"/>
      <c r="G32" s="306"/>
      <c r="H32" s="306"/>
      <c r="I32" s="306"/>
      <c r="J32" s="306"/>
      <c r="K32" s="306"/>
      <c r="L32" s="306"/>
      <c r="M32" s="306"/>
      <c r="N32" s="306"/>
      <c r="O32" s="306"/>
      <c r="P32" s="306"/>
      <c r="Q32" s="306"/>
      <c r="R32" s="306"/>
      <c r="S32" s="306"/>
      <c r="T32" s="306"/>
      <c r="U32" s="306"/>
      <c r="V32" s="306"/>
      <c r="W32" s="306"/>
      <c r="X32" s="306"/>
      <c r="Y32" s="306"/>
      <c r="Z32" s="306"/>
      <c r="AA32" s="306"/>
      <c r="AB32" s="306"/>
      <c r="AC32" s="306"/>
      <c r="AD32" s="306"/>
      <c r="AE32" s="306"/>
      <c r="AF32" s="306"/>
      <c r="AG32" s="306"/>
      <c r="AH32" s="306"/>
      <c r="AI32" s="306"/>
      <c r="AJ32" s="306"/>
      <c r="AK32" s="306"/>
      <c r="AL32" s="307"/>
      <c r="AM32" s="5"/>
      <c r="AN32" s="39" t="s">
        <v>16</v>
      </c>
      <c r="AO32" s="774" t="s">
        <v>1084</v>
      </c>
      <c r="AP32" s="774"/>
      <c r="AQ32" s="774"/>
      <c r="AR32" s="774"/>
      <c r="AS32" s="774"/>
      <c r="AT32" s="774"/>
      <c r="AU32" s="774"/>
      <c r="AV32" s="774"/>
      <c r="AW32" s="774"/>
      <c r="AX32" s="774"/>
      <c r="AY32" s="774"/>
      <c r="AZ32" s="774"/>
      <c r="BA32" s="774"/>
      <c r="BB32" s="774"/>
      <c r="BC32" s="774"/>
      <c r="BD32" s="774"/>
      <c r="BE32" s="774"/>
      <c r="BF32" s="774"/>
      <c r="BG32" s="774"/>
      <c r="BH32" s="774"/>
      <c r="BI32" s="774"/>
      <c r="BJ32" s="774"/>
      <c r="BK32" s="774"/>
      <c r="BL32" s="774"/>
      <c r="BM32" s="774"/>
      <c r="BN32" s="774"/>
      <c r="BO32" s="774"/>
      <c r="BP32" s="775"/>
      <c r="BQ32" s="84"/>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308"/>
      <c r="B33" s="309"/>
      <c r="C33" s="309"/>
      <c r="D33" s="309"/>
      <c r="E33" s="309"/>
      <c r="F33" s="309"/>
      <c r="G33" s="309"/>
      <c r="H33" s="309"/>
      <c r="I33" s="309"/>
      <c r="J33" s="309"/>
      <c r="K33" s="309"/>
      <c r="L33" s="309"/>
      <c r="M33" s="309"/>
      <c r="N33" s="309"/>
      <c r="O33" s="309"/>
      <c r="P33" s="309"/>
      <c r="Q33" s="309"/>
      <c r="R33" s="309"/>
      <c r="S33" s="309"/>
      <c r="T33" s="309"/>
      <c r="U33" s="309"/>
      <c r="V33" s="309"/>
      <c r="W33" s="309"/>
      <c r="X33" s="309"/>
      <c r="Y33" s="309"/>
      <c r="Z33" s="309"/>
      <c r="AA33" s="309"/>
      <c r="AB33" s="309"/>
      <c r="AC33" s="309"/>
      <c r="AD33" s="309"/>
      <c r="AE33" s="309"/>
      <c r="AF33" s="309"/>
      <c r="AG33" s="309"/>
      <c r="AH33" s="309"/>
      <c r="AI33" s="309"/>
      <c r="AJ33" s="309"/>
      <c r="AK33" s="309"/>
      <c r="AL33" s="310"/>
      <c r="AM33" s="5"/>
      <c r="AN33" s="40" t="s">
        <v>16</v>
      </c>
      <c r="AO33" s="1003" t="s">
        <v>862</v>
      </c>
      <c r="AP33" s="1003"/>
      <c r="AQ33" s="1003"/>
      <c r="AR33" s="1003"/>
      <c r="AS33" s="1003"/>
      <c r="AT33" s="1003"/>
      <c r="AU33" s="1003"/>
      <c r="AV33" s="1003"/>
      <c r="AW33" s="1003"/>
      <c r="AX33" s="1003"/>
      <c r="AY33" s="1003"/>
      <c r="AZ33" s="1003"/>
      <c r="BA33" s="1003"/>
      <c r="BB33" s="1003"/>
      <c r="BC33" s="1003"/>
      <c r="BD33" s="1003"/>
      <c r="BE33" s="1003"/>
      <c r="BF33" s="1003"/>
      <c r="BG33" s="1003"/>
      <c r="BH33" s="1003"/>
      <c r="BI33" s="1003"/>
      <c r="BJ33" s="1003"/>
      <c r="BK33" s="1003"/>
      <c r="BL33" s="1003"/>
      <c r="BM33" s="1003"/>
      <c r="BN33" s="1003"/>
      <c r="BO33" s="1003"/>
      <c r="BP33" s="1004"/>
      <c r="BQ33" s="72"/>
      <c r="BR33" s="292" t="s">
        <v>267</v>
      </c>
      <c r="BS33" s="293"/>
      <c r="BT33" s="293"/>
      <c r="BU33" s="293"/>
      <c r="BV33" s="293"/>
      <c r="BW33" s="293"/>
      <c r="BX33" s="294"/>
      <c r="BY33" s="284">
        <v>2092</v>
      </c>
      <c r="BZ33" s="285"/>
      <c r="CA33" s="285"/>
      <c r="CB33" s="285"/>
      <c r="CC33" s="285"/>
      <c r="CD33" s="285"/>
      <c r="CE33" s="285"/>
      <c r="CF33" s="285"/>
      <c r="CG33" s="288"/>
      <c r="CH33" s="286">
        <v>2.4615</v>
      </c>
      <c r="CI33" s="286"/>
      <c r="CJ33" s="286"/>
      <c r="CK33" s="286"/>
      <c r="CL33" s="286"/>
      <c r="CM33" s="286"/>
      <c r="CQ33" s="3" ph="1"/>
      <c r="CR33" s="3" ph="1"/>
      <c r="CS33" s="3" ph="1"/>
      <c r="CT33" s="3" ph="1"/>
      <c r="CU33" s="3" ph="1"/>
      <c r="CV33" s="3" ph="1"/>
    </row>
    <row r="34" spans="1:100" ht="17.25" customHeight="1" x14ac:dyDescent="0.15">
      <c r="A34" s="518" t="s">
        <v>274</v>
      </c>
      <c r="B34" s="518"/>
      <c r="C34" s="518"/>
      <c r="D34" s="518"/>
      <c r="E34" s="518"/>
      <c r="F34" s="518"/>
      <c r="G34" s="518"/>
      <c r="H34" s="518"/>
      <c r="I34" s="518"/>
      <c r="J34" s="518"/>
      <c r="K34" s="518"/>
      <c r="L34" s="518"/>
      <c r="M34" s="518"/>
      <c r="N34" s="129"/>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11" t="s">
        <v>68</v>
      </c>
      <c r="B35" s="312"/>
      <c r="C35" s="312"/>
      <c r="D35" s="312"/>
      <c r="E35" s="312"/>
      <c r="F35" s="312"/>
      <c r="G35" s="312"/>
      <c r="H35" s="312"/>
      <c r="I35" s="312"/>
      <c r="J35" s="312"/>
      <c r="K35" s="312"/>
      <c r="L35" s="312"/>
      <c r="M35" s="313"/>
      <c r="N35" s="152"/>
      <c r="O35" s="114" t="s">
        <v>69</v>
      </c>
      <c r="P35" s="115"/>
      <c r="Q35" s="115"/>
      <c r="R35" s="115"/>
      <c r="S35" s="115"/>
      <c r="T35" s="115"/>
      <c r="U35" s="115"/>
      <c r="V35" s="115"/>
      <c r="W35" s="115"/>
      <c r="X35" s="115"/>
      <c r="Y35" s="115"/>
      <c r="Z35" s="115"/>
      <c r="AA35" s="115"/>
      <c r="AB35" s="115"/>
      <c r="AC35" s="115"/>
      <c r="AD35" s="115"/>
      <c r="AE35" s="115"/>
      <c r="AF35" s="115"/>
      <c r="AG35" s="115"/>
      <c r="AH35" s="115"/>
      <c r="AI35" s="115"/>
      <c r="AJ35" s="115"/>
      <c r="AK35" s="115"/>
      <c r="AL35" s="116"/>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19847</v>
      </c>
      <c r="BZ35" s="681"/>
      <c r="CA35" s="682"/>
      <c r="CB35" s="682"/>
      <c r="CC35" s="682"/>
      <c r="CD35" s="682"/>
      <c r="CE35" s="682"/>
      <c r="CF35" s="682"/>
      <c r="CG35" s="682"/>
      <c r="CH35" s="683">
        <v>23.352429999999998</v>
      </c>
      <c r="CI35" s="683"/>
      <c r="CJ35" s="683"/>
      <c r="CK35" s="683"/>
      <c r="CL35" s="683"/>
      <c r="CM35" s="683"/>
      <c r="CQ35" s="3" ph="1"/>
    </row>
    <row r="36" spans="1:100" ht="17.25" customHeight="1" x14ac:dyDescent="0.15">
      <c r="A36" s="251">
        <v>34243</v>
      </c>
      <c r="B36" s="252"/>
      <c r="C36" s="252"/>
      <c r="D36" s="252"/>
      <c r="E36" s="252"/>
      <c r="F36" s="252"/>
      <c r="G36" s="252"/>
      <c r="H36" s="252"/>
      <c r="I36" s="252"/>
      <c r="J36" s="252"/>
      <c r="K36" s="252"/>
      <c r="L36" s="252"/>
      <c r="M36" s="253"/>
      <c r="N36" s="144"/>
      <c r="O36" s="80" t="s">
        <v>70</v>
      </c>
      <c r="P36" s="130"/>
      <c r="Q36" s="130"/>
      <c r="R36" s="130"/>
      <c r="S36" s="130"/>
      <c r="T36" s="130"/>
      <c r="U36" s="130"/>
      <c r="V36" s="130"/>
      <c r="W36" s="130"/>
      <c r="X36" s="130"/>
      <c r="Y36" s="130"/>
      <c r="Z36" s="130"/>
      <c r="AA36" s="130"/>
      <c r="AB36" s="130"/>
      <c r="AC36" s="130"/>
      <c r="AD36" s="130"/>
      <c r="AE36" s="130"/>
      <c r="AF36" s="130"/>
      <c r="AG36" s="130"/>
      <c r="AH36" s="130"/>
      <c r="AI36" s="130"/>
      <c r="AJ36" s="130"/>
      <c r="AK36" s="130"/>
      <c r="AL36" s="131"/>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24" t="s">
        <v>71</v>
      </c>
      <c r="B37" s="692"/>
      <c r="C37" s="692"/>
      <c r="D37" s="692"/>
      <c r="E37" s="692"/>
      <c r="F37" s="692"/>
      <c r="G37" s="692"/>
      <c r="H37" s="692"/>
      <c r="I37" s="692"/>
      <c r="J37" s="692"/>
      <c r="K37" s="692"/>
      <c r="L37" s="692"/>
      <c r="M37" s="693"/>
      <c r="N37" s="129"/>
      <c r="O37" s="89" t="s">
        <v>72</v>
      </c>
      <c r="P37" s="130"/>
      <c r="Q37" s="130"/>
      <c r="R37" s="130"/>
      <c r="S37" s="130"/>
      <c r="T37" s="130"/>
      <c r="U37" s="130"/>
      <c r="V37" s="130"/>
      <c r="W37" s="130"/>
      <c r="X37" s="130"/>
      <c r="Y37" s="130"/>
      <c r="Z37" s="130"/>
      <c r="AA37" s="130"/>
      <c r="AB37" s="130"/>
      <c r="AC37" s="130"/>
      <c r="AD37" s="130"/>
      <c r="AE37" s="130"/>
      <c r="AF37" s="130"/>
      <c r="AG37" s="130"/>
      <c r="AH37" s="130"/>
      <c r="AI37" s="130"/>
      <c r="AJ37" s="130"/>
      <c r="AK37" s="130"/>
      <c r="AL37" s="131"/>
      <c r="AM37" s="5"/>
      <c r="AN37" s="287" t="s">
        <v>399</v>
      </c>
      <c r="AO37" s="287"/>
      <c r="AP37" s="287"/>
      <c r="AQ37" s="287"/>
      <c r="AR37" s="287"/>
      <c r="AS37" s="287"/>
      <c r="AT37" s="287"/>
      <c r="AU37" s="287"/>
      <c r="AV37" s="287"/>
      <c r="AW37" s="681">
        <v>194086</v>
      </c>
      <c r="AX37" s="681"/>
      <c r="AY37" s="681"/>
      <c r="AZ37" s="681"/>
      <c r="BA37" s="681"/>
      <c r="BB37" s="681"/>
      <c r="BC37" s="681"/>
      <c r="BD37" s="681"/>
      <c r="BE37" s="681"/>
      <c r="BF37" s="681"/>
      <c r="BG37" s="681">
        <v>79120</v>
      </c>
      <c r="BH37" s="681"/>
      <c r="BI37" s="681"/>
      <c r="BJ37" s="681"/>
      <c r="BK37" s="681"/>
      <c r="BL37" s="681"/>
      <c r="BM37" s="681"/>
      <c r="BN37" s="681"/>
      <c r="BO37" s="681"/>
      <c r="BP37" s="681"/>
      <c r="BQ37" s="149"/>
      <c r="BR37" s="680" t="s">
        <v>273</v>
      </c>
      <c r="BS37" s="680"/>
      <c r="BT37" s="680"/>
      <c r="BU37" s="680"/>
      <c r="BV37" s="680"/>
      <c r="BW37" s="680"/>
      <c r="BX37" s="680"/>
      <c r="BY37" s="681">
        <v>63050</v>
      </c>
      <c r="BZ37" s="681"/>
      <c r="CA37" s="682"/>
      <c r="CB37" s="682"/>
      <c r="CC37" s="682"/>
      <c r="CD37" s="682"/>
      <c r="CE37" s="682"/>
      <c r="CF37" s="682"/>
      <c r="CG37" s="682"/>
      <c r="CH37" s="683">
        <v>74.186070000000001</v>
      </c>
      <c r="CI37" s="683"/>
      <c r="CJ37" s="683"/>
      <c r="CK37" s="683"/>
      <c r="CL37" s="683"/>
      <c r="CM37" s="683"/>
      <c r="CQ37" s="3" ph="1"/>
    </row>
    <row r="38" spans="1:100" ht="17.25" customHeight="1" x14ac:dyDescent="0.15">
      <c r="A38" s="251">
        <v>38078</v>
      </c>
      <c r="B38" s="690"/>
      <c r="C38" s="690"/>
      <c r="D38" s="690"/>
      <c r="E38" s="690"/>
      <c r="F38" s="690"/>
      <c r="G38" s="690"/>
      <c r="H38" s="690"/>
      <c r="I38" s="690"/>
      <c r="J38" s="690"/>
      <c r="K38" s="690"/>
      <c r="L38" s="690"/>
      <c r="M38" s="691"/>
      <c r="N38" s="152"/>
      <c r="O38" s="80" t="s">
        <v>73</v>
      </c>
      <c r="P38" s="130"/>
      <c r="Q38" s="130"/>
      <c r="R38" s="130"/>
      <c r="S38" s="130"/>
      <c r="T38" s="130"/>
      <c r="U38" s="130"/>
      <c r="V38" s="130"/>
      <c r="W38" s="130"/>
      <c r="X38" s="130"/>
      <c r="Y38" s="130"/>
      <c r="Z38" s="130"/>
      <c r="AA38" s="130"/>
      <c r="AB38" s="130"/>
      <c r="AC38" s="130"/>
      <c r="AD38" s="130"/>
      <c r="AE38" s="130"/>
      <c r="AF38" s="130"/>
      <c r="AG38" s="130"/>
      <c r="AH38" s="130"/>
      <c r="AI38" s="130"/>
      <c r="AJ38" s="130"/>
      <c r="AK38" s="130"/>
      <c r="AL38" s="131"/>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324"/>
      <c r="B39" s="692"/>
      <c r="C39" s="692"/>
      <c r="D39" s="692"/>
      <c r="E39" s="692"/>
      <c r="F39" s="692"/>
      <c r="G39" s="692"/>
      <c r="H39" s="692"/>
      <c r="I39" s="692"/>
      <c r="J39" s="692"/>
      <c r="K39" s="692"/>
      <c r="L39" s="692"/>
      <c r="M39" s="693"/>
      <c r="N39" s="144"/>
      <c r="O39" s="80" t="s">
        <v>74</v>
      </c>
      <c r="P39" s="130"/>
      <c r="Q39" s="130"/>
      <c r="R39" s="130"/>
      <c r="S39" s="130"/>
      <c r="T39" s="130"/>
      <c r="U39" s="130"/>
      <c r="V39" s="130"/>
      <c r="W39" s="130"/>
      <c r="X39" s="130"/>
      <c r="Y39" s="130"/>
      <c r="Z39" s="130"/>
      <c r="AA39" s="130"/>
      <c r="AB39" s="130"/>
      <c r="AC39" s="130"/>
      <c r="AD39" s="130"/>
      <c r="AE39" s="130"/>
      <c r="AF39" s="130"/>
      <c r="AG39" s="130"/>
      <c r="AH39" s="130"/>
      <c r="AI39" s="130"/>
      <c r="AJ39" s="130"/>
      <c r="AK39" s="130"/>
      <c r="AL39" s="131"/>
      <c r="AM39" s="5"/>
      <c r="AN39" s="300" t="s">
        <v>1059</v>
      </c>
      <c r="AO39" s="300"/>
      <c r="AP39" s="300"/>
      <c r="AQ39" s="300"/>
      <c r="AR39" s="300"/>
      <c r="AS39" s="300"/>
      <c r="AT39" s="300"/>
      <c r="AU39" s="300"/>
      <c r="AV39" s="300"/>
      <c r="AW39" s="681">
        <v>188856</v>
      </c>
      <c r="AX39" s="681"/>
      <c r="AY39" s="681"/>
      <c r="AZ39" s="682"/>
      <c r="BA39" s="682"/>
      <c r="BB39" s="682"/>
      <c r="BC39" s="682"/>
      <c r="BD39" s="682"/>
      <c r="BE39" s="682"/>
      <c r="BF39" s="682"/>
      <c r="BG39" s="681">
        <v>81864</v>
      </c>
      <c r="BH39" s="681"/>
      <c r="BI39" s="681"/>
      <c r="BJ39" s="681"/>
      <c r="BK39" s="681"/>
      <c r="BL39" s="681"/>
      <c r="BM39" s="681"/>
      <c r="BN39" s="681"/>
      <c r="BO39" s="681"/>
      <c r="BP39" s="681"/>
      <c r="BQ39" s="149"/>
      <c r="BR39" s="301" t="s">
        <v>1119</v>
      </c>
      <c r="BS39" s="293"/>
      <c r="BT39" s="293"/>
      <c r="BU39" s="293"/>
      <c r="BV39" s="293"/>
      <c r="BW39" s="293"/>
      <c r="BX39" s="294"/>
      <c r="BY39" s="681">
        <v>88058</v>
      </c>
      <c r="BZ39" s="681"/>
      <c r="CA39" s="682"/>
      <c r="CB39" s="682"/>
      <c r="CC39" s="682"/>
      <c r="CD39" s="682"/>
      <c r="CE39" s="682"/>
      <c r="CF39" s="682"/>
      <c r="CG39" s="682"/>
      <c r="CH39" s="683">
        <v>100</v>
      </c>
      <c r="CI39" s="683"/>
      <c r="CJ39" s="683"/>
      <c r="CK39" s="683"/>
      <c r="CL39" s="683"/>
      <c r="CM39" s="683"/>
    </row>
    <row r="40" spans="1:100" ht="17.25" customHeight="1" x14ac:dyDescent="0.15">
      <c r="A40" s="251"/>
      <c r="B40" s="690"/>
      <c r="C40" s="690"/>
      <c r="D40" s="690"/>
      <c r="E40" s="690"/>
      <c r="F40" s="690"/>
      <c r="G40" s="690"/>
      <c r="H40" s="690"/>
      <c r="I40" s="690"/>
      <c r="J40" s="690"/>
      <c r="K40" s="690"/>
      <c r="L40" s="690"/>
      <c r="M40" s="691"/>
      <c r="N40" s="143"/>
      <c r="O40" s="80" t="s">
        <v>230</v>
      </c>
      <c r="P40" s="130"/>
      <c r="Q40" s="130"/>
      <c r="R40" s="130"/>
      <c r="S40" s="130"/>
      <c r="T40" s="130"/>
      <c r="U40" s="130"/>
      <c r="V40" s="130"/>
      <c r="W40" s="130"/>
      <c r="X40" s="130"/>
      <c r="Y40" s="130"/>
      <c r="Z40" s="130"/>
      <c r="AA40" s="130"/>
      <c r="AB40" s="130"/>
      <c r="AC40" s="130"/>
      <c r="AD40" s="130"/>
      <c r="AE40" s="130"/>
      <c r="AF40" s="130"/>
      <c r="AG40" s="130"/>
      <c r="AH40" s="130"/>
      <c r="AI40" s="130"/>
      <c r="AJ40" s="130"/>
      <c r="AK40" s="130"/>
      <c r="AL40" s="131"/>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16"/>
      <c r="B41" s="692"/>
      <c r="C41" s="692"/>
      <c r="D41" s="692"/>
      <c r="E41" s="692"/>
      <c r="F41" s="692"/>
      <c r="G41" s="692"/>
      <c r="H41" s="692"/>
      <c r="I41" s="692"/>
      <c r="J41" s="692"/>
      <c r="K41" s="692"/>
      <c r="L41" s="692"/>
      <c r="M41" s="693"/>
      <c r="N41" s="143"/>
      <c r="O41" s="782" t="s">
        <v>1220</v>
      </c>
      <c r="P41" s="783"/>
      <c r="Q41" s="783"/>
      <c r="R41" s="783"/>
      <c r="S41" s="783"/>
      <c r="T41" s="783"/>
      <c r="U41" s="783"/>
      <c r="V41" s="783"/>
      <c r="W41" s="783"/>
      <c r="X41" s="783"/>
      <c r="Y41" s="783"/>
      <c r="Z41" s="783"/>
      <c r="AA41" s="783"/>
      <c r="AB41" s="783"/>
      <c r="AC41" s="783"/>
      <c r="AD41" s="783"/>
      <c r="AE41" s="783"/>
      <c r="AF41" s="783"/>
      <c r="AG41" s="783"/>
      <c r="AH41" s="783"/>
      <c r="AI41" s="783"/>
      <c r="AJ41" s="783"/>
      <c r="AK41" s="783"/>
      <c r="AL41" s="784"/>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1005"/>
      <c r="B42" s="692"/>
      <c r="C42" s="692"/>
      <c r="D42" s="692"/>
      <c r="E42" s="692"/>
      <c r="F42" s="692"/>
      <c r="G42" s="692"/>
      <c r="H42" s="692"/>
      <c r="I42" s="692"/>
      <c r="J42" s="692"/>
      <c r="K42" s="692"/>
      <c r="L42" s="692"/>
      <c r="M42" s="693"/>
      <c r="N42" s="143"/>
      <c r="O42" s="1006" t="s">
        <v>1221</v>
      </c>
      <c r="P42" s="1007"/>
      <c r="Q42" s="1007"/>
      <c r="R42" s="1007"/>
      <c r="S42" s="1007"/>
      <c r="T42" s="1007"/>
      <c r="U42" s="1007"/>
      <c r="V42" s="1007"/>
      <c r="W42" s="1007"/>
      <c r="X42" s="1007"/>
      <c r="Y42" s="1007"/>
      <c r="Z42" s="1007"/>
      <c r="AA42" s="1007"/>
      <c r="AB42" s="1007"/>
      <c r="AC42" s="1007"/>
      <c r="AD42" s="1007"/>
      <c r="AE42" s="1007"/>
      <c r="AF42" s="1007"/>
      <c r="AG42" s="1007"/>
      <c r="AH42" s="1007"/>
      <c r="AI42" s="1007"/>
      <c r="AJ42" s="1007"/>
      <c r="AK42" s="1007"/>
      <c r="AL42" s="1008"/>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216"/>
      <c r="B43" s="692"/>
      <c r="C43" s="692"/>
      <c r="D43" s="692"/>
      <c r="E43" s="692"/>
      <c r="F43" s="692"/>
      <c r="G43" s="692"/>
      <c r="H43" s="692"/>
      <c r="I43" s="692"/>
      <c r="J43" s="692"/>
      <c r="K43" s="692"/>
      <c r="L43" s="692"/>
      <c r="M43" s="693"/>
      <c r="N43" s="144"/>
      <c r="O43" s="203" t="s">
        <v>318</v>
      </c>
      <c r="P43" s="208"/>
      <c r="Q43" s="208"/>
      <c r="R43" s="208"/>
      <c r="S43" s="208"/>
      <c r="T43" s="208"/>
      <c r="U43" s="208"/>
      <c r="V43" s="208"/>
      <c r="W43" s="208"/>
      <c r="X43" s="208"/>
      <c r="Y43" s="208"/>
      <c r="Z43" s="208"/>
      <c r="AA43" s="208"/>
      <c r="AB43" s="208"/>
      <c r="AC43" s="208"/>
      <c r="AD43" s="208"/>
      <c r="AE43" s="208"/>
      <c r="AF43" s="208"/>
      <c r="AG43" s="208"/>
      <c r="AH43" s="208"/>
      <c r="AI43" s="208"/>
      <c r="AJ43" s="208"/>
      <c r="AK43" s="208"/>
      <c r="AL43" s="209"/>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1005"/>
      <c r="B44" s="692"/>
      <c r="C44" s="692"/>
      <c r="D44" s="692"/>
      <c r="E44" s="692"/>
      <c r="F44" s="692"/>
      <c r="G44" s="692"/>
      <c r="H44" s="692"/>
      <c r="I44" s="692"/>
      <c r="J44" s="692"/>
      <c r="K44" s="692"/>
      <c r="L44" s="692"/>
      <c r="M44" s="693"/>
      <c r="N44" s="184"/>
      <c r="O44" s="204" t="s">
        <v>375</v>
      </c>
      <c r="P44" s="205"/>
      <c r="Q44" s="205"/>
      <c r="R44" s="205"/>
      <c r="S44" s="205"/>
      <c r="T44" s="205"/>
      <c r="U44" s="205"/>
      <c r="V44" s="205"/>
      <c r="W44" s="205"/>
      <c r="X44" s="205"/>
      <c r="Y44" s="205"/>
      <c r="Z44" s="205"/>
      <c r="AA44" s="205"/>
      <c r="AB44" s="205"/>
      <c r="AC44" s="205"/>
      <c r="AD44" s="205"/>
      <c r="AE44" s="205"/>
      <c r="AF44" s="205"/>
      <c r="AG44" s="205"/>
      <c r="AH44" s="205"/>
      <c r="AI44" s="205"/>
      <c r="AJ44" s="205"/>
      <c r="AK44" s="205"/>
      <c r="AL44" s="206"/>
      <c r="AM44" s="5"/>
      <c r="AN44" s="764">
        <v>1662.5</v>
      </c>
      <c r="AO44" s="765"/>
      <c r="AP44" s="765"/>
      <c r="AQ44" s="765"/>
      <c r="AR44" s="765"/>
      <c r="AS44" s="727" t="s">
        <v>383</v>
      </c>
      <c r="AT44" s="727"/>
      <c r="AU44" s="727"/>
      <c r="AV44" s="728"/>
      <c r="AW44" s="710">
        <v>30.5</v>
      </c>
      <c r="AX44" s="711"/>
      <c r="AY44" s="711"/>
      <c r="AZ44" s="711"/>
      <c r="BA44" s="711"/>
      <c r="BB44" s="711"/>
      <c r="BC44" s="706" t="s">
        <v>384</v>
      </c>
      <c r="BD44" s="706"/>
      <c r="BE44" s="706"/>
      <c r="BF44" s="707"/>
      <c r="BG44" s="729">
        <v>97.4</v>
      </c>
      <c r="BH44" s="730"/>
      <c r="BI44" s="730"/>
      <c r="BJ44" s="730"/>
      <c r="BK44" s="730"/>
      <c r="BL44" s="730"/>
      <c r="BM44" s="706" t="s">
        <v>384</v>
      </c>
      <c r="BN44" s="706"/>
      <c r="BO44" s="706"/>
      <c r="BP44" s="707"/>
      <c r="BQ44" s="185"/>
      <c r="BR44" s="714">
        <v>113.6</v>
      </c>
      <c r="BS44" s="715"/>
      <c r="BT44" s="715"/>
      <c r="BU44" s="715"/>
      <c r="BV44" s="715"/>
      <c r="BW44" s="715"/>
      <c r="BX44" s="715"/>
      <c r="BY44" s="696" t="s">
        <v>385</v>
      </c>
      <c r="BZ44" s="696"/>
      <c r="CA44" s="696"/>
      <c r="CB44" s="697"/>
      <c r="CC44" s="718">
        <v>2822</v>
      </c>
      <c r="CD44" s="719"/>
      <c r="CE44" s="719"/>
      <c r="CF44" s="719"/>
      <c r="CG44" s="719"/>
      <c r="CH44" s="719"/>
      <c r="CI44" s="719"/>
      <c r="CJ44" s="696" t="s">
        <v>386</v>
      </c>
      <c r="CK44" s="696"/>
      <c r="CL44" s="696"/>
      <c r="CM44" s="697"/>
    </row>
    <row r="45" spans="1:100" ht="17.25" customHeight="1" x14ac:dyDescent="0.15">
      <c r="A45" s="216"/>
      <c r="B45" s="692"/>
      <c r="C45" s="692"/>
      <c r="D45" s="692"/>
      <c r="E45" s="692"/>
      <c r="F45" s="692"/>
      <c r="G45" s="692"/>
      <c r="H45" s="692"/>
      <c r="I45" s="692"/>
      <c r="J45" s="692"/>
      <c r="K45" s="692"/>
      <c r="L45" s="692"/>
      <c r="M45" s="693"/>
      <c r="N45" s="144"/>
      <c r="O45" s="204" t="s">
        <v>1218</v>
      </c>
      <c r="P45" s="205"/>
      <c r="Q45" s="205"/>
      <c r="R45" s="205"/>
      <c r="S45" s="205"/>
      <c r="T45" s="205"/>
      <c r="U45" s="205"/>
      <c r="V45" s="205"/>
      <c r="W45" s="205"/>
      <c r="X45" s="205"/>
      <c r="Y45" s="205"/>
      <c r="Z45" s="205"/>
      <c r="AA45" s="205"/>
      <c r="AB45" s="205"/>
      <c r="AC45" s="205"/>
      <c r="AD45" s="205"/>
      <c r="AE45" s="205"/>
      <c r="AF45" s="205"/>
      <c r="AG45" s="205"/>
      <c r="AH45" s="205"/>
      <c r="AI45" s="205"/>
      <c r="AJ45" s="205"/>
      <c r="AK45" s="205"/>
      <c r="AL45" s="206"/>
      <c r="AM45" s="5"/>
      <c r="AN45" s="766"/>
      <c r="AO45" s="767"/>
      <c r="AP45" s="767"/>
      <c r="AQ45" s="767"/>
      <c r="AR45" s="767"/>
      <c r="AS45" s="282"/>
      <c r="AT45" s="282"/>
      <c r="AU45" s="282"/>
      <c r="AV45" s="283"/>
      <c r="AW45" s="712"/>
      <c r="AX45" s="713"/>
      <c r="AY45" s="713"/>
      <c r="AZ45" s="713"/>
      <c r="BA45" s="713"/>
      <c r="BB45" s="713"/>
      <c r="BC45" s="708"/>
      <c r="BD45" s="708"/>
      <c r="BE45" s="708"/>
      <c r="BF45" s="709"/>
      <c r="BG45" s="731"/>
      <c r="BH45" s="732"/>
      <c r="BI45" s="732"/>
      <c r="BJ45" s="732"/>
      <c r="BK45" s="732"/>
      <c r="BL45" s="732"/>
      <c r="BM45" s="708"/>
      <c r="BN45" s="708"/>
      <c r="BO45" s="708"/>
      <c r="BP45" s="709"/>
      <c r="BQ45" s="185"/>
      <c r="BR45" s="716"/>
      <c r="BS45" s="717"/>
      <c r="BT45" s="717"/>
      <c r="BU45" s="717"/>
      <c r="BV45" s="717"/>
      <c r="BW45" s="717"/>
      <c r="BX45" s="717"/>
      <c r="BY45" s="698"/>
      <c r="BZ45" s="698"/>
      <c r="CA45" s="698"/>
      <c r="CB45" s="699"/>
      <c r="CC45" s="720"/>
      <c r="CD45" s="721"/>
      <c r="CE45" s="721"/>
      <c r="CF45" s="721"/>
      <c r="CG45" s="721"/>
      <c r="CH45" s="721"/>
      <c r="CI45" s="721"/>
      <c r="CJ45" s="698"/>
      <c r="CK45" s="698"/>
      <c r="CL45" s="698"/>
      <c r="CM45" s="699"/>
    </row>
    <row r="46" spans="1:100" ht="17.25" customHeight="1" x14ac:dyDescent="0.15">
      <c r="A46" s="324"/>
      <c r="B46" s="692"/>
      <c r="C46" s="692"/>
      <c r="D46" s="692"/>
      <c r="E46" s="692"/>
      <c r="F46" s="692"/>
      <c r="G46" s="692"/>
      <c r="H46" s="692"/>
      <c r="I46" s="692"/>
      <c r="J46" s="692"/>
      <c r="K46" s="692"/>
      <c r="L46" s="692"/>
      <c r="M46" s="693"/>
      <c r="N46" s="143"/>
      <c r="O46" s="1006" t="s">
        <v>1219</v>
      </c>
      <c r="P46" s="1007"/>
      <c r="Q46" s="1007"/>
      <c r="R46" s="1007"/>
      <c r="S46" s="1007"/>
      <c r="T46" s="1007"/>
      <c r="U46" s="1007"/>
      <c r="V46" s="1007"/>
      <c r="W46" s="1007"/>
      <c r="X46" s="1007"/>
      <c r="Y46" s="1007"/>
      <c r="Z46" s="1007"/>
      <c r="AA46" s="1007"/>
      <c r="AB46" s="1007"/>
      <c r="AC46" s="1007"/>
      <c r="AD46" s="1007"/>
      <c r="AE46" s="1007"/>
      <c r="AF46" s="1007"/>
      <c r="AG46" s="1007"/>
      <c r="AH46" s="1007"/>
      <c r="AI46" s="1007"/>
      <c r="AJ46" s="1007"/>
      <c r="AK46" s="1007"/>
      <c r="AL46" s="1008"/>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216"/>
      <c r="B47" s="692"/>
      <c r="C47" s="692"/>
      <c r="D47" s="692"/>
      <c r="E47" s="692"/>
      <c r="F47" s="692"/>
      <c r="G47" s="692"/>
      <c r="H47" s="692"/>
      <c r="I47" s="692"/>
      <c r="J47" s="692"/>
      <c r="K47" s="692"/>
      <c r="L47" s="692"/>
      <c r="M47" s="693"/>
      <c r="N47" s="144"/>
      <c r="O47" s="207" t="s">
        <v>1222</v>
      </c>
      <c r="P47" s="201"/>
      <c r="Q47" s="201"/>
      <c r="R47" s="201"/>
      <c r="S47" s="201"/>
      <c r="T47" s="201"/>
      <c r="U47" s="201"/>
      <c r="V47" s="201"/>
      <c r="W47" s="201"/>
      <c r="X47" s="201"/>
      <c r="Y47" s="201"/>
      <c r="Z47" s="201"/>
      <c r="AA47" s="201"/>
      <c r="AB47" s="201"/>
      <c r="AC47" s="201"/>
      <c r="AD47" s="201"/>
      <c r="AE47" s="201"/>
      <c r="AF47" s="201"/>
      <c r="AG47" s="201"/>
      <c r="AH47" s="201"/>
      <c r="AI47" s="201"/>
      <c r="AJ47" s="201"/>
      <c r="AK47" s="201"/>
      <c r="AL47" s="202"/>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216"/>
      <c r="B48" s="692"/>
      <c r="C48" s="692"/>
      <c r="D48" s="692"/>
      <c r="E48" s="692"/>
      <c r="F48" s="692"/>
      <c r="G48" s="692"/>
      <c r="H48" s="692"/>
      <c r="I48" s="692"/>
      <c r="J48" s="692"/>
      <c r="K48" s="692"/>
      <c r="L48" s="692"/>
      <c r="M48" s="693"/>
      <c r="N48" s="143"/>
      <c r="O48" s="1006" t="s">
        <v>1223</v>
      </c>
      <c r="P48" s="1007"/>
      <c r="Q48" s="1007"/>
      <c r="R48" s="1007"/>
      <c r="S48" s="1007"/>
      <c r="T48" s="1007"/>
      <c r="U48" s="1007"/>
      <c r="V48" s="1007"/>
      <c r="W48" s="1007"/>
      <c r="X48" s="1007"/>
      <c r="Y48" s="1007"/>
      <c r="Z48" s="1007"/>
      <c r="AA48" s="1007"/>
      <c r="AB48" s="1007"/>
      <c r="AC48" s="1007"/>
      <c r="AD48" s="1007"/>
      <c r="AE48" s="1007"/>
      <c r="AF48" s="1007"/>
      <c r="AG48" s="1007"/>
      <c r="AH48" s="1007"/>
      <c r="AI48" s="1007"/>
      <c r="AJ48" s="1007"/>
      <c r="AK48" s="1007"/>
      <c r="AL48" s="1008"/>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216"/>
      <c r="B49" s="692"/>
      <c r="C49" s="692"/>
      <c r="D49" s="692"/>
      <c r="E49" s="692"/>
      <c r="F49" s="692"/>
      <c r="G49" s="692"/>
      <c r="H49" s="692"/>
      <c r="I49" s="692"/>
      <c r="J49" s="692"/>
      <c r="K49" s="692"/>
      <c r="L49" s="692"/>
      <c r="M49" s="693"/>
      <c r="N49" s="144"/>
      <c r="O49" s="1006"/>
      <c r="P49" s="1007"/>
      <c r="Q49" s="1007"/>
      <c r="R49" s="1007"/>
      <c r="S49" s="1007"/>
      <c r="T49" s="1007"/>
      <c r="U49" s="1007"/>
      <c r="V49" s="1007"/>
      <c r="W49" s="1007"/>
      <c r="X49" s="1007"/>
      <c r="Y49" s="1007"/>
      <c r="Z49" s="1007"/>
      <c r="AA49" s="1007"/>
      <c r="AB49" s="1007"/>
      <c r="AC49" s="1007"/>
      <c r="AD49" s="1007"/>
      <c r="AE49" s="1007"/>
      <c r="AF49" s="1007"/>
      <c r="AG49" s="1007"/>
      <c r="AH49" s="1007"/>
      <c r="AI49" s="1007"/>
      <c r="AJ49" s="1007"/>
      <c r="AK49" s="1007"/>
      <c r="AL49" s="1008"/>
      <c r="AM49" s="5"/>
      <c r="AN49" s="223">
        <v>40382.203000000001</v>
      </c>
      <c r="AO49" s="224"/>
      <c r="AP49" s="224"/>
      <c r="AQ49" s="224"/>
      <c r="AR49" s="224"/>
      <c r="AS49" s="224"/>
      <c r="AT49" s="225"/>
      <c r="AU49" s="229">
        <v>0.91200000000000003</v>
      </c>
      <c r="AV49" s="230"/>
      <c r="AW49" s="230"/>
      <c r="AX49" s="230"/>
      <c r="AY49" s="231"/>
      <c r="AZ49" s="210">
        <v>9.6</v>
      </c>
      <c r="BA49" s="211"/>
      <c r="BB49" s="211"/>
      <c r="BC49" s="211"/>
      <c r="BD49" s="212"/>
      <c r="BE49" s="210">
        <v>3.3</v>
      </c>
      <c r="BF49" s="211"/>
      <c r="BG49" s="211"/>
      <c r="BH49" s="211"/>
      <c r="BI49" s="212"/>
      <c r="BJ49" s="210">
        <v>38.4</v>
      </c>
      <c r="BK49" s="211"/>
      <c r="BL49" s="211"/>
      <c r="BM49" s="211"/>
      <c r="BN49" s="212"/>
      <c r="BO49" s="210">
        <v>12.7</v>
      </c>
      <c r="BP49" s="211"/>
      <c r="BQ49" s="211"/>
      <c r="BR49" s="211"/>
      <c r="BS49" s="212"/>
      <c r="BT49" s="210">
        <v>94</v>
      </c>
      <c r="BU49" s="211"/>
      <c r="BV49" s="211"/>
      <c r="BW49" s="211"/>
      <c r="BX49" s="212"/>
      <c r="BY49" s="210">
        <v>14.2</v>
      </c>
      <c r="BZ49" s="211"/>
      <c r="CA49" s="211"/>
      <c r="CB49" s="211"/>
      <c r="CC49" s="212"/>
      <c r="CD49" s="210">
        <v>53</v>
      </c>
      <c r="CE49" s="211"/>
      <c r="CF49" s="211"/>
      <c r="CG49" s="211"/>
      <c r="CH49" s="212"/>
      <c r="CI49" s="210">
        <v>53.6</v>
      </c>
      <c r="CJ49" s="211"/>
      <c r="CK49" s="211"/>
      <c r="CL49" s="211"/>
      <c r="CM49" s="212"/>
    </row>
    <row r="50" spans="1:91" ht="17.25" customHeight="1" x14ac:dyDescent="0.15">
      <c r="A50" s="235"/>
      <c r="B50" s="1009"/>
      <c r="C50" s="1009"/>
      <c r="D50" s="1009"/>
      <c r="E50" s="1009"/>
      <c r="F50" s="1009"/>
      <c r="G50" s="1009"/>
      <c r="H50" s="1009"/>
      <c r="I50" s="1009"/>
      <c r="J50" s="1009"/>
      <c r="K50" s="1009"/>
      <c r="L50" s="1009"/>
      <c r="M50" s="1010"/>
      <c r="N50" s="143"/>
      <c r="O50" s="1011"/>
      <c r="P50" s="1012"/>
      <c r="Q50" s="1012"/>
      <c r="R50" s="1012"/>
      <c r="S50" s="1012"/>
      <c r="T50" s="1012"/>
      <c r="U50" s="1012"/>
      <c r="V50" s="1012"/>
      <c r="W50" s="1012"/>
      <c r="X50" s="1012"/>
      <c r="Y50" s="1012"/>
      <c r="Z50" s="1012"/>
      <c r="AA50" s="1012"/>
      <c r="AB50" s="1012"/>
      <c r="AC50" s="1012"/>
      <c r="AD50" s="1012"/>
      <c r="AE50" s="1012"/>
      <c r="AF50" s="1012"/>
      <c r="AG50" s="1012"/>
      <c r="AH50" s="1012"/>
      <c r="AI50" s="1012"/>
      <c r="AJ50" s="1012"/>
      <c r="AK50" s="1012"/>
      <c r="AL50" s="1013"/>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4">
    <mergeCell ref="CI49:CM50"/>
    <mergeCell ref="A50:M50"/>
    <mergeCell ref="O50:AL50"/>
    <mergeCell ref="CI47:CM48"/>
    <mergeCell ref="A48:M48"/>
    <mergeCell ref="O48:AL48"/>
    <mergeCell ref="A49:M49"/>
    <mergeCell ref="O49:AL49"/>
    <mergeCell ref="AN49:AT50"/>
    <mergeCell ref="AU49:AY50"/>
    <mergeCell ref="AZ49:BD50"/>
    <mergeCell ref="BE49:BI50"/>
    <mergeCell ref="BJ49:BN50"/>
    <mergeCell ref="BE47:BI48"/>
    <mergeCell ref="BJ47:BN48"/>
    <mergeCell ref="BO47:BS48"/>
    <mergeCell ref="BT47:BX48"/>
    <mergeCell ref="BY47:CC48"/>
    <mergeCell ref="CD47:CH48"/>
    <mergeCell ref="A47:M47"/>
    <mergeCell ref="AN47:AT48"/>
    <mergeCell ref="AU47:AY48"/>
    <mergeCell ref="AZ47:BD48"/>
    <mergeCell ref="BO49:BS50"/>
    <mergeCell ref="BT49:BX50"/>
    <mergeCell ref="BY49:CC50"/>
    <mergeCell ref="CD49:CH50"/>
    <mergeCell ref="A42:M42"/>
    <mergeCell ref="O42:AL42"/>
    <mergeCell ref="AN42:AV43"/>
    <mergeCell ref="AW42:BF43"/>
    <mergeCell ref="BG42:BP43"/>
    <mergeCell ref="BR42:CB43"/>
    <mergeCell ref="CC42:CM43"/>
    <mergeCell ref="A46:M46"/>
    <mergeCell ref="O46:AL46"/>
    <mergeCell ref="AN46:AV46"/>
    <mergeCell ref="AW46:BD46"/>
    <mergeCell ref="CD46:CM46"/>
    <mergeCell ref="BM44:BP45"/>
    <mergeCell ref="BR44:BX45"/>
    <mergeCell ref="BY44:CB45"/>
    <mergeCell ref="CC44:CI45"/>
    <mergeCell ref="CJ44:CM45"/>
    <mergeCell ref="A45:M45"/>
    <mergeCell ref="A43:M43"/>
    <mergeCell ref="A44:M44"/>
    <mergeCell ref="AN44:AR45"/>
    <mergeCell ref="AS44:AV45"/>
    <mergeCell ref="AW44:BB45"/>
    <mergeCell ref="BC44:BF45"/>
    <mergeCell ref="BG44:BL45"/>
    <mergeCell ref="CH39:CM40"/>
    <mergeCell ref="A40:M40"/>
    <mergeCell ref="A41:M41"/>
    <mergeCell ref="O41:AL41"/>
    <mergeCell ref="AU41:BE41"/>
    <mergeCell ref="BR41:CM41"/>
    <mergeCell ref="A39:M39"/>
    <mergeCell ref="AN39:AV40"/>
    <mergeCell ref="AW39:BF40"/>
    <mergeCell ref="BG39:BP40"/>
    <mergeCell ref="BR39:BX40"/>
    <mergeCell ref="BY39:CG40"/>
    <mergeCell ref="CH35:CM36"/>
    <mergeCell ref="A36:M36"/>
    <mergeCell ref="A37:M37"/>
    <mergeCell ref="AN37:AV38"/>
    <mergeCell ref="AW37:BF38"/>
    <mergeCell ref="BG37:BP38"/>
    <mergeCell ref="BR37:BX38"/>
    <mergeCell ref="BY37:CG38"/>
    <mergeCell ref="CH37:CM38"/>
    <mergeCell ref="A38:M38"/>
    <mergeCell ref="A35:M35"/>
    <mergeCell ref="AN35:AV36"/>
    <mergeCell ref="AW35:BF36"/>
    <mergeCell ref="BG35:BP36"/>
    <mergeCell ref="BR35:BX36"/>
    <mergeCell ref="BY35:CG36"/>
    <mergeCell ref="BR33:BX34"/>
    <mergeCell ref="BY33:CG34"/>
    <mergeCell ref="CH33:CM34"/>
    <mergeCell ref="A34:M34"/>
    <mergeCell ref="O34:AL34"/>
    <mergeCell ref="AN34:BO34"/>
    <mergeCell ref="A30:AL30"/>
    <mergeCell ref="AO30:BP30"/>
    <mergeCell ref="BY30:CI30"/>
    <mergeCell ref="A31:AL33"/>
    <mergeCell ref="AO31:BP31"/>
    <mergeCell ref="BR31:BX32"/>
    <mergeCell ref="BY31:CG32"/>
    <mergeCell ref="CH31:CM32"/>
    <mergeCell ref="AO32:BP32"/>
    <mergeCell ref="AO33:BP33"/>
    <mergeCell ref="O28:P29"/>
    <mergeCell ref="Q28:Z28"/>
    <mergeCell ref="AA28:AB29"/>
    <mergeCell ref="AC28:AL28"/>
    <mergeCell ref="AN28:BP28"/>
    <mergeCell ref="Q29:Z29"/>
    <mergeCell ref="AC29:AL29"/>
    <mergeCell ref="AO29:BP29"/>
    <mergeCell ref="A25:E27"/>
    <mergeCell ref="F25:M25"/>
    <mergeCell ref="Q25:AL25"/>
    <mergeCell ref="AO25:CM25"/>
    <mergeCell ref="F26:M27"/>
    <mergeCell ref="O26:P27"/>
    <mergeCell ref="Q26:AL26"/>
    <mergeCell ref="AO26:CM26"/>
    <mergeCell ref="Q27:AL27"/>
    <mergeCell ref="AO27:CM27"/>
    <mergeCell ref="A22:E24"/>
    <mergeCell ref="F22:M22"/>
    <mergeCell ref="Q22:T22"/>
    <mergeCell ref="AN22:CM22"/>
    <mergeCell ref="F23:M24"/>
    <mergeCell ref="Q23:AL23"/>
    <mergeCell ref="AO23:CM23"/>
    <mergeCell ref="O24:P25"/>
    <mergeCell ref="Q24:AL24"/>
    <mergeCell ref="AO24:CM24"/>
    <mergeCell ref="AN18:AS19"/>
    <mergeCell ref="AT18:CM19"/>
    <mergeCell ref="Y15:AL15"/>
    <mergeCell ref="Q20:T20"/>
    <mergeCell ref="U20:X20"/>
    <mergeCell ref="Y20:AL20"/>
    <mergeCell ref="AN20:AS21"/>
    <mergeCell ref="AT20:CM21"/>
    <mergeCell ref="Q21:T21"/>
    <mergeCell ref="U21:X21"/>
    <mergeCell ref="Y21:AL21"/>
    <mergeCell ref="AN16:AS17"/>
    <mergeCell ref="AT16:CM17"/>
    <mergeCell ref="U15:X15"/>
    <mergeCell ref="A16:E21"/>
    <mergeCell ref="F16:M16"/>
    <mergeCell ref="Q16:T16"/>
    <mergeCell ref="U16:X16"/>
    <mergeCell ref="Y16:AL17"/>
    <mergeCell ref="F19:M19"/>
    <mergeCell ref="Q19:T19"/>
    <mergeCell ref="U19:X19"/>
    <mergeCell ref="F20:M21"/>
    <mergeCell ref="F17:M18"/>
    <mergeCell ref="Q17:T17"/>
    <mergeCell ref="U17:X17"/>
    <mergeCell ref="Q18:T18"/>
    <mergeCell ref="U18:X18"/>
    <mergeCell ref="Y18:AL19"/>
    <mergeCell ref="F13:M14"/>
    <mergeCell ref="Q13:T13"/>
    <mergeCell ref="U13:X13"/>
    <mergeCell ref="Y13:AL13"/>
    <mergeCell ref="AN13:CM13"/>
    <mergeCell ref="A9:D10"/>
    <mergeCell ref="E9:AL10"/>
    <mergeCell ref="A11:D11"/>
    <mergeCell ref="E11:AL11"/>
    <mergeCell ref="A12:E13"/>
    <mergeCell ref="F12:M12"/>
    <mergeCell ref="N12:N29"/>
    <mergeCell ref="O12:P23"/>
    <mergeCell ref="Q12:T12"/>
    <mergeCell ref="U12:X12"/>
    <mergeCell ref="A14:E14"/>
    <mergeCell ref="Q14:T14"/>
    <mergeCell ref="U14:X14"/>
    <mergeCell ref="Y14:AL14"/>
    <mergeCell ref="AN14:AS15"/>
    <mergeCell ref="AT14:CM15"/>
    <mergeCell ref="A15:E15"/>
    <mergeCell ref="F15:M15"/>
    <mergeCell ref="Q15:T15"/>
    <mergeCell ref="AN1:CM1"/>
    <mergeCell ref="AN2:CM12"/>
    <mergeCell ref="A4:D4"/>
    <mergeCell ref="E4:H4"/>
    <mergeCell ref="N4:AL4"/>
    <mergeCell ref="A5:H6"/>
    <mergeCell ref="A7:D8"/>
    <mergeCell ref="F7:K7"/>
    <mergeCell ref="L7:Y7"/>
    <mergeCell ref="Z7:AB8"/>
    <mergeCell ref="AC7:AL8"/>
    <mergeCell ref="E8:Y8"/>
    <mergeCell ref="A1:H3"/>
    <mergeCell ref="I1:M4"/>
    <mergeCell ref="N1:AL3"/>
    <mergeCell ref="Y12:AL12"/>
    <mergeCell ref="I5:AL6"/>
  </mergeCells>
  <phoneticPr fontId="3"/>
  <hyperlinks>
    <hyperlink ref="E11:AL11" r:id="rId1" display="http://www.city.odawara.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2"/>
  <headerFooter alignWithMargins="0">
    <oddFooter>&amp;C&amp;"ＭＳ 明朝,標準"―8―</oddFooter>
  </headerFooter>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10" zoomScale="70" zoomScaleNormal="100" zoomScaleSheetLayoutView="70" workbookViewId="0">
      <selection activeCell="F16" sqref="F16:M16"/>
    </sheetView>
  </sheetViews>
  <sheetFormatPr defaultColWidth="9" defaultRowHeight="12" x14ac:dyDescent="0.15"/>
  <cols>
    <col min="1" max="38" width="2.5" style="3" customWidth="1"/>
    <col min="39" max="39" width="3.375" style="3" customWidth="1"/>
    <col min="40" max="91" width="2.25" style="3" customWidth="1"/>
    <col min="92" max="94" width="2.5" style="3" customWidth="1"/>
    <col min="95" max="16384" width="9" style="3"/>
  </cols>
  <sheetData>
    <row r="1" spans="1:100" ht="17.25" customHeight="1" x14ac:dyDescent="0.15">
      <c r="A1" s="644" t="s" ph="1">
        <v>92</v>
      </c>
      <c r="B1" s="644" ph="1"/>
      <c r="C1" s="644" ph="1"/>
      <c r="D1" s="644" ph="1"/>
      <c r="E1" s="644" ph="1"/>
      <c r="F1" s="644" ph="1"/>
      <c r="G1" s="644" ph="1"/>
      <c r="H1" s="644" ph="1"/>
      <c r="I1" s="645"/>
      <c r="J1" s="645"/>
      <c r="K1" s="645"/>
      <c r="L1" s="645"/>
      <c r="M1" s="645"/>
      <c r="N1" s="454" t="s">
        <v>84</v>
      </c>
      <c r="O1" s="455"/>
      <c r="P1" s="455"/>
      <c r="Q1" s="455"/>
      <c r="R1" s="455"/>
      <c r="S1" s="455"/>
      <c r="T1" s="455"/>
      <c r="U1" s="455"/>
      <c r="V1" s="455"/>
      <c r="W1" s="455"/>
      <c r="X1" s="455"/>
      <c r="Y1" s="455"/>
      <c r="Z1" s="455"/>
      <c r="AA1" s="455"/>
      <c r="AB1" s="455"/>
      <c r="AC1" s="455"/>
      <c r="AD1" s="455"/>
      <c r="AE1" s="455"/>
      <c r="AF1" s="455"/>
      <c r="AG1" s="455"/>
      <c r="AH1" s="455"/>
      <c r="AI1" s="455"/>
      <c r="AJ1" s="455"/>
      <c r="AK1" s="455"/>
      <c r="AL1" s="455"/>
      <c r="AM1" s="93"/>
      <c r="AN1" s="457" t="s">
        <v>324</v>
      </c>
      <c r="AO1" s="457"/>
      <c r="AP1" s="457"/>
      <c r="AQ1" s="457"/>
      <c r="AR1" s="457"/>
      <c r="AS1" s="457"/>
      <c r="AT1" s="457"/>
      <c r="AU1" s="457"/>
      <c r="AV1" s="457"/>
      <c r="AW1" s="457"/>
      <c r="AX1" s="457"/>
      <c r="AY1" s="457"/>
      <c r="AZ1" s="457"/>
      <c r="BA1" s="457"/>
      <c r="BB1" s="457"/>
      <c r="BC1" s="457"/>
      <c r="BD1" s="457"/>
      <c r="BE1" s="457"/>
      <c r="BF1" s="457"/>
      <c r="BG1" s="457"/>
      <c r="BH1" s="457"/>
      <c r="BI1" s="457"/>
      <c r="BJ1" s="457"/>
      <c r="BK1" s="457"/>
      <c r="BL1" s="457"/>
      <c r="BM1" s="457"/>
      <c r="BN1" s="457"/>
      <c r="BO1" s="457"/>
      <c r="BP1" s="457"/>
      <c r="BQ1" s="457"/>
      <c r="BR1" s="457"/>
      <c r="BS1" s="457"/>
      <c r="BT1" s="457"/>
      <c r="BU1" s="457"/>
      <c r="BV1" s="457"/>
      <c r="BW1" s="457"/>
      <c r="BX1" s="457"/>
      <c r="BY1" s="457"/>
      <c r="BZ1" s="457"/>
      <c r="CA1" s="457"/>
      <c r="CB1" s="457"/>
      <c r="CC1" s="457"/>
      <c r="CD1" s="457"/>
      <c r="CE1" s="457"/>
      <c r="CF1" s="457"/>
      <c r="CG1" s="457"/>
      <c r="CH1" s="457"/>
      <c r="CI1" s="457"/>
      <c r="CJ1" s="457"/>
      <c r="CK1" s="457"/>
      <c r="CL1" s="457"/>
      <c r="CM1" s="457"/>
      <c r="CQ1" s="3" ph="1"/>
    </row>
    <row r="2" spans="1:100" ht="17.25" customHeight="1" x14ac:dyDescent="0.15">
      <c r="A2" s="644" ph="1"/>
      <c r="B2" s="644" ph="1"/>
      <c r="C2" s="644" ph="1"/>
      <c r="D2" s="644" ph="1"/>
      <c r="E2" s="644" ph="1"/>
      <c r="F2" s="644" ph="1"/>
      <c r="G2" s="644" ph="1"/>
      <c r="H2" s="644" ph="1"/>
      <c r="I2" s="646"/>
      <c r="J2" s="646"/>
      <c r="K2" s="646"/>
      <c r="L2" s="646"/>
      <c r="M2" s="646"/>
      <c r="N2" s="456"/>
      <c r="O2" s="456"/>
      <c r="P2" s="456"/>
      <c r="Q2" s="456"/>
      <c r="R2" s="456"/>
      <c r="S2" s="456"/>
      <c r="T2" s="456"/>
      <c r="U2" s="456"/>
      <c r="V2" s="456"/>
      <c r="W2" s="456"/>
      <c r="X2" s="456"/>
      <c r="Y2" s="456"/>
      <c r="Z2" s="456"/>
      <c r="AA2" s="456"/>
      <c r="AB2" s="456"/>
      <c r="AC2" s="456"/>
      <c r="AD2" s="456"/>
      <c r="AE2" s="456"/>
      <c r="AF2" s="456"/>
      <c r="AG2" s="456"/>
      <c r="AH2" s="456"/>
      <c r="AI2" s="456"/>
      <c r="AJ2" s="456"/>
      <c r="AK2" s="456"/>
      <c r="AL2" s="456"/>
      <c r="AM2" s="5"/>
      <c r="AN2" s="466" t="s">
        <v>723</v>
      </c>
      <c r="AO2" s="467"/>
      <c r="AP2" s="467"/>
      <c r="AQ2" s="467"/>
      <c r="AR2" s="467"/>
      <c r="AS2" s="467"/>
      <c r="AT2" s="467"/>
      <c r="AU2" s="467"/>
      <c r="AV2" s="467"/>
      <c r="AW2" s="467"/>
      <c r="AX2" s="467"/>
      <c r="AY2" s="467"/>
      <c r="AZ2" s="467"/>
      <c r="BA2" s="467"/>
      <c r="BB2" s="467"/>
      <c r="BC2" s="467"/>
      <c r="BD2" s="467"/>
      <c r="BE2" s="467"/>
      <c r="BF2" s="467"/>
      <c r="BG2" s="467"/>
      <c r="BH2" s="467"/>
      <c r="BI2" s="467"/>
      <c r="BJ2" s="467"/>
      <c r="BK2" s="467"/>
      <c r="BL2" s="467"/>
      <c r="BM2" s="467"/>
      <c r="BN2" s="467"/>
      <c r="BO2" s="467"/>
      <c r="BP2" s="467"/>
      <c r="BQ2" s="467"/>
      <c r="BR2" s="467"/>
      <c r="BS2" s="467"/>
      <c r="BT2" s="467"/>
      <c r="BU2" s="467"/>
      <c r="BV2" s="467"/>
      <c r="BW2" s="467"/>
      <c r="BX2" s="467"/>
      <c r="BY2" s="467"/>
      <c r="BZ2" s="467"/>
      <c r="CA2" s="467"/>
      <c r="CB2" s="467"/>
      <c r="CC2" s="467"/>
      <c r="CD2" s="467"/>
      <c r="CE2" s="467"/>
      <c r="CF2" s="467"/>
      <c r="CG2" s="467"/>
      <c r="CH2" s="467"/>
      <c r="CI2" s="467"/>
      <c r="CJ2" s="467"/>
      <c r="CK2" s="467"/>
      <c r="CL2" s="467"/>
      <c r="CM2" s="468"/>
      <c r="CQ2" s="3" ph="1"/>
    </row>
    <row r="3" spans="1:100" ht="17.25" customHeight="1" x14ac:dyDescent="0.15">
      <c r="A3" s="644" ph="1"/>
      <c r="B3" s="644" ph="1"/>
      <c r="C3" s="644" ph="1"/>
      <c r="D3" s="644" ph="1"/>
      <c r="E3" s="644" ph="1"/>
      <c r="F3" s="644" ph="1"/>
      <c r="G3" s="644" ph="1"/>
      <c r="H3" s="644" ph="1"/>
      <c r="I3" s="646"/>
      <c r="J3" s="646"/>
      <c r="K3" s="646"/>
      <c r="L3" s="646"/>
      <c r="M3" s="646"/>
      <c r="N3" s="456"/>
      <c r="O3" s="456"/>
      <c r="P3" s="456"/>
      <c r="Q3" s="456"/>
      <c r="R3" s="456"/>
      <c r="S3" s="456"/>
      <c r="T3" s="456"/>
      <c r="U3" s="456"/>
      <c r="V3" s="456"/>
      <c r="W3" s="456"/>
      <c r="X3" s="456"/>
      <c r="Y3" s="456"/>
      <c r="Z3" s="456"/>
      <c r="AA3" s="456"/>
      <c r="AB3" s="456"/>
      <c r="AC3" s="456"/>
      <c r="AD3" s="456"/>
      <c r="AE3" s="456"/>
      <c r="AF3" s="456"/>
      <c r="AG3" s="456"/>
      <c r="AH3" s="456"/>
      <c r="AI3" s="456"/>
      <c r="AJ3" s="456"/>
      <c r="AK3" s="456"/>
      <c r="AL3" s="456"/>
      <c r="AM3" s="5"/>
      <c r="AN3" s="469"/>
      <c r="AO3" s="470"/>
      <c r="AP3" s="470"/>
      <c r="AQ3" s="470"/>
      <c r="AR3" s="470"/>
      <c r="AS3" s="470"/>
      <c r="AT3" s="470"/>
      <c r="AU3" s="470"/>
      <c r="AV3" s="470"/>
      <c r="AW3" s="470"/>
      <c r="AX3" s="470"/>
      <c r="AY3" s="470"/>
      <c r="AZ3" s="470"/>
      <c r="BA3" s="470"/>
      <c r="BB3" s="470"/>
      <c r="BC3" s="470"/>
      <c r="BD3" s="470"/>
      <c r="BE3" s="470"/>
      <c r="BF3" s="470"/>
      <c r="BG3" s="470"/>
      <c r="BH3" s="470"/>
      <c r="BI3" s="470"/>
      <c r="BJ3" s="470"/>
      <c r="BK3" s="470"/>
      <c r="BL3" s="470"/>
      <c r="BM3" s="470"/>
      <c r="BN3" s="470"/>
      <c r="BO3" s="470"/>
      <c r="BP3" s="470"/>
      <c r="BQ3" s="470"/>
      <c r="BR3" s="470"/>
      <c r="BS3" s="470"/>
      <c r="BT3" s="470"/>
      <c r="BU3" s="470"/>
      <c r="BV3" s="470"/>
      <c r="BW3" s="470"/>
      <c r="BX3" s="470"/>
      <c r="BY3" s="470"/>
      <c r="BZ3" s="470"/>
      <c r="CA3" s="470"/>
      <c r="CB3" s="470"/>
      <c r="CC3" s="470"/>
      <c r="CD3" s="470"/>
      <c r="CE3" s="470"/>
      <c r="CF3" s="470"/>
      <c r="CG3" s="470"/>
      <c r="CH3" s="470"/>
      <c r="CI3" s="470"/>
      <c r="CJ3" s="470"/>
      <c r="CK3" s="470"/>
      <c r="CL3" s="470"/>
      <c r="CM3" s="471"/>
      <c r="CQ3" s="3" ph="1"/>
    </row>
    <row r="4" spans="1:100" ht="17.25" customHeight="1" x14ac:dyDescent="0.15">
      <c r="A4" s="647" t="s">
        <v>236</v>
      </c>
      <c r="B4" s="647"/>
      <c r="C4" s="647"/>
      <c r="D4" s="647"/>
      <c r="E4" s="1014">
        <v>142077</v>
      </c>
      <c r="F4" s="1014"/>
      <c r="G4" s="1014"/>
      <c r="H4" s="1014"/>
      <c r="I4" s="647"/>
      <c r="J4" s="647"/>
      <c r="K4" s="647"/>
      <c r="L4" s="647"/>
      <c r="M4" s="647"/>
      <c r="N4" s="459" t="s">
        <v>85</v>
      </c>
      <c r="O4" s="459"/>
      <c r="P4" s="459"/>
      <c r="Q4" s="459"/>
      <c r="R4" s="459"/>
      <c r="S4" s="459"/>
      <c r="T4" s="459"/>
      <c r="U4" s="459"/>
      <c r="V4" s="459"/>
      <c r="W4" s="459"/>
      <c r="X4" s="459"/>
      <c r="Y4" s="459"/>
      <c r="Z4" s="459"/>
      <c r="AA4" s="459"/>
      <c r="AB4" s="459"/>
      <c r="AC4" s="459"/>
      <c r="AD4" s="459"/>
      <c r="AE4" s="459"/>
      <c r="AF4" s="459"/>
      <c r="AG4" s="459"/>
      <c r="AH4" s="459"/>
      <c r="AI4" s="459"/>
      <c r="AJ4" s="459"/>
      <c r="AK4" s="459"/>
      <c r="AL4" s="459"/>
      <c r="AM4" s="5"/>
      <c r="AN4" s="469"/>
      <c r="AO4" s="470"/>
      <c r="AP4" s="470"/>
      <c r="AQ4" s="470"/>
      <c r="AR4" s="470"/>
      <c r="AS4" s="470"/>
      <c r="AT4" s="470"/>
      <c r="AU4" s="470"/>
      <c r="AV4" s="470"/>
      <c r="AW4" s="470"/>
      <c r="AX4" s="470"/>
      <c r="AY4" s="470"/>
      <c r="AZ4" s="470"/>
      <c r="BA4" s="470"/>
      <c r="BB4" s="470"/>
      <c r="BC4" s="470"/>
      <c r="BD4" s="470"/>
      <c r="BE4" s="470"/>
      <c r="BF4" s="470"/>
      <c r="BG4" s="470"/>
      <c r="BH4" s="470"/>
      <c r="BI4" s="470"/>
      <c r="BJ4" s="470"/>
      <c r="BK4" s="470"/>
      <c r="BL4" s="470"/>
      <c r="BM4" s="470"/>
      <c r="BN4" s="470"/>
      <c r="BO4" s="470"/>
      <c r="BP4" s="470"/>
      <c r="BQ4" s="470"/>
      <c r="BR4" s="470"/>
      <c r="BS4" s="470"/>
      <c r="BT4" s="470"/>
      <c r="BU4" s="470"/>
      <c r="BV4" s="470"/>
      <c r="BW4" s="470"/>
      <c r="BX4" s="470"/>
      <c r="BY4" s="470"/>
      <c r="BZ4" s="470"/>
      <c r="CA4" s="470"/>
      <c r="CB4" s="470"/>
      <c r="CC4" s="470"/>
      <c r="CD4" s="470"/>
      <c r="CE4" s="470"/>
      <c r="CF4" s="470"/>
      <c r="CG4" s="470"/>
      <c r="CH4" s="470"/>
      <c r="CI4" s="470"/>
      <c r="CJ4" s="470"/>
      <c r="CK4" s="470"/>
      <c r="CL4" s="470"/>
      <c r="CM4" s="471"/>
    </row>
    <row r="5" spans="1:100" ht="17.25" customHeight="1" x14ac:dyDescent="0.15">
      <c r="A5" s="428" t="s">
        <v>237</v>
      </c>
      <c r="B5" s="428"/>
      <c r="C5" s="428"/>
      <c r="D5" s="428"/>
      <c r="E5" s="428"/>
      <c r="F5" s="428"/>
      <c r="G5" s="428"/>
      <c r="H5" s="428"/>
      <c r="I5" s="486" t="s">
        <v>740</v>
      </c>
      <c r="J5" s="461"/>
      <c r="K5" s="461"/>
      <c r="L5" s="461"/>
      <c r="M5" s="461"/>
      <c r="N5" s="461"/>
      <c r="O5" s="461"/>
      <c r="P5" s="461"/>
      <c r="Q5" s="461"/>
      <c r="R5" s="461"/>
      <c r="S5" s="461"/>
      <c r="T5" s="461"/>
      <c r="U5" s="461"/>
      <c r="V5" s="461"/>
      <c r="W5" s="461"/>
      <c r="X5" s="461"/>
      <c r="Y5" s="461"/>
      <c r="Z5" s="461"/>
      <c r="AA5" s="461"/>
      <c r="AB5" s="461"/>
      <c r="AC5" s="461"/>
      <c r="AD5" s="461"/>
      <c r="AE5" s="461"/>
      <c r="AF5" s="461"/>
      <c r="AG5" s="461"/>
      <c r="AH5" s="461"/>
      <c r="AI5" s="461"/>
      <c r="AJ5" s="461"/>
      <c r="AK5" s="461"/>
      <c r="AL5" s="462"/>
      <c r="AM5" s="5"/>
      <c r="AN5" s="469"/>
      <c r="AO5" s="470"/>
      <c r="AP5" s="470"/>
      <c r="AQ5" s="470"/>
      <c r="AR5" s="470"/>
      <c r="AS5" s="470"/>
      <c r="AT5" s="470"/>
      <c r="AU5" s="470"/>
      <c r="AV5" s="470"/>
      <c r="AW5" s="470"/>
      <c r="AX5" s="470"/>
      <c r="AY5" s="470"/>
      <c r="AZ5" s="470"/>
      <c r="BA5" s="470"/>
      <c r="BB5" s="470"/>
      <c r="BC5" s="470"/>
      <c r="BD5" s="470"/>
      <c r="BE5" s="470"/>
      <c r="BF5" s="470"/>
      <c r="BG5" s="470"/>
      <c r="BH5" s="470"/>
      <c r="BI5" s="470"/>
      <c r="BJ5" s="470"/>
      <c r="BK5" s="470"/>
      <c r="BL5" s="470"/>
      <c r="BM5" s="470"/>
      <c r="BN5" s="470"/>
      <c r="BO5" s="470"/>
      <c r="BP5" s="470"/>
      <c r="BQ5" s="470"/>
      <c r="BR5" s="470"/>
      <c r="BS5" s="470"/>
      <c r="BT5" s="470"/>
      <c r="BU5" s="470"/>
      <c r="BV5" s="470"/>
      <c r="BW5" s="470"/>
      <c r="BX5" s="470"/>
      <c r="BY5" s="470"/>
      <c r="BZ5" s="470"/>
      <c r="CA5" s="470"/>
      <c r="CB5" s="470"/>
      <c r="CC5" s="470"/>
      <c r="CD5" s="470"/>
      <c r="CE5" s="470"/>
      <c r="CF5" s="470"/>
      <c r="CG5" s="470"/>
      <c r="CH5" s="470"/>
      <c r="CI5" s="470"/>
      <c r="CJ5" s="470"/>
      <c r="CK5" s="470"/>
      <c r="CL5" s="470"/>
      <c r="CM5" s="471"/>
    </row>
    <row r="6" spans="1:100" ht="17.25" customHeight="1" x14ac:dyDescent="0.15">
      <c r="A6" s="428"/>
      <c r="B6" s="428"/>
      <c r="C6" s="428"/>
      <c r="D6" s="428"/>
      <c r="E6" s="428"/>
      <c r="F6" s="428"/>
      <c r="G6" s="428"/>
      <c r="H6" s="428"/>
      <c r="I6" s="463"/>
      <c r="J6" s="464"/>
      <c r="K6" s="464"/>
      <c r="L6" s="464"/>
      <c r="M6" s="464"/>
      <c r="N6" s="464"/>
      <c r="O6" s="464"/>
      <c r="P6" s="464"/>
      <c r="Q6" s="464"/>
      <c r="R6" s="464"/>
      <c r="S6" s="464"/>
      <c r="T6" s="464"/>
      <c r="U6" s="464"/>
      <c r="V6" s="464"/>
      <c r="W6" s="464"/>
      <c r="X6" s="464"/>
      <c r="Y6" s="464"/>
      <c r="Z6" s="464"/>
      <c r="AA6" s="464"/>
      <c r="AB6" s="464"/>
      <c r="AC6" s="464"/>
      <c r="AD6" s="464"/>
      <c r="AE6" s="464"/>
      <c r="AF6" s="464"/>
      <c r="AG6" s="464"/>
      <c r="AH6" s="464"/>
      <c r="AI6" s="464"/>
      <c r="AJ6" s="464"/>
      <c r="AK6" s="464"/>
      <c r="AL6" s="465"/>
      <c r="AM6" s="5"/>
      <c r="AN6" s="469"/>
      <c r="AO6" s="470"/>
      <c r="AP6" s="470"/>
      <c r="AQ6" s="470"/>
      <c r="AR6" s="470"/>
      <c r="AS6" s="470"/>
      <c r="AT6" s="470"/>
      <c r="AU6" s="470"/>
      <c r="AV6" s="470"/>
      <c r="AW6" s="470"/>
      <c r="AX6" s="470"/>
      <c r="AY6" s="470"/>
      <c r="AZ6" s="470"/>
      <c r="BA6" s="470"/>
      <c r="BB6" s="470"/>
      <c r="BC6" s="470"/>
      <c r="BD6" s="470"/>
      <c r="BE6" s="470"/>
      <c r="BF6" s="470"/>
      <c r="BG6" s="470"/>
      <c r="BH6" s="470"/>
      <c r="BI6" s="470"/>
      <c r="BJ6" s="470"/>
      <c r="BK6" s="470"/>
      <c r="BL6" s="470"/>
      <c r="BM6" s="470"/>
      <c r="BN6" s="470"/>
      <c r="BO6" s="470"/>
      <c r="BP6" s="470"/>
      <c r="BQ6" s="470"/>
      <c r="BR6" s="470"/>
      <c r="BS6" s="470"/>
      <c r="BT6" s="470"/>
      <c r="BU6" s="470"/>
      <c r="BV6" s="470"/>
      <c r="BW6" s="470"/>
      <c r="BX6" s="470"/>
      <c r="BY6" s="470"/>
      <c r="BZ6" s="470"/>
      <c r="CA6" s="470"/>
      <c r="CB6" s="470"/>
      <c r="CC6" s="470"/>
      <c r="CD6" s="470"/>
      <c r="CE6" s="470"/>
      <c r="CF6" s="470"/>
      <c r="CG6" s="470"/>
      <c r="CH6" s="470"/>
      <c r="CI6" s="470"/>
      <c r="CJ6" s="470"/>
      <c r="CK6" s="470"/>
      <c r="CL6" s="470"/>
      <c r="CM6" s="471"/>
    </row>
    <row r="7" spans="1:100" ht="17.25" customHeight="1" x14ac:dyDescent="0.15">
      <c r="A7" s="405" t="s">
        <v>238</v>
      </c>
      <c r="B7" s="406"/>
      <c r="C7" s="406"/>
      <c r="D7" s="407"/>
      <c r="E7" s="65" t="s">
        <v>0</v>
      </c>
      <c r="F7" s="492" t="s">
        <v>86</v>
      </c>
      <c r="G7" s="492"/>
      <c r="H7" s="492"/>
      <c r="I7" s="492"/>
      <c r="J7" s="492"/>
      <c r="K7" s="492"/>
      <c r="L7" s="493"/>
      <c r="M7" s="642"/>
      <c r="N7" s="642"/>
      <c r="O7" s="642"/>
      <c r="P7" s="642"/>
      <c r="Q7" s="642"/>
      <c r="R7" s="642"/>
      <c r="S7" s="642"/>
      <c r="T7" s="642"/>
      <c r="U7" s="642"/>
      <c r="V7" s="642"/>
      <c r="W7" s="642"/>
      <c r="X7" s="642"/>
      <c r="Y7" s="643"/>
      <c r="Z7" s="332" t="s">
        <v>239</v>
      </c>
      <c r="AA7" s="332"/>
      <c r="AB7" s="332"/>
      <c r="AC7" s="431" t="s">
        <v>87</v>
      </c>
      <c r="AD7" s="431"/>
      <c r="AE7" s="431"/>
      <c r="AF7" s="431"/>
      <c r="AG7" s="431"/>
      <c r="AH7" s="431"/>
      <c r="AI7" s="431"/>
      <c r="AJ7" s="431"/>
      <c r="AK7" s="431"/>
      <c r="AL7" s="431"/>
      <c r="AM7" s="5"/>
      <c r="AN7" s="469"/>
      <c r="AO7" s="470"/>
      <c r="AP7" s="470"/>
      <c r="AQ7" s="470"/>
      <c r="AR7" s="470"/>
      <c r="AS7" s="470"/>
      <c r="AT7" s="470"/>
      <c r="AU7" s="470"/>
      <c r="AV7" s="470"/>
      <c r="AW7" s="470"/>
      <c r="AX7" s="470"/>
      <c r="AY7" s="470"/>
      <c r="AZ7" s="470"/>
      <c r="BA7" s="470"/>
      <c r="BB7" s="470"/>
      <c r="BC7" s="470"/>
      <c r="BD7" s="470"/>
      <c r="BE7" s="470"/>
      <c r="BF7" s="470"/>
      <c r="BG7" s="470"/>
      <c r="BH7" s="470"/>
      <c r="BI7" s="470"/>
      <c r="BJ7" s="470"/>
      <c r="BK7" s="470"/>
      <c r="BL7" s="470"/>
      <c r="BM7" s="470"/>
      <c r="BN7" s="470"/>
      <c r="BO7" s="470"/>
      <c r="BP7" s="470"/>
      <c r="BQ7" s="470"/>
      <c r="BR7" s="470"/>
      <c r="BS7" s="470"/>
      <c r="BT7" s="470"/>
      <c r="BU7" s="470"/>
      <c r="BV7" s="470"/>
      <c r="BW7" s="470"/>
      <c r="BX7" s="470"/>
      <c r="BY7" s="470"/>
      <c r="BZ7" s="470"/>
      <c r="CA7" s="470"/>
      <c r="CB7" s="470"/>
      <c r="CC7" s="470"/>
      <c r="CD7" s="470"/>
      <c r="CE7" s="470"/>
      <c r="CF7" s="470"/>
      <c r="CG7" s="470"/>
      <c r="CH7" s="470"/>
      <c r="CI7" s="470"/>
      <c r="CJ7" s="470"/>
      <c r="CK7" s="470"/>
      <c r="CL7" s="470"/>
      <c r="CM7" s="471"/>
    </row>
    <row r="8" spans="1:100" ht="17.25" customHeight="1" x14ac:dyDescent="0.15">
      <c r="A8" s="405"/>
      <c r="B8" s="406"/>
      <c r="C8" s="406"/>
      <c r="D8" s="407"/>
      <c r="E8" s="433" t="s">
        <v>88</v>
      </c>
      <c r="F8" s="434"/>
      <c r="G8" s="434"/>
      <c r="H8" s="434"/>
      <c r="I8" s="434"/>
      <c r="J8" s="434"/>
      <c r="K8" s="434"/>
      <c r="L8" s="434"/>
      <c r="M8" s="434"/>
      <c r="N8" s="434"/>
      <c r="O8" s="434"/>
      <c r="P8" s="434"/>
      <c r="Q8" s="434"/>
      <c r="R8" s="434"/>
      <c r="S8" s="434"/>
      <c r="T8" s="434"/>
      <c r="U8" s="434"/>
      <c r="V8" s="434"/>
      <c r="W8" s="434"/>
      <c r="X8" s="434"/>
      <c r="Y8" s="435"/>
      <c r="Z8" s="329"/>
      <c r="AA8" s="329"/>
      <c r="AB8" s="329"/>
      <c r="AC8" s="432"/>
      <c r="AD8" s="432"/>
      <c r="AE8" s="432"/>
      <c r="AF8" s="432"/>
      <c r="AG8" s="432"/>
      <c r="AH8" s="432"/>
      <c r="AI8" s="432"/>
      <c r="AJ8" s="432"/>
      <c r="AK8" s="432"/>
      <c r="AL8" s="432"/>
      <c r="AM8" s="5"/>
      <c r="AN8" s="469"/>
      <c r="AO8" s="470"/>
      <c r="AP8" s="470"/>
      <c r="AQ8" s="470"/>
      <c r="AR8" s="470"/>
      <c r="AS8" s="470"/>
      <c r="AT8" s="470"/>
      <c r="AU8" s="470"/>
      <c r="AV8" s="470"/>
      <c r="AW8" s="470"/>
      <c r="AX8" s="470"/>
      <c r="AY8" s="470"/>
      <c r="AZ8" s="470"/>
      <c r="BA8" s="470"/>
      <c r="BB8" s="470"/>
      <c r="BC8" s="470"/>
      <c r="BD8" s="470"/>
      <c r="BE8" s="470"/>
      <c r="BF8" s="470"/>
      <c r="BG8" s="470"/>
      <c r="BH8" s="470"/>
      <c r="BI8" s="470"/>
      <c r="BJ8" s="470"/>
      <c r="BK8" s="470"/>
      <c r="BL8" s="470"/>
      <c r="BM8" s="470"/>
      <c r="BN8" s="470"/>
      <c r="BO8" s="470"/>
      <c r="BP8" s="470"/>
      <c r="BQ8" s="470"/>
      <c r="BR8" s="470"/>
      <c r="BS8" s="470"/>
      <c r="BT8" s="470"/>
      <c r="BU8" s="470"/>
      <c r="BV8" s="470"/>
      <c r="BW8" s="470"/>
      <c r="BX8" s="470"/>
      <c r="BY8" s="470"/>
      <c r="BZ8" s="470"/>
      <c r="CA8" s="470"/>
      <c r="CB8" s="470"/>
      <c r="CC8" s="470"/>
      <c r="CD8" s="470"/>
      <c r="CE8" s="470"/>
      <c r="CF8" s="470"/>
      <c r="CG8" s="470"/>
      <c r="CH8" s="470"/>
      <c r="CI8" s="470"/>
      <c r="CJ8" s="470"/>
      <c r="CK8" s="470"/>
      <c r="CL8" s="470"/>
      <c r="CM8" s="471"/>
    </row>
    <row r="9" spans="1:100" ht="17.25" customHeight="1" x14ac:dyDescent="0.15">
      <c r="A9" s="405" t="s">
        <v>240</v>
      </c>
      <c r="B9" s="406"/>
      <c r="C9" s="406"/>
      <c r="D9" s="407"/>
      <c r="E9" s="445" t="s">
        <v>863</v>
      </c>
      <c r="F9" s="446"/>
      <c r="G9" s="446"/>
      <c r="H9" s="446"/>
      <c r="I9" s="446"/>
      <c r="J9" s="446"/>
      <c r="K9" s="446"/>
      <c r="L9" s="446"/>
      <c r="M9" s="446"/>
      <c r="N9" s="446"/>
      <c r="O9" s="446"/>
      <c r="P9" s="446"/>
      <c r="Q9" s="446"/>
      <c r="R9" s="446"/>
      <c r="S9" s="446"/>
      <c r="T9" s="446"/>
      <c r="U9" s="446"/>
      <c r="V9" s="446"/>
      <c r="W9" s="446"/>
      <c r="X9" s="446"/>
      <c r="Y9" s="446"/>
      <c r="Z9" s="446"/>
      <c r="AA9" s="446"/>
      <c r="AB9" s="446"/>
      <c r="AC9" s="446"/>
      <c r="AD9" s="446"/>
      <c r="AE9" s="446"/>
      <c r="AF9" s="446"/>
      <c r="AG9" s="446"/>
      <c r="AH9" s="446"/>
      <c r="AI9" s="446"/>
      <c r="AJ9" s="446"/>
      <c r="AK9" s="446"/>
      <c r="AL9" s="447"/>
      <c r="AM9" s="5"/>
      <c r="AN9" s="469"/>
      <c r="AO9" s="470"/>
      <c r="AP9" s="470"/>
      <c r="AQ9" s="470"/>
      <c r="AR9" s="470"/>
      <c r="AS9" s="470"/>
      <c r="AT9" s="470"/>
      <c r="AU9" s="470"/>
      <c r="AV9" s="470"/>
      <c r="AW9" s="470"/>
      <c r="AX9" s="470"/>
      <c r="AY9" s="470"/>
      <c r="AZ9" s="470"/>
      <c r="BA9" s="470"/>
      <c r="BB9" s="470"/>
      <c r="BC9" s="470"/>
      <c r="BD9" s="470"/>
      <c r="BE9" s="470"/>
      <c r="BF9" s="470"/>
      <c r="BG9" s="470"/>
      <c r="BH9" s="470"/>
      <c r="BI9" s="470"/>
      <c r="BJ9" s="470"/>
      <c r="BK9" s="470"/>
      <c r="BL9" s="470"/>
      <c r="BM9" s="470"/>
      <c r="BN9" s="470"/>
      <c r="BO9" s="470"/>
      <c r="BP9" s="470"/>
      <c r="BQ9" s="470"/>
      <c r="BR9" s="470"/>
      <c r="BS9" s="470"/>
      <c r="BT9" s="470"/>
      <c r="BU9" s="470"/>
      <c r="BV9" s="470"/>
      <c r="BW9" s="470"/>
      <c r="BX9" s="470"/>
      <c r="BY9" s="470"/>
      <c r="BZ9" s="470"/>
      <c r="CA9" s="470"/>
      <c r="CB9" s="470"/>
      <c r="CC9" s="470"/>
      <c r="CD9" s="470"/>
      <c r="CE9" s="470"/>
      <c r="CF9" s="470"/>
      <c r="CG9" s="470"/>
      <c r="CH9" s="470"/>
      <c r="CI9" s="470"/>
      <c r="CJ9" s="470"/>
      <c r="CK9" s="470"/>
      <c r="CL9" s="470"/>
      <c r="CM9" s="471"/>
    </row>
    <row r="10" spans="1:100" ht="17.25" customHeight="1" x14ac:dyDescent="0.15">
      <c r="A10" s="405"/>
      <c r="B10" s="406"/>
      <c r="C10" s="406"/>
      <c r="D10" s="407"/>
      <c r="E10" s="448"/>
      <c r="F10" s="446"/>
      <c r="G10" s="446"/>
      <c r="H10" s="446"/>
      <c r="I10" s="446"/>
      <c r="J10" s="446"/>
      <c r="K10" s="446"/>
      <c r="L10" s="446"/>
      <c r="M10" s="446"/>
      <c r="N10" s="446"/>
      <c r="O10" s="446"/>
      <c r="P10" s="446"/>
      <c r="Q10" s="446"/>
      <c r="R10" s="446"/>
      <c r="S10" s="446"/>
      <c r="T10" s="446"/>
      <c r="U10" s="446"/>
      <c r="V10" s="446"/>
      <c r="W10" s="446"/>
      <c r="X10" s="446"/>
      <c r="Y10" s="446"/>
      <c r="Z10" s="446"/>
      <c r="AA10" s="446"/>
      <c r="AB10" s="446"/>
      <c r="AC10" s="446"/>
      <c r="AD10" s="446"/>
      <c r="AE10" s="446"/>
      <c r="AF10" s="446"/>
      <c r="AG10" s="446"/>
      <c r="AH10" s="446"/>
      <c r="AI10" s="446"/>
      <c r="AJ10" s="446"/>
      <c r="AK10" s="446"/>
      <c r="AL10" s="447"/>
      <c r="AM10" s="5"/>
      <c r="AN10" s="469"/>
      <c r="AO10" s="470"/>
      <c r="AP10" s="470"/>
      <c r="AQ10" s="470"/>
      <c r="AR10" s="470"/>
      <c r="AS10" s="470"/>
      <c r="AT10" s="470"/>
      <c r="AU10" s="470"/>
      <c r="AV10" s="470"/>
      <c r="AW10" s="470"/>
      <c r="AX10" s="470"/>
      <c r="AY10" s="470"/>
      <c r="AZ10" s="470"/>
      <c r="BA10" s="470"/>
      <c r="BB10" s="470"/>
      <c r="BC10" s="470"/>
      <c r="BD10" s="470"/>
      <c r="BE10" s="470"/>
      <c r="BF10" s="470"/>
      <c r="BG10" s="470"/>
      <c r="BH10" s="470"/>
      <c r="BI10" s="470"/>
      <c r="BJ10" s="470"/>
      <c r="BK10" s="470"/>
      <c r="BL10" s="470"/>
      <c r="BM10" s="470"/>
      <c r="BN10" s="470"/>
      <c r="BO10" s="470"/>
      <c r="BP10" s="470"/>
      <c r="BQ10" s="470"/>
      <c r="BR10" s="470"/>
      <c r="BS10" s="470"/>
      <c r="BT10" s="470"/>
      <c r="BU10" s="470"/>
      <c r="BV10" s="470"/>
      <c r="BW10" s="470"/>
      <c r="BX10" s="470"/>
      <c r="BY10" s="470"/>
      <c r="BZ10" s="470"/>
      <c r="CA10" s="470"/>
      <c r="CB10" s="470"/>
      <c r="CC10" s="470"/>
      <c r="CD10" s="470"/>
      <c r="CE10" s="470"/>
      <c r="CF10" s="470"/>
      <c r="CG10" s="470"/>
      <c r="CH10" s="470"/>
      <c r="CI10" s="470"/>
      <c r="CJ10" s="470"/>
      <c r="CK10" s="470"/>
      <c r="CL10" s="470"/>
      <c r="CM10" s="471"/>
    </row>
    <row r="11" spans="1:100" ht="17.25" customHeight="1" x14ac:dyDescent="0.15">
      <c r="A11" s="405" t="s">
        <v>37</v>
      </c>
      <c r="B11" s="406"/>
      <c r="C11" s="406"/>
      <c r="D11" s="407"/>
      <c r="E11" s="408" t="s">
        <v>710</v>
      </c>
      <c r="F11" s="409"/>
      <c r="G11" s="409"/>
      <c r="H11" s="409"/>
      <c r="I11" s="409"/>
      <c r="J11" s="409"/>
      <c r="K11" s="409"/>
      <c r="L11" s="409"/>
      <c r="M11" s="409"/>
      <c r="N11" s="409"/>
      <c r="O11" s="409"/>
      <c r="P11" s="409"/>
      <c r="Q11" s="409"/>
      <c r="R11" s="409"/>
      <c r="S11" s="409"/>
      <c r="T11" s="409"/>
      <c r="U11" s="409"/>
      <c r="V11" s="409"/>
      <c r="W11" s="409"/>
      <c r="X11" s="409"/>
      <c r="Y11" s="409"/>
      <c r="Z11" s="409"/>
      <c r="AA11" s="409"/>
      <c r="AB11" s="409"/>
      <c r="AC11" s="409"/>
      <c r="AD11" s="409"/>
      <c r="AE11" s="409"/>
      <c r="AF11" s="409"/>
      <c r="AG11" s="409"/>
      <c r="AH11" s="409"/>
      <c r="AI11" s="409"/>
      <c r="AJ11" s="409"/>
      <c r="AK11" s="409"/>
      <c r="AL11" s="410"/>
      <c r="AM11" s="5"/>
      <c r="AN11" s="469"/>
      <c r="AO11" s="470"/>
      <c r="AP11" s="470"/>
      <c r="AQ11" s="470"/>
      <c r="AR11" s="470"/>
      <c r="AS11" s="470"/>
      <c r="AT11" s="470"/>
      <c r="AU11" s="470"/>
      <c r="AV11" s="470"/>
      <c r="AW11" s="470"/>
      <c r="AX11" s="470"/>
      <c r="AY11" s="470"/>
      <c r="AZ11" s="470"/>
      <c r="BA11" s="470"/>
      <c r="BB11" s="470"/>
      <c r="BC11" s="470"/>
      <c r="BD11" s="470"/>
      <c r="BE11" s="470"/>
      <c r="BF11" s="470"/>
      <c r="BG11" s="470"/>
      <c r="BH11" s="470"/>
      <c r="BI11" s="470"/>
      <c r="BJ11" s="470"/>
      <c r="BK11" s="470"/>
      <c r="BL11" s="470"/>
      <c r="BM11" s="470"/>
      <c r="BN11" s="470"/>
      <c r="BO11" s="470"/>
      <c r="BP11" s="470"/>
      <c r="BQ11" s="470"/>
      <c r="BR11" s="470"/>
      <c r="BS11" s="470"/>
      <c r="BT11" s="470"/>
      <c r="BU11" s="470"/>
      <c r="BV11" s="470"/>
      <c r="BW11" s="470"/>
      <c r="BX11" s="470"/>
      <c r="BY11" s="470"/>
      <c r="BZ11" s="470"/>
      <c r="CA11" s="470"/>
      <c r="CB11" s="470"/>
      <c r="CC11" s="470"/>
      <c r="CD11" s="470"/>
      <c r="CE11" s="470"/>
      <c r="CF11" s="470"/>
      <c r="CG11" s="470"/>
      <c r="CH11" s="470"/>
      <c r="CI11" s="470"/>
      <c r="CJ11" s="470"/>
      <c r="CK11" s="470"/>
      <c r="CL11" s="470"/>
      <c r="CM11" s="471"/>
    </row>
    <row r="12" spans="1:100" ht="17.25" customHeight="1" x14ac:dyDescent="0.15">
      <c r="A12" s="332" t="s">
        <v>241</v>
      </c>
      <c r="B12" s="332"/>
      <c r="C12" s="332"/>
      <c r="D12" s="332"/>
      <c r="E12" s="332"/>
      <c r="F12" s="345" t="s">
        <v>864</v>
      </c>
      <c r="G12" s="346"/>
      <c r="H12" s="346"/>
      <c r="I12" s="346"/>
      <c r="J12" s="346"/>
      <c r="K12" s="346"/>
      <c r="L12" s="346"/>
      <c r="M12" s="346"/>
      <c r="N12" s="522"/>
      <c r="O12" s="416" t="s">
        <v>242</v>
      </c>
      <c r="P12" s="417"/>
      <c r="Q12" s="422">
        <v>17441</v>
      </c>
      <c r="R12" s="423"/>
      <c r="S12" s="423"/>
      <c r="T12" s="423"/>
      <c r="U12" s="424" t="s">
        <v>243</v>
      </c>
      <c r="V12" s="423"/>
      <c r="W12" s="423"/>
      <c r="X12" s="423"/>
      <c r="Y12" s="424"/>
      <c r="Z12" s="423"/>
      <c r="AA12" s="423"/>
      <c r="AB12" s="423"/>
      <c r="AC12" s="423"/>
      <c r="AD12" s="423"/>
      <c r="AE12" s="423"/>
      <c r="AF12" s="423"/>
      <c r="AG12" s="423"/>
      <c r="AH12" s="423"/>
      <c r="AI12" s="423"/>
      <c r="AJ12" s="423"/>
      <c r="AK12" s="423"/>
      <c r="AL12" s="425"/>
      <c r="AM12" s="5"/>
      <c r="AN12" s="472"/>
      <c r="AO12" s="473"/>
      <c r="AP12" s="473"/>
      <c r="AQ12" s="473"/>
      <c r="AR12" s="473"/>
      <c r="AS12" s="473"/>
      <c r="AT12" s="473"/>
      <c r="AU12" s="473"/>
      <c r="AV12" s="473"/>
      <c r="AW12" s="473"/>
      <c r="AX12" s="473"/>
      <c r="AY12" s="473"/>
      <c r="AZ12" s="473"/>
      <c r="BA12" s="473"/>
      <c r="BB12" s="473"/>
      <c r="BC12" s="473"/>
      <c r="BD12" s="473"/>
      <c r="BE12" s="473"/>
      <c r="BF12" s="473"/>
      <c r="BG12" s="473"/>
      <c r="BH12" s="473"/>
      <c r="BI12" s="473"/>
      <c r="BJ12" s="473"/>
      <c r="BK12" s="473"/>
      <c r="BL12" s="473"/>
      <c r="BM12" s="473"/>
      <c r="BN12" s="473"/>
      <c r="BO12" s="473"/>
      <c r="BP12" s="473"/>
      <c r="BQ12" s="473"/>
      <c r="BR12" s="473"/>
      <c r="BS12" s="473"/>
      <c r="BT12" s="473"/>
      <c r="BU12" s="473"/>
      <c r="BV12" s="473"/>
      <c r="BW12" s="473"/>
      <c r="BX12" s="473"/>
      <c r="BY12" s="473"/>
      <c r="BZ12" s="473"/>
      <c r="CA12" s="473"/>
      <c r="CB12" s="473"/>
      <c r="CC12" s="473"/>
      <c r="CD12" s="473"/>
      <c r="CE12" s="473"/>
      <c r="CF12" s="473"/>
      <c r="CG12" s="473"/>
      <c r="CH12" s="473"/>
      <c r="CI12" s="473"/>
      <c r="CJ12" s="473"/>
      <c r="CK12" s="473"/>
      <c r="CL12" s="473"/>
      <c r="CM12" s="474"/>
      <c r="CQ12" s="3" ph="1"/>
      <c r="CR12" s="3" ph="1"/>
      <c r="CS12" s="3" ph="1"/>
      <c r="CT12" s="3" ph="1"/>
      <c r="CU12" s="3" ph="1"/>
      <c r="CV12" s="3" ph="1"/>
    </row>
    <row r="13" spans="1:100" ht="17.25" customHeight="1" x14ac:dyDescent="0.15">
      <c r="A13" s="328"/>
      <c r="B13" s="328"/>
      <c r="C13" s="328"/>
      <c r="D13" s="328"/>
      <c r="E13" s="328"/>
      <c r="F13" s="398" t="s">
        <v>441</v>
      </c>
      <c r="G13" s="369"/>
      <c r="H13" s="369"/>
      <c r="I13" s="369"/>
      <c r="J13" s="369"/>
      <c r="K13" s="369"/>
      <c r="L13" s="369"/>
      <c r="M13" s="369"/>
      <c r="N13" s="523"/>
      <c r="O13" s="418"/>
      <c r="P13" s="419"/>
      <c r="Q13" s="377">
        <v>20184</v>
      </c>
      <c r="R13" s="220"/>
      <c r="S13" s="220"/>
      <c r="T13" s="220"/>
      <c r="U13" s="371" t="s">
        <v>326</v>
      </c>
      <c r="V13" s="220"/>
      <c r="W13" s="220"/>
      <c r="X13" s="220"/>
      <c r="Y13" s="371" t="s">
        <v>93</v>
      </c>
      <c r="Z13" s="852"/>
      <c r="AA13" s="852"/>
      <c r="AB13" s="852"/>
      <c r="AC13" s="852"/>
      <c r="AD13" s="852"/>
      <c r="AE13" s="852"/>
      <c r="AF13" s="852"/>
      <c r="AG13" s="852"/>
      <c r="AH13" s="852"/>
      <c r="AI13" s="852"/>
      <c r="AJ13" s="852"/>
      <c r="AK13" s="852"/>
      <c r="AL13" s="853"/>
      <c r="AM13" s="5"/>
      <c r="AN13" s="388" t="s">
        <v>245</v>
      </c>
      <c r="AO13" s="388"/>
      <c r="AP13" s="389"/>
      <c r="AQ13" s="389"/>
      <c r="AR13" s="389"/>
      <c r="AS13" s="389"/>
      <c r="AT13" s="389"/>
      <c r="AU13" s="389"/>
      <c r="AV13" s="389"/>
      <c r="AW13" s="389"/>
      <c r="AX13" s="389"/>
      <c r="AY13" s="389"/>
      <c r="AZ13" s="389"/>
      <c r="BA13" s="389"/>
      <c r="BB13" s="389"/>
      <c r="BC13" s="389"/>
      <c r="BD13" s="389"/>
      <c r="BE13" s="389"/>
      <c r="BF13" s="389"/>
      <c r="BG13" s="389"/>
      <c r="BH13" s="389"/>
      <c r="BI13" s="389"/>
      <c r="BJ13" s="389"/>
      <c r="BK13" s="389"/>
      <c r="BL13" s="389"/>
      <c r="BM13" s="389"/>
      <c r="BN13" s="389"/>
      <c r="BO13" s="389"/>
      <c r="BP13" s="389"/>
      <c r="BQ13" s="389"/>
      <c r="BR13" s="389"/>
      <c r="BS13" s="389"/>
      <c r="BT13" s="389"/>
      <c r="BU13" s="389"/>
      <c r="BV13" s="389"/>
      <c r="BW13" s="389"/>
      <c r="BX13" s="389"/>
      <c r="BY13" s="389"/>
      <c r="BZ13" s="389"/>
      <c r="CA13" s="389"/>
      <c r="CB13" s="389"/>
      <c r="CC13" s="389"/>
      <c r="CD13" s="389"/>
      <c r="CE13" s="389"/>
      <c r="CF13" s="389"/>
      <c r="CG13" s="389"/>
      <c r="CH13" s="389"/>
      <c r="CI13" s="389"/>
      <c r="CJ13" s="389"/>
      <c r="CK13" s="389"/>
      <c r="CL13" s="389"/>
      <c r="CM13" s="389"/>
      <c r="CQ13" s="3" ph="1"/>
      <c r="CR13" s="3" ph="1"/>
      <c r="CS13" s="3" ph="1"/>
      <c r="CT13" s="3" ph="1"/>
      <c r="CU13" s="3" ph="1"/>
      <c r="CV13" s="3" ph="1"/>
    </row>
    <row r="14" spans="1:100" ht="17.25" customHeight="1" x14ac:dyDescent="0.15">
      <c r="A14" s="426">
        <v>2</v>
      </c>
      <c r="B14" s="651"/>
      <c r="C14" s="651"/>
      <c r="D14" s="651"/>
      <c r="E14" s="651"/>
      <c r="F14" s="370"/>
      <c r="G14" s="370"/>
      <c r="H14" s="370"/>
      <c r="I14" s="370"/>
      <c r="J14" s="370"/>
      <c r="K14" s="370"/>
      <c r="L14" s="370"/>
      <c r="M14" s="370"/>
      <c r="N14" s="523"/>
      <c r="O14" s="418"/>
      <c r="P14" s="419"/>
      <c r="Q14" s="377">
        <v>37712</v>
      </c>
      <c r="R14" s="220"/>
      <c r="S14" s="220"/>
      <c r="T14" s="220"/>
      <c r="U14" s="371" t="s">
        <v>364</v>
      </c>
      <c r="V14" s="220"/>
      <c r="W14" s="220"/>
      <c r="X14" s="220"/>
      <c r="Y14" s="371"/>
      <c r="Z14" s="220"/>
      <c r="AA14" s="220"/>
      <c r="AB14" s="220"/>
      <c r="AC14" s="220"/>
      <c r="AD14" s="220"/>
      <c r="AE14" s="220"/>
      <c r="AF14" s="220"/>
      <c r="AG14" s="220"/>
      <c r="AH14" s="220"/>
      <c r="AI14" s="220"/>
      <c r="AJ14" s="220"/>
      <c r="AK14" s="220"/>
      <c r="AL14" s="372"/>
      <c r="AM14" s="5"/>
      <c r="AN14" s="287" t="s">
        <v>219</v>
      </c>
      <c r="AO14" s="287"/>
      <c r="AP14" s="287"/>
      <c r="AQ14" s="287"/>
      <c r="AR14" s="287"/>
      <c r="AS14" s="287"/>
      <c r="AT14" s="1015" t="s">
        <v>1662</v>
      </c>
      <c r="AU14" s="1015"/>
      <c r="AV14" s="1015"/>
      <c r="AW14" s="1015"/>
      <c r="AX14" s="1015"/>
      <c r="AY14" s="1015"/>
      <c r="AZ14" s="1015"/>
      <c r="BA14" s="1015"/>
      <c r="BB14" s="1015"/>
      <c r="BC14" s="1015"/>
      <c r="BD14" s="1015"/>
      <c r="BE14" s="1015"/>
      <c r="BF14" s="1015"/>
      <c r="BG14" s="1015"/>
      <c r="BH14" s="1015"/>
      <c r="BI14" s="1015"/>
      <c r="BJ14" s="1015"/>
      <c r="BK14" s="1015"/>
      <c r="BL14" s="1015"/>
      <c r="BM14" s="1015"/>
      <c r="BN14" s="1015"/>
      <c r="BO14" s="1015"/>
      <c r="BP14" s="1015"/>
      <c r="BQ14" s="1015"/>
      <c r="BR14" s="1015"/>
      <c r="BS14" s="1015"/>
      <c r="BT14" s="1015"/>
      <c r="BU14" s="1015"/>
      <c r="BV14" s="1015"/>
      <c r="BW14" s="1015"/>
      <c r="BX14" s="1015"/>
      <c r="BY14" s="1015"/>
      <c r="BZ14" s="1015"/>
      <c r="CA14" s="1015"/>
      <c r="CB14" s="1015"/>
      <c r="CC14" s="1015"/>
      <c r="CD14" s="1015"/>
      <c r="CE14" s="1015"/>
      <c r="CF14" s="1015"/>
      <c r="CG14" s="1015"/>
      <c r="CH14" s="1015"/>
      <c r="CI14" s="1015"/>
      <c r="CJ14" s="1015"/>
      <c r="CK14" s="1015"/>
      <c r="CL14" s="1015"/>
      <c r="CM14" s="1015"/>
      <c r="CQ14" s="3" ph="1"/>
      <c r="CR14" s="3" ph="1"/>
      <c r="CS14" s="3" ph="1"/>
      <c r="CT14" s="3" ph="1"/>
      <c r="CU14" s="3" ph="1"/>
      <c r="CV14" s="3" ph="1"/>
    </row>
    <row r="15" spans="1:100" ht="17.25" customHeight="1" x14ac:dyDescent="0.15">
      <c r="A15" s="428" t="s">
        <v>246</v>
      </c>
      <c r="B15" s="428"/>
      <c r="C15" s="428"/>
      <c r="D15" s="428"/>
      <c r="E15" s="428"/>
      <c r="F15" s="429">
        <v>46343</v>
      </c>
      <c r="G15" s="430"/>
      <c r="H15" s="430"/>
      <c r="I15" s="430"/>
      <c r="J15" s="430"/>
      <c r="K15" s="430"/>
      <c r="L15" s="430"/>
      <c r="M15" s="430"/>
      <c r="N15" s="523"/>
      <c r="O15" s="418"/>
      <c r="P15" s="419"/>
      <c r="Q15" s="377">
        <v>42095</v>
      </c>
      <c r="R15" s="220"/>
      <c r="S15" s="220"/>
      <c r="T15" s="220"/>
      <c r="U15" s="123" t="s">
        <v>382</v>
      </c>
      <c r="V15" s="8"/>
      <c r="W15" s="8"/>
      <c r="X15" s="8"/>
      <c r="Y15" s="123"/>
      <c r="Z15" s="6"/>
      <c r="AA15" s="6"/>
      <c r="AB15" s="6"/>
      <c r="AC15" s="6"/>
      <c r="AD15" s="6"/>
      <c r="AE15" s="6"/>
      <c r="AF15" s="6"/>
      <c r="AG15" s="6"/>
      <c r="AH15" s="6"/>
      <c r="AI15" s="6"/>
      <c r="AJ15" s="6"/>
      <c r="AK15" s="6"/>
      <c r="AL15" s="7"/>
      <c r="AM15" s="5"/>
      <c r="AN15" s="287"/>
      <c r="AO15" s="287"/>
      <c r="AP15" s="287"/>
      <c r="AQ15" s="287"/>
      <c r="AR15" s="287"/>
      <c r="AS15" s="287"/>
      <c r="AT15" s="1015"/>
      <c r="AU15" s="1015"/>
      <c r="AV15" s="1015"/>
      <c r="AW15" s="1015"/>
      <c r="AX15" s="1015"/>
      <c r="AY15" s="1015"/>
      <c r="AZ15" s="1015"/>
      <c r="BA15" s="1015"/>
      <c r="BB15" s="1015"/>
      <c r="BC15" s="1015"/>
      <c r="BD15" s="1015"/>
      <c r="BE15" s="1015"/>
      <c r="BF15" s="1015"/>
      <c r="BG15" s="1015"/>
      <c r="BH15" s="1015"/>
      <c r="BI15" s="1015"/>
      <c r="BJ15" s="1015"/>
      <c r="BK15" s="1015"/>
      <c r="BL15" s="1015"/>
      <c r="BM15" s="1015"/>
      <c r="BN15" s="1015"/>
      <c r="BO15" s="1015"/>
      <c r="BP15" s="1015"/>
      <c r="BQ15" s="1015"/>
      <c r="BR15" s="1015"/>
      <c r="BS15" s="1015"/>
      <c r="BT15" s="1015"/>
      <c r="BU15" s="1015"/>
      <c r="BV15" s="1015"/>
      <c r="BW15" s="1015"/>
      <c r="BX15" s="1015"/>
      <c r="BY15" s="1015"/>
      <c r="BZ15" s="1015"/>
      <c r="CA15" s="1015"/>
      <c r="CB15" s="1015"/>
      <c r="CC15" s="1015"/>
      <c r="CD15" s="1015"/>
      <c r="CE15" s="1015"/>
      <c r="CF15" s="1015"/>
      <c r="CG15" s="1015"/>
      <c r="CH15" s="1015"/>
      <c r="CI15" s="1015"/>
      <c r="CJ15" s="1015"/>
      <c r="CK15" s="1015"/>
      <c r="CL15" s="1015"/>
      <c r="CM15" s="1015"/>
    </row>
    <row r="16" spans="1:100" ht="17.25" customHeight="1" x14ac:dyDescent="0.15">
      <c r="A16" s="382" t="s">
        <v>249</v>
      </c>
      <c r="B16" s="484"/>
      <c r="C16" s="484"/>
      <c r="D16" s="484"/>
      <c r="E16" s="485"/>
      <c r="F16" s="345" t="s">
        <v>865</v>
      </c>
      <c r="G16" s="346"/>
      <c r="H16" s="346"/>
      <c r="I16" s="346"/>
      <c r="J16" s="346"/>
      <c r="K16" s="346"/>
      <c r="L16" s="346"/>
      <c r="M16" s="346"/>
      <c r="N16" s="523"/>
      <c r="O16" s="418"/>
      <c r="P16" s="419"/>
      <c r="Q16" s="1016">
        <v>42826</v>
      </c>
      <c r="R16" s="1017"/>
      <c r="S16" s="1017"/>
      <c r="T16" s="1017"/>
      <c r="U16" s="18" t="s">
        <v>1085</v>
      </c>
      <c r="V16" s="19"/>
      <c r="W16" s="19"/>
      <c r="X16" s="19"/>
      <c r="Y16" s="123"/>
      <c r="Z16" s="6"/>
      <c r="AA16" s="6"/>
      <c r="AB16" s="6"/>
      <c r="AC16" s="6"/>
      <c r="AD16" s="6"/>
      <c r="AE16" s="6"/>
      <c r="AF16" s="6"/>
      <c r="AG16" s="6"/>
      <c r="AH16" s="6"/>
      <c r="AI16" s="6"/>
      <c r="AJ16" s="6"/>
      <c r="AK16" s="6"/>
      <c r="AL16" s="7"/>
      <c r="AM16" s="5"/>
      <c r="AN16" s="287" t="s">
        <v>220</v>
      </c>
      <c r="AO16" s="287"/>
      <c r="AP16" s="287"/>
      <c r="AQ16" s="287"/>
      <c r="AR16" s="287"/>
      <c r="AS16" s="287"/>
      <c r="AT16" s="856" t="s">
        <v>89</v>
      </c>
      <c r="AU16" s="856"/>
      <c r="AV16" s="856"/>
      <c r="AW16" s="856"/>
      <c r="AX16" s="856"/>
      <c r="AY16" s="856"/>
      <c r="AZ16" s="856"/>
      <c r="BA16" s="856"/>
      <c r="BB16" s="856"/>
      <c r="BC16" s="856"/>
      <c r="BD16" s="856"/>
      <c r="BE16" s="856"/>
      <c r="BF16" s="856"/>
      <c r="BG16" s="856"/>
      <c r="BH16" s="856"/>
      <c r="BI16" s="856"/>
      <c r="BJ16" s="856"/>
      <c r="BK16" s="856"/>
      <c r="BL16" s="856"/>
      <c r="BM16" s="856"/>
      <c r="BN16" s="856"/>
      <c r="BO16" s="856"/>
      <c r="BP16" s="856"/>
      <c r="BQ16" s="856"/>
      <c r="BR16" s="856"/>
      <c r="BS16" s="856"/>
      <c r="BT16" s="856"/>
      <c r="BU16" s="856"/>
      <c r="BV16" s="856"/>
      <c r="BW16" s="856"/>
      <c r="BX16" s="856"/>
      <c r="BY16" s="856"/>
      <c r="BZ16" s="856"/>
      <c r="CA16" s="856"/>
      <c r="CB16" s="856"/>
      <c r="CC16" s="856"/>
      <c r="CD16" s="856"/>
      <c r="CE16" s="856"/>
      <c r="CF16" s="856"/>
      <c r="CG16" s="856"/>
      <c r="CH16" s="856"/>
      <c r="CI16" s="856"/>
      <c r="CJ16" s="856"/>
      <c r="CK16" s="856"/>
      <c r="CL16" s="856"/>
      <c r="CM16" s="856"/>
      <c r="CQ16" s="3" ph="1"/>
      <c r="CR16" s="3" ph="1"/>
      <c r="CS16" s="3" ph="1"/>
      <c r="CT16" s="3" ph="1"/>
      <c r="CU16" s="3" ph="1"/>
      <c r="CV16" s="3" ph="1"/>
    </row>
    <row r="17" spans="1:100" ht="17.25" customHeight="1" x14ac:dyDescent="0.15">
      <c r="A17" s="361"/>
      <c r="B17" s="362"/>
      <c r="C17" s="362"/>
      <c r="D17" s="362"/>
      <c r="E17" s="363"/>
      <c r="F17" s="398" t="s">
        <v>442</v>
      </c>
      <c r="G17" s="369"/>
      <c r="H17" s="369"/>
      <c r="I17" s="369"/>
      <c r="J17" s="369"/>
      <c r="K17" s="369"/>
      <c r="L17" s="369"/>
      <c r="M17" s="369"/>
      <c r="N17" s="523"/>
      <c r="O17" s="418"/>
      <c r="P17" s="419"/>
      <c r="Q17" s="377"/>
      <c r="R17" s="220"/>
      <c r="S17" s="220"/>
      <c r="T17" s="220"/>
      <c r="U17" s="371"/>
      <c r="V17" s="220"/>
      <c r="W17" s="220"/>
      <c r="X17" s="220"/>
      <c r="Y17" s="371"/>
      <c r="Z17" s="220"/>
      <c r="AA17" s="220"/>
      <c r="AB17" s="220"/>
      <c r="AC17" s="220"/>
      <c r="AD17" s="220"/>
      <c r="AE17" s="220"/>
      <c r="AF17" s="220"/>
      <c r="AG17" s="220"/>
      <c r="AH17" s="220"/>
      <c r="AI17" s="220"/>
      <c r="AJ17" s="220"/>
      <c r="AK17" s="220"/>
      <c r="AL17" s="372"/>
      <c r="AM17" s="5"/>
      <c r="AN17" s="287"/>
      <c r="AO17" s="287"/>
      <c r="AP17" s="287"/>
      <c r="AQ17" s="287"/>
      <c r="AR17" s="287"/>
      <c r="AS17" s="287"/>
      <c r="AT17" s="856"/>
      <c r="AU17" s="856"/>
      <c r="AV17" s="856"/>
      <c r="AW17" s="856"/>
      <c r="AX17" s="856"/>
      <c r="AY17" s="856"/>
      <c r="AZ17" s="856"/>
      <c r="BA17" s="856"/>
      <c r="BB17" s="856"/>
      <c r="BC17" s="856"/>
      <c r="BD17" s="856"/>
      <c r="BE17" s="856"/>
      <c r="BF17" s="856"/>
      <c r="BG17" s="856"/>
      <c r="BH17" s="856"/>
      <c r="BI17" s="856"/>
      <c r="BJ17" s="856"/>
      <c r="BK17" s="856"/>
      <c r="BL17" s="856"/>
      <c r="BM17" s="856"/>
      <c r="BN17" s="856"/>
      <c r="BO17" s="856"/>
      <c r="BP17" s="856"/>
      <c r="BQ17" s="856"/>
      <c r="BR17" s="856"/>
      <c r="BS17" s="856"/>
      <c r="BT17" s="856"/>
      <c r="BU17" s="856"/>
      <c r="BV17" s="856"/>
      <c r="BW17" s="856"/>
      <c r="BX17" s="856"/>
      <c r="BY17" s="856"/>
      <c r="BZ17" s="856"/>
      <c r="CA17" s="856"/>
      <c r="CB17" s="856"/>
      <c r="CC17" s="856"/>
      <c r="CD17" s="856"/>
      <c r="CE17" s="856"/>
      <c r="CF17" s="856"/>
      <c r="CG17" s="856"/>
      <c r="CH17" s="856"/>
      <c r="CI17" s="856"/>
      <c r="CJ17" s="856"/>
      <c r="CK17" s="856"/>
      <c r="CL17" s="856"/>
      <c r="CM17" s="856"/>
      <c r="CQ17" s="3" ph="1"/>
      <c r="CR17" s="3" ph="1"/>
      <c r="CS17" s="3" ph="1"/>
      <c r="CT17" s="3" ph="1"/>
      <c r="CU17" s="3" ph="1"/>
      <c r="CV17" s="3" ph="1"/>
    </row>
    <row r="18" spans="1:100" ht="21" customHeight="1" x14ac:dyDescent="0.15">
      <c r="A18" s="361"/>
      <c r="B18" s="362"/>
      <c r="C18" s="362"/>
      <c r="D18" s="362"/>
      <c r="E18" s="363"/>
      <c r="F18" s="370"/>
      <c r="G18" s="370"/>
      <c r="H18" s="370"/>
      <c r="I18" s="370"/>
      <c r="J18" s="370"/>
      <c r="K18" s="370"/>
      <c r="L18" s="370"/>
      <c r="M18" s="370"/>
      <c r="N18" s="523"/>
      <c r="O18" s="418"/>
      <c r="P18" s="419"/>
      <c r="Q18" s="377"/>
      <c r="R18" s="220"/>
      <c r="S18" s="220"/>
      <c r="T18" s="220"/>
      <c r="U18" s="371"/>
      <c r="V18" s="220"/>
      <c r="W18" s="220"/>
      <c r="X18" s="220"/>
      <c r="Y18" s="371"/>
      <c r="Z18" s="220"/>
      <c r="AA18" s="220"/>
      <c r="AB18" s="220"/>
      <c r="AC18" s="220"/>
      <c r="AD18" s="220"/>
      <c r="AE18" s="220"/>
      <c r="AF18" s="220"/>
      <c r="AG18" s="220"/>
      <c r="AH18" s="220"/>
      <c r="AI18" s="220"/>
      <c r="AJ18" s="220"/>
      <c r="AK18" s="220"/>
      <c r="AL18" s="372"/>
      <c r="AM18" s="5"/>
      <c r="AN18" s="287" t="s">
        <v>221</v>
      </c>
      <c r="AO18" s="287"/>
      <c r="AP18" s="287"/>
      <c r="AQ18" s="287"/>
      <c r="AR18" s="287"/>
      <c r="AS18" s="287"/>
      <c r="AT18" s="460" t="s">
        <v>1663</v>
      </c>
      <c r="AU18" s="349"/>
      <c r="AV18" s="349"/>
      <c r="AW18" s="349"/>
      <c r="AX18" s="349"/>
      <c r="AY18" s="349"/>
      <c r="AZ18" s="349"/>
      <c r="BA18" s="349"/>
      <c r="BB18" s="349"/>
      <c r="BC18" s="349"/>
      <c r="BD18" s="349"/>
      <c r="BE18" s="349"/>
      <c r="BF18" s="349"/>
      <c r="BG18" s="349"/>
      <c r="BH18" s="349"/>
      <c r="BI18" s="349"/>
      <c r="BJ18" s="349"/>
      <c r="BK18" s="349"/>
      <c r="BL18" s="349"/>
      <c r="BM18" s="349"/>
      <c r="BN18" s="349"/>
      <c r="BO18" s="349"/>
      <c r="BP18" s="349"/>
      <c r="BQ18" s="349"/>
      <c r="BR18" s="349"/>
      <c r="BS18" s="349"/>
      <c r="BT18" s="349"/>
      <c r="BU18" s="349"/>
      <c r="BV18" s="349"/>
      <c r="BW18" s="349"/>
      <c r="BX18" s="349"/>
      <c r="BY18" s="349"/>
      <c r="BZ18" s="349"/>
      <c r="CA18" s="349"/>
      <c r="CB18" s="349"/>
      <c r="CC18" s="349"/>
      <c r="CD18" s="349"/>
      <c r="CE18" s="349"/>
      <c r="CF18" s="349"/>
      <c r="CG18" s="349"/>
      <c r="CH18" s="349"/>
      <c r="CI18" s="349"/>
      <c r="CJ18" s="349"/>
      <c r="CK18" s="349"/>
      <c r="CL18" s="349"/>
      <c r="CM18" s="350"/>
      <c r="CQ18" s="3" ph="1"/>
      <c r="CR18" s="3" ph="1"/>
      <c r="CS18" s="3" ph="1"/>
      <c r="CT18" s="3" ph="1"/>
      <c r="CU18" s="3" ph="1"/>
      <c r="CV18" s="3" ph="1"/>
    </row>
    <row r="19" spans="1:100" ht="21" customHeight="1" x14ac:dyDescent="0.15">
      <c r="A19" s="361"/>
      <c r="B19" s="362"/>
      <c r="C19" s="362"/>
      <c r="D19" s="362"/>
      <c r="E19" s="363"/>
      <c r="F19" s="345" t="s">
        <v>866</v>
      </c>
      <c r="G19" s="346"/>
      <c r="H19" s="346"/>
      <c r="I19" s="346"/>
      <c r="J19" s="346"/>
      <c r="K19" s="346"/>
      <c r="L19" s="346"/>
      <c r="M19" s="346"/>
      <c r="N19" s="523"/>
      <c r="O19" s="418"/>
      <c r="P19" s="419"/>
      <c r="Q19" s="377"/>
      <c r="R19" s="220"/>
      <c r="S19" s="220"/>
      <c r="T19" s="220"/>
      <c r="U19" s="371"/>
      <c r="V19" s="371"/>
      <c r="W19" s="371"/>
      <c r="X19" s="371"/>
      <c r="Y19" s="371"/>
      <c r="Z19" s="371"/>
      <c r="AA19" s="371"/>
      <c r="AB19" s="371"/>
      <c r="AC19" s="371"/>
      <c r="AD19" s="371"/>
      <c r="AE19" s="371"/>
      <c r="AF19" s="371"/>
      <c r="AG19" s="371"/>
      <c r="AH19" s="371"/>
      <c r="AI19" s="371"/>
      <c r="AJ19" s="371"/>
      <c r="AK19" s="371"/>
      <c r="AL19" s="527"/>
      <c r="AM19" s="5"/>
      <c r="AN19" s="287"/>
      <c r="AO19" s="287"/>
      <c r="AP19" s="287"/>
      <c r="AQ19" s="287"/>
      <c r="AR19" s="287"/>
      <c r="AS19" s="287"/>
      <c r="AT19" s="901"/>
      <c r="AU19" s="353"/>
      <c r="AV19" s="353"/>
      <c r="AW19" s="353"/>
      <c r="AX19" s="353"/>
      <c r="AY19" s="353"/>
      <c r="AZ19" s="353"/>
      <c r="BA19" s="353"/>
      <c r="BB19" s="353"/>
      <c r="BC19" s="353"/>
      <c r="BD19" s="353"/>
      <c r="BE19" s="353"/>
      <c r="BF19" s="353"/>
      <c r="BG19" s="353"/>
      <c r="BH19" s="353"/>
      <c r="BI19" s="353"/>
      <c r="BJ19" s="353"/>
      <c r="BK19" s="353"/>
      <c r="BL19" s="353"/>
      <c r="BM19" s="353"/>
      <c r="BN19" s="353"/>
      <c r="BO19" s="353"/>
      <c r="BP19" s="353"/>
      <c r="BQ19" s="353"/>
      <c r="BR19" s="353"/>
      <c r="BS19" s="353"/>
      <c r="BT19" s="353"/>
      <c r="BU19" s="353"/>
      <c r="BV19" s="353"/>
      <c r="BW19" s="353"/>
      <c r="BX19" s="353"/>
      <c r="BY19" s="353"/>
      <c r="BZ19" s="353"/>
      <c r="CA19" s="353"/>
      <c r="CB19" s="353"/>
      <c r="CC19" s="353"/>
      <c r="CD19" s="353"/>
      <c r="CE19" s="353"/>
      <c r="CF19" s="353"/>
      <c r="CG19" s="353"/>
      <c r="CH19" s="353"/>
      <c r="CI19" s="353"/>
      <c r="CJ19" s="353"/>
      <c r="CK19" s="353"/>
      <c r="CL19" s="353"/>
      <c r="CM19" s="354"/>
      <c r="CQ19" s="3" ph="1"/>
      <c r="CR19" s="3" ph="1"/>
      <c r="CS19" s="3" ph="1"/>
      <c r="CT19" s="3" ph="1"/>
      <c r="CU19" s="3" ph="1"/>
      <c r="CV19" s="3" ph="1"/>
    </row>
    <row r="20" spans="1:100" ht="17.25" customHeight="1" x14ac:dyDescent="0.15">
      <c r="A20" s="361"/>
      <c r="B20" s="362"/>
      <c r="C20" s="362"/>
      <c r="D20" s="362"/>
      <c r="E20" s="363"/>
      <c r="F20" s="398" t="s">
        <v>443</v>
      </c>
      <c r="G20" s="369"/>
      <c r="H20" s="369"/>
      <c r="I20" s="369"/>
      <c r="J20" s="369"/>
      <c r="K20" s="369"/>
      <c r="L20" s="369"/>
      <c r="M20" s="369"/>
      <c r="N20" s="523"/>
      <c r="O20" s="418"/>
      <c r="P20" s="419"/>
      <c r="Q20" s="377"/>
      <c r="R20" s="220"/>
      <c r="S20" s="220"/>
      <c r="T20" s="220"/>
      <c r="U20" s="371"/>
      <c r="V20" s="220"/>
      <c r="W20" s="220"/>
      <c r="X20" s="220"/>
      <c r="Y20" s="371"/>
      <c r="Z20" s="220"/>
      <c r="AA20" s="220"/>
      <c r="AB20" s="220"/>
      <c r="AC20" s="220"/>
      <c r="AD20" s="220"/>
      <c r="AE20" s="220"/>
      <c r="AF20" s="220"/>
      <c r="AG20" s="220"/>
      <c r="AH20" s="220"/>
      <c r="AI20" s="220"/>
      <c r="AJ20" s="220"/>
      <c r="AK20" s="220"/>
      <c r="AL20" s="372"/>
      <c r="AM20" s="5"/>
      <c r="AN20" s="287" t="s">
        <v>222</v>
      </c>
      <c r="AO20" s="287"/>
      <c r="AP20" s="287"/>
      <c r="AQ20" s="287"/>
      <c r="AR20" s="287"/>
      <c r="AS20" s="287"/>
      <c r="AT20" s="460" t="s">
        <v>1334</v>
      </c>
      <c r="AU20" s="349"/>
      <c r="AV20" s="349"/>
      <c r="AW20" s="349"/>
      <c r="AX20" s="349"/>
      <c r="AY20" s="349"/>
      <c r="AZ20" s="349"/>
      <c r="BA20" s="349"/>
      <c r="BB20" s="349"/>
      <c r="BC20" s="349"/>
      <c r="BD20" s="349"/>
      <c r="BE20" s="349"/>
      <c r="BF20" s="349"/>
      <c r="BG20" s="349"/>
      <c r="BH20" s="349"/>
      <c r="BI20" s="349"/>
      <c r="BJ20" s="349"/>
      <c r="BK20" s="349"/>
      <c r="BL20" s="349"/>
      <c r="BM20" s="349"/>
      <c r="BN20" s="349"/>
      <c r="BO20" s="349"/>
      <c r="BP20" s="349"/>
      <c r="BQ20" s="349"/>
      <c r="BR20" s="349"/>
      <c r="BS20" s="349"/>
      <c r="BT20" s="349"/>
      <c r="BU20" s="349"/>
      <c r="BV20" s="349"/>
      <c r="BW20" s="349"/>
      <c r="BX20" s="349"/>
      <c r="BY20" s="349"/>
      <c r="BZ20" s="349"/>
      <c r="CA20" s="349"/>
      <c r="CB20" s="349"/>
      <c r="CC20" s="349"/>
      <c r="CD20" s="349"/>
      <c r="CE20" s="349"/>
      <c r="CF20" s="349"/>
      <c r="CG20" s="349"/>
      <c r="CH20" s="349"/>
      <c r="CI20" s="349"/>
      <c r="CJ20" s="349"/>
      <c r="CK20" s="349"/>
      <c r="CL20" s="349"/>
      <c r="CM20" s="350"/>
      <c r="CQ20" s="3" ph="1"/>
      <c r="CR20" s="3" ph="1"/>
      <c r="CS20" s="3" ph="1"/>
      <c r="CT20" s="3" ph="1"/>
      <c r="CU20" s="3" ph="1"/>
      <c r="CV20" s="3" ph="1"/>
    </row>
    <row r="21" spans="1:100" ht="17.25" customHeight="1" x14ac:dyDescent="0.15">
      <c r="A21" s="361"/>
      <c r="B21" s="362"/>
      <c r="C21" s="362"/>
      <c r="D21" s="362"/>
      <c r="E21" s="363"/>
      <c r="F21" s="370"/>
      <c r="G21" s="370"/>
      <c r="H21" s="370"/>
      <c r="I21" s="370"/>
      <c r="J21" s="370"/>
      <c r="K21" s="370"/>
      <c r="L21" s="370"/>
      <c r="M21" s="370"/>
      <c r="N21" s="523"/>
      <c r="O21" s="418"/>
      <c r="P21" s="419"/>
      <c r="Q21" s="378" t="s">
        <v>45</v>
      </c>
      <c r="R21" s="378"/>
      <c r="S21" s="378"/>
      <c r="T21" s="378"/>
      <c r="U21" s="378"/>
      <c r="V21" s="378"/>
      <c r="W21" s="378"/>
      <c r="X21" s="378"/>
      <c r="Y21" s="378"/>
      <c r="Z21" s="378"/>
      <c r="AA21" s="378"/>
      <c r="AB21" s="378"/>
      <c r="AC21" s="378"/>
      <c r="AD21" s="378"/>
      <c r="AE21" s="378"/>
      <c r="AF21" s="378"/>
      <c r="AG21" s="378"/>
      <c r="AH21" s="378"/>
      <c r="AI21" s="378"/>
      <c r="AJ21" s="378"/>
      <c r="AK21" s="378"/>
      <c r="AL21" s="379"/>
      <c r="AM21" s="5"/>
      <c r="AN21" s="287"/>
      <c r="AO21" s="287"/>
      <c r="AP21" s="287"/>
      <c r="AQ21" s="287"/>
      <c r="AR21" s="287"/>
      <c r="AS21" s="287"/>
      <c r="AT21" s="901"/>
      <c r="AU21" s="353"/>
      <c r="AV21" s="353"/>
      <c r="AW21" s="353"/>
      <c r="AX21" s="353"/>
      <c r="AY21" s="353"/>
      <c r="AZ21" s="353"/>
      <c r="BA21" s="353"/>
      <c r="BB21" s="353"/>
      <c r="BC21" s="353"/>
      <c r="BD21" s="353"/>
      <c r="BE21" s="353"/>
      <c r="BF21" s="353"/>
      <c r="BG21" s="353"/>
      <c r="BH21" s="353"/>
      <c r="BI21" s="353"/>
      <c r="BJ21" s="353"/>
      <c r="BK21" s="353"/>
      <c r="BL21" s="353"/>
      <c r="BM21" s="353"/>
      <c r="BN21" s="353"/>
      <c r="BO21" s="353"/>
      <c r="BP21" s="353"/>
      <c r="BQ21" s="353"/>
      <c r="BR21" s="353"/>
      <c r="BS21" s="353"/>
      <c r="BT21" s="353"/>
      <c r="BU21" s="353"/>
      <c r="BV21" s="353"/>
      <c r="BW21" s="353"/>
      <c r="BX21" s="353"/>
      <c r="BY21" s="353"/>
      <c r="BZ21" s="353"/>
      <c r="CA21" s="353"/>
      <c r="CB21" s="353"/>
      <c r="CC21" s="353"/>
      <c r="CD21" s="353"/>
      <c r="CE21" s="353"/>
      <c r="CF21" s="353"/>
      <c r="CG21" s="353"/>
      <c r="CH21" s="353"/>
      <c r="CI21" s="353"/>
      <c r="CJ21" s="353"/>
      <c r="CK21" s="353"/>
      <c r="CL21" s="353"/>
      <c r="CM21" s="354"/>
      <c r="CQ21" s="3" ph="1"/>
      <c r="CR21" s="3" ph="1"/>
      <c r="CS21" s="3" ph="1"/>
      <c r="CT21" s="3" ph="1"/>
      <c r="CU21" s="3" ph="1"/>
      <c r="CV21" s="3" ph="1"/>
    </row>
    <row r="22" spans="1:100" ht="17.25" customHeight="1" x14ac:dyDescent="0.15">
      <c r="A22" s="332" t="s">
        <v>259</v>
      </c>
      <c r="B22" s="332"/>
      <c r="C22" s="332"/>
      <c r="D22" s="332"/>
      <c r="E22" s="332"/>
      <c r="F22" s="345" t="s">
        <v>1205</v>
      </c>
      <c r="G22" s="346"/>
      <c r="H22" s="346"/>
      <c r="I22" s="346"/>
      <c r="J22" s="346"/>
      <c r="K22" s="346"/>
      <c r="L22" s="346"/>
      <c r="M22" s="346"/>
      <c r="N22" s="523"/>
      <c r="O22" s="1031" t="s">
        <v>258</v>
      </c>
      <c r="P22" s="1031"/>
      <c r="Q22" s="486" t="s">
        <v>296</v>
      </c>
      <c r="R22" s="487"/>
      <c r="S22" s="487"/>
      <c r="T22" s="487"/>
      <c r="U22" s="487"/>
      <c r="V22" s="487"/>
      <c r="W22" s="487"/>
      <c r="X22" s="487"/>
      <c r="Y22" s="487"/>
      <c r="Z22" s="487"/>
      <c r="AA22" s="487"/>
      <c r="AB22" s="487"/>
      <c r="AC22" s="487"/>
      <c r="AD22" s="487"/>
      <c r="AE22" s="487"/>
      <c r="AF22" s="487"/>
      <c r="AG22" s="487"/>
      <c r="AH22" s="487"/>
      <c r="AI22" s="487"/>
      <c r="AJ22" s="487"/>
      <c r="AK22" s="487"/>
      <c r="AL22" s="488"/>
      <c r="AM22" s="5"/>
      <c r="AN22" s="1032" t="s">
        <v>462</v>
      </c>
      <c r="AO22" s="1032"/>
      <c r="AP22" s="1032"/>
      <c r="AQ22" s="1032"/>
      <c r="AR22" s="1032"/>
      <c r="AS22" s="1032"/>
      <c r="AT22" s="1032"/>
      <c r="AU22" s="1032"/>
      <c r="AV22" s="1032"/>
      <c r="AW22" s="1032"/>
      <c r="AX22" s="1032"/>
      <c r="AY22" s="1032"/>
      <c r="AZ22" s="1032"/>
      <c r="BA22" s="1032"/>
      <c r="BB22" s="1032"/>
      <c r="BC22" s="1032"/>
      <c r="BD22" s="1032"/>
      <c r="BE22" s="1032"/>
      <c r="BF22" s="1032"/>
      <c r="BG22" s="1032"/>
      <c r="BH22" s="1032"/>
      <c r="BI22" s="1032"/>
      <c r="BJ22" s="1032"/>
      <c r="BK22" s="1032"/>
      <c r="BL22" s="1032"/>
      <c r="BM22" s="1032"/>
      <c r="BN22" s="1032"/>
      <c r="BO22" s="1032"/>
      <c r="BP22" s="1032"/>
      <c r="BQ22" s="1032"/>
      <c r="BR22" s="1032"/>
      <c r="BS22" s="1032"/>
      <c r="BT22" s="1032"/>
      <c r="BU22" s="1032"/>
      <c r="BV22" s="1032"/>
      <c r="BW22" s="1032"/>
      <c r="BX22" s="1032"/>
      <c r="BY22" s="1032"/>
      <c r="BZ22" s="1032"/>
      <c r="CA22" s="1032"/>
      <c r="CB22" s="1032"/>
      <c r="CC22" s="1032"/>
      <c r="CD22" s="1032"/>
      <c r="CE22" s="1032"/>
      <c r="CF22" s="1032"/>
      <c r="CG22" s="1032"/>
      <c r="CH22" s="1032"/>
      <c r="CI22" s="1032"/>
      <c r="CJ22" s="1032"/>
      <c r="CK22" s="1032"/>
      <c r="CL22" s="1032"/>
      <c r="CM22" s="1032"/>
      <c r="CQ22" s="3" ph="1"/>
      <c r="CR22" s="3" ph="1"/>
      <c r="CS22" s="3" ph="1"/>
      <c r="CT22" s="3" ph="1"/>
      <c r="CU22" s="3" ph="1"/>
      <c r="CV22" s="3" ph="1"/>
    </row>
    <row r="23" spans="1:100" ht="17.25" customHeight="1" x14ac:dyDescent="0.15">
      <c r="A23" s="328"/>
      <c r="B23" s="328"/>
      <c r="C23" s="328"/>
      <c r="D23" s="328"/>
      <c r="E23" s="328"/>
      <c r="F23" s="336" t="s">
        <v>1204</v>
      </c>
      <c r="G23" s="337"/>
      <c r="H23" s="337"/>
      <c r="I23" s="337"/>
      <c r="J23" s="337"/>
      <c r="K23" s="337"/>
      <c r="L23" s="337"/>
      <c r="M23" s="338"/>
      <c r="N23" s="523"/>
      <c r="O23" s="1031"/>
      <c r="P23" s="1031"/>
      <c r="Q23" s="355">
        <v>26573</v>
      </c>
      <c r="R23" s="355"/>
      <c r="S23" s="355"/>
      <c r="T23" s="355"/>
      <c r="U23" s="355"/>
      <c r="V23" s="355"/>
      <c r="W23" s="355"/>
      <c r="X23" s="355"/>
      <c r="Y23" s="355"/>
      <c r="Z23" s="355"/>
      <c r="AA23" s="355"/>
      <c r="AB23" s="355"/>
      <c r="AC23" s="355"/>
      <c r="AD23" s="355"/>
      <c r="AE23" s="355"/>
      <c r="AF23" s="355"/>
      <c r="AG23" s="355"/>
      <c r="AH23" s="355"/>
      <c r="AI23" s="355"/>
      <c r="AJ23" s="355"/>
      <c r="AK23" s="355"/>
      <c r="AL23" s="355"/>
      <c r="AM23" s="5"/>
      <c r="AN23" s="2" t="s">
        <v>16</v>
      </c>
      <c r="AO23" s="1033" t="s">
        <v>1166</v>
      </c>
      <c r="AP23" s="1033"/>
      <c r="AQ23" s="1033"/>
      <c r="AR23" s="1033"/>
      <c r="AS23" s="1033"/>
      <c r="AT23" s="1033"/>
      <c r="AU23" s="1033"/>
      <c r="AV23" s="1033"/>
      <c r="AW23" s="1033"/>
      <c r="AX23" s="1033"/>
      <c r="AY23" s="1033"/>
      <c r="AZ23" s="1033"/>
      <c r="BA23" s="1033"/>
      <c r="BB23" s="1033"/>
      <c r="BC23" s="1033"/>
      <c r="BD23" s="1033"/>
      <c r="BE23" s="1033"/>
      <c r="BF23" s="1033"/>
      <c r="BG23" s="1033"/>
      <c r="BH23" s="1033"/>
      <c r="BI23" s="1033"/>
      <c r="BJ23" s="1033"/>
      <c r="BK23" s="1033"/>
      <c r="BL23" s="1033"/>
      <c r="BM23" s="1033"/>
      <c r="BN23" s="1033"/>
      <c r="BO23" s="1033"/>
      <c r="BP23" s="1033"/>
      <c r="BQ23" s="1033"/>
      <c r="BR23" s="1033"/>
      <c r="BS23" s="1033"/>
      <c r="BT23" s="1033"/>
      <c r="BU23" s="1033"/>
      <c r="BV23" s="1033"/>
      <c r="BW23" s="1033"/>
      <c r="BX23" s="1033"/>
      <c r="BY23" s="1033"/>
      <c r="BZ23" s="1033"/>
      <c r="CA23" s="1033"/>
      <c r="CB23" s="1033"/>
      <c r="CC23" s="1033"/>
      <c r="CD23" s="1033"/>
      <c r="CE23" s="1033"/>
      <c r="CF23" s="1033"/>
      <c r="CG23" s="1033"/>
      <c r="CH23" s="1033"/>
      <c r="CI23" s="1033"/>
      <c r="CJ23" s="1033"/>
      <c r="CK23" s="1033"/>
      <c r="CL23" s="1033"/>
      <c r="CM23" s="1034"/>
      <c r="CQ23" s="3" ph="1"/>
      <c r="CR23" s="3" ph="1"/>
      <c r="CS23" s="3" ph="1"/>
      <c r="CT23" s="3" ph="1"/>
      <c r="CU23" s="3" ph="1"/>
      <c r="CV23" s="3" ph="1"/>
    </row>
    <row r="24" spans="1:100" ht="17.25" customHeight="1" x14ac:dyDescent="0.15">
      <c r="A24" s="329"/>
      <c r="B24" s="329"/>
      <c r="C24" s="329"/>
      <c r="D24" s="329"/>
      <c r="E24" s="329"/>
      <c r="F24" s="339"/>
      <c r="G24" s="340"/>
      <c r="H24" s="340"/>
      <c r="I24" s="340"/>
      <c r="J24" s="340"/>
      <c r="K24" s="340"/>
      <c r="L24" s="340"/>
      <c r="M24" s="341"/>
      <c r="N24" s="523"/>
      <c r="O24" s="428" t="s">
        <v>260</v>
      </c>
      <c r="P24" s="428"/>
      <c r="Q24" s="486" t="s">
        <v>867</v>
      </c>
      <c r="R24" s="487"/>
      <c r="S24" s="487"/>
      <c r="T24" s="487"/>
      <c r="U24" s="487"/>
      <c r="V24" s="487"/>
      <c r="W24" s="487"/>
      <c r="X24" s="487"/>
      <c r="Y24" s="487"/>
      <c r="Z24" s="487"/>
      <c r="AA24" s="487"/>
      <c r="AB24" s="487"/>
      <c r="AC24" s="487"/>
      <c r="AD24" s="487"/>
      <c r="AE24" s="487"/>
      <c r="AF24" s="487"/>
      <c r="AG24" s="487"/>
      <c r="AH24" s="487"/>
      <c r="AI24" s="487"/>
      <c r="AJ24" s="487"/>
      <c r="AK24" s="487"/>
      <c r="AL24" s="488"/>
      <c r="AM24" s="5"/>
      <c r="AN24" s="37" t="s">
        <v>16</v>
      </c>
      <c r="AO24" s="1027" t="s">
        <v>1167</v>
      </c>
      <c r="AP24" s="1027"/>
      <c r="AQ24" s="1027"/>
      <c r="AR24" s="1027"/>
      <c r="AS24" s="1027"/>
      <c r="AT24" s="1027"/>
      <c r="AU24" s="1027"/>
      <c r="AV24" s="1027"/>
      <c r="AW24" s="1027"/>
      <c r="AX24" s="1027"/>
      <c r="AY24" s="1027"/>
      <c r="AZ24" s="1027"/>
      <c r="BA24" s="1027"/>
      <c r="BB24" s="1027"/>
      <c r="BC24" s="1027"/>
      <c r="BD24" s="1027"/>
      <c r="BE24" s="1027"/>
      <c r="BF24" s="1027"/>
      <c r="BG24" s="1027"/>
      <c r="BH24" s="1027"/>
      <c r="BI24" s="1027"/>
      <c r="BJ24" s="1027"/>
      <c r="BK24" s="1027"/>
      <c r="BL24" s="1027"/>
      <c r="BM24" s="1027"/>
      <c r="BN24" s="1027"/>
      <c r="BO24" s="1027"/>
      <c r="BP24" s="1027"/>
      <c r="BQ24" s="1027"/>
      <c r="BR24" s="1027"/>
      <c r="BS24" s="1027"/>
      <c r="BT24" s="1027"/>
      <c r="BU24" s="1027"/>
      <c r="BV24" s="1027"/>
      <c r="BW24" s="1027"/>
      <c r="BX24" s="1027"/>
      <c r="BY24" s="1027"/>
      <c r="BZ24" s="1027"/>
      <c r="CA24" s="1027"/>
      <c r="CB24" s="1027"/>
      <c r="CC24" s="1027"/>
      <c r="CD24" s="1027"/>
      <c r="CE24" s="1027"/>
      <c r="CF24" s="1027"/>
      <c r="CG24" s="1027"/>
      <c r="CH24" s="1027"/>
      <c r="CI24" s="1027"/>
      <c r="CJ24" s="1027"/>
      <c r="CK24" s="1027"/>
      <c r="CL24" s="1027"/>
      <c r="CM24" s="1028"/>
      <c r="CQ24" s="3" ph="1"/>
      <c r="CR24" s="3" ph="1"/>
      <c r="CS24" s="3" ph="1"/>
      <c r="CT24" s="3" ph="1"/>
      <c r="CU24" s="3" ph="1"/>
      <c r="CV24" s="3" ph="1"/>
    </row>
    <row r="25" spans="1:100" ht="17.25" customHeight="1" x14ac:dyDescent="0.15">
      <c r="A25" s="328" t="s">
        <v>263</v>
      </c>
      <c r="B25" s="328"/>
      <c r="C25" s="328"/>
      <c r="D25" s="328"/>
      <c r="E25" s="328"/>
      <c r="F25" s="844" t="s">
        <v>1629</v>
      </c>
      <c r="G25" s="845"/>
      <c r="H25" s="845"/>
      <c r="I25" s="845"/>
      <c r="J25" s="845"/>
      <c r="K25" s="845"/>
      <c r="L25" s="845"/>
      <c r="M25" s="845"/>
      <c r="N25" s="523"/>
      <c r="O25" s="428"/>
      <c r="P25" s="428"/>
      <c r="Q25" s="355">
        <v>26573</v>
      </c>
      <c r="R25" s="355"/>
      <c r="S25" s="355"/>
      <c r="T25" s="355"/>
      <c r="U25" s="355"/>
      <c r="V25" s="355"/>
      <c r="W25" s="355"/>
      <c r="X25" s="355"/>
      <c r="Y25" s="355"/>
      <c r="Z25" s="355"/>
      <c r="AA25" s="355"/>
      <c r="AB25" s="355"/>
      <c r="AC25" s="355"/>
      <c r="AD25" s="355"/>
      <c r="AE25" s="355"/>
      <c r="AF25" s="355"/>
      <c r="AG25" s="355"/>
      <c r="AH25" s="355"/>
      <c r="AI25" s="355"/>
      <c r="AJ25" s="355"/>
      <c r="AK25" s="355"/>
      <c r="AL25" s="355"/>
      <c r="AM25" s="5"/>
      <c r="AN25" s="37" t="s">
        <v>16</v>
      </c>
      <c r="AO25" s="1029" t="s">
        <v>1441</v>
      </c>
      <c r="AP25" s="1029"/>
      <c r="AQ25" s="1029"/>
      <c r="AR25" s="1029"/>
      <c r="AS25" s="1029"/>
      <c r="AT25" s="1029"/>
      <c r="AU25" s="1029"/>
      <c r="AV25" s="1029"/>
      <c r="AW25" s="1029"/>
      <c r="AX25" s="1029"/>
      <c r="AY25" s="1029"/>
      <c r="AZ25" s="1029"/>
      <c r="BA25" s="1029"/>
      <c r="BB25" s="1029"/>
      <c r="BC25" s="1029"/>
      <c r="BD25" s="1029"/>
      <c r="BE25" s="1029"/>
      <c r="BF25" s="1029"/>
      <c r="BG25" s="1029"/>
      <c r="BH25" s="1029"/>
      <c r="BI25" s="1029"/>
      <c r="BJ25" s="1029"/>
      <c r="BK25" s="1029"/>
      <c r="BL25" s="1029"/>
      <c r="BM25" s="1029"/>
      <c r="BN25" s="1029"/>
      <c r="BO25" s="1029"/>
      <c r="BP25" s="1029"/>
      <c r="BQ25" s="1029"/>
      <c r="BR25" s="1029"/>
      <c r="BS25" s="1029"/>
      <c r="BT25" s="1029"/>
      <c r="BU25" s="1029"/>
      <c r="BV25" s="1029"/>
      <c r="BW25" s="1029"/>
      <c r="BX25" s="1029"/>
      <c r="BY25" s="1029"/>
      <c r="BZ25" s="1029"/>
      <c r="CA25" s="1029"/>
      <c r="CB25" s="1029"/>
      <c r="CC25" s="1029"/>
      <c r="CD25" s="1029"/>
      <c r="CE25" s="1029"/>
      <c r="CF25" s="1029"/>
      <c r="CG25" s="1029"/>
      <c r="CH25" s="1029"/>
      <c r="CI25" s="1029"/>
      <c r="CJ25" s="1029"/>
      <c r="CK25" s="1029"/>
      <c r="CL25" s="1029"/>
      <c r="CM25" s="1028"/>
      <c r="CQ25" s="3" ph="1"/>
      <c r="CR25" s="3" ph="1"/>
      <c r="CS25" s="3" ph="1"/>
      <c r="CT25" s="3" ph="1"/>
      <c r="CU25" s="3" ph="1"/>
      <c r="CV25" s="3" ph="1"/>
    </row>
    <row r="26" spans="1:100" ht="17.25" customHeight="1" x14ac:dyDescent="0.15">
      <c r="A26" s="328"/>
      <c r="B26" s="328"/>
      <c r="C26" s="328"/>
      <c r="D26" s="328"/>
      <c r="E26" s="328"/>
      <c r="F26" s="336" t="s">
        <v>1628</v>
      </c>
      <c r="G26" s="337"/>
      <c r="H26" s="337"/>
      <c r="I26" s="337"/>
      <c r="J26" s="337"/>
      <c r="K26" s="337"/>
      <c r="L26" s="337"/>
      <c r="M26" s="338"/>
      <c r="N26" s="523"/>
      <c r="O26" s="428" t="s">
        <v>264</v>
      </c>
      <c r="P26" s="428"/>
      <c r="Q26" s="1030" t="s">
        <v>868</v>
      </c>
      <c r="R26" s="862"/>
      <c r="S26" s="862"/>
      <c r="T26" s="862"/>
      <c r="U26" s="862"/>
      <c r="V26" s="862"/>
      <c r="W26" s="862"/>
      <c r="X26" s="862"/>
      <c r="Y26" s="862"/>
      <c r="Z26" s="862"/>
      <c r="AA26" s="862"/>
      <c r="AB26" s="862"/>
      <c r="AC26" s="862"/>
      <c r="AD26" s="862"/>
      <c r="AE26" s="862"/>
      <c r="AF26" s="862"/>
      <c r="AG26" s="862"/>
      <c r="AH26" s="862"/>
      <c r="AI26" s="862"/>
      <c r="AJ26" s="862"/>
      <c r="AK26" s="862"/>
      <c r="AL26" s="863"/>
      <c r="AM26" s="5"/>
      <c r="AN26" s="37" t="s">
        <v>16</v>
      </c>
      <c r="AO26" s="1029" t="s">
        <v>1442</v>
      </c>
      <c r="AP26" s="1029"/>
      <c r="AQ26" s="1029"/>
      <c r="AR26" s="1029"/>
      <c r="AS26" s="1029"/>
      <c r="AT26" s="1029"/>
      <c r="AU26" s="1029"/>
      <c r="AV26" s="1029"/>
      <c r="AW26" s="1029"/>
      <c r="AX26" s="1029"/>
      <c r="AY26" s="1029"/>
      <c r="AZ26" s="1029"/>
      <c r="BA26" s="1029"/>
      <c r="BB26" s="1029"/>
      <c r="BC26" s="1029"/>
      <c r="BD26" s="1029"/>
      <c r="BE26" s="1029"/>
      <c r="BF26" s="1029"/>
      <c r="BG26" s="1029"/>
      <c r="BH26" s="1029"/>
      <c r="BI26" s="1029"/>
      <c r="BJ26" s="1029"/>
      <c r="BK26" s="1029"/>
      <c r="BL26" s="1029"/>
      <c r="BM26" s="1029"/>
      <c r="BN26" s="1029"/>
      <c r="BO26" s="1029"/>
      <c r="BP26" s="1029"/>
      <c r="BQ26" s="1029"/>
      <c r="BR26" s="1029"/>
      <c r="BS26" s="1029"/>
      <c r="BT26" s="1029"/>
      <c r="BU26" s="1029"/>
      <c r="BV26" s="1029"/>
      <c r="BW26" s="1029"/>
      <c r="BX26" s="1029"/>
      <c r="BY26" s="1029"/>
      <c r="BZ26" s="1029"/>
      <c r="CA26" s="1029"/>
      <c r="CB26" s="1029"/>
      <c r="CC26" s="1029"/>
      <c r="CD26" s="1029"/>
      <c r="CE26" s="1029"/>
      <c r="CF26" s="1029"/>
      <c r="CG26" s="1029"/>
      <c r="CH26" s="1029"/>
      <c r="CI26" s="1029"/>
      <c r="CJ26" s="1029"/>
      <c r="CK26" s="1029"/>
      <c r="CL26" s="1029"/>
      <c r="CM26" s="1028"/>
      <c r="CN26" s="33"/>
      <c r="CQ26" s="3" ph="1"/>
      <c r="CR26" s="3" ph="1"/>
      <c r="CS26" s="3" ph="1"/>
      <c r="CT26" s="3" ph="1"/>
      <c r="CU26" s="3" ph="1"/>
      <c r="CV26" s="3" ph="1"/>
    </row>
    <row r="27" spans="1:100" ht="17.25" customHeight="1" x14ac:dyDescent="0.15">
      <c r="A27" s="329"/>
      <c r="B27" s="329"/>
      <c r="C27" s="329"/>
      <c r="D27" s="329"/>
      <c r="E27" s="329"/>
      <c r="F27" s="339"/>
      <c r="G27" s="340"/>
      <c r="H27" s="340"/>
      <c r="I27" s="340"/>
      <c r="J27" s="340"/>
      <c r="K27" s="340"/>
      <c r="L27" s="340"/>
      <c r="M27" s="341"/>
      <c r="N27" s="523"/>
      <c r="O27" s="428"/>
      <c r="P27" s="428"/>
      <c r="Q27" s="342">
        <v>35704</v>
      </c>
      <c r="R27" s="343"/>
      <c r="S27" s="343"/>
      <c r="T27" s="343"/>
      <c r="U27" s="343"/>
      <c r="V27" s="343"/>
      <c r="W27" s="343"/>
      <c r="X27" s="343"/>
      <c r="Y27" s="343"/>
      <c r="Z27" s="343"/>
      <c r="AA27" s="343"/>
      <c r="AB27" s="343"/>
      <c r="AC27" s="343"/>
      <c r="AD27" s="343"/>
      <c r="AE27" s="343"/>
      <c r="AF27" s="343"/>
      <c r="AG27" s="343"/>
      <c r="AH27" s="343"/>
      <c r="AI27" s="343"/>
      <c r="AJ27" s="343"/>
      <c r="AK27" s="343"/>
      <c r="AL27" s="344"/>
      <c r="AM27" s="5"/>
      <c r="AN27" s="17" t="s">
        <v>16</v>
      </c>
      <c r="AO27" s="1035" t="s">
        <v>1443</v>
      </c>
      <c r="AP27" s="1035"/>
      <c r="AQ27" s="1035"/>
      <c r="AR27" s="1035"/>
      <c r="AS27" s="1035"/>
      <c r="AT27" s="1035"/>
      <c r="AU27" s="1035"/>
      <c r="AV27" s="1035"/>
      <c r="AW27" s="1035"/>
      <c r="AX27" s="1035"/>
      <c r="AY27" s="1035"/>
      <c r="AZ27" s="1035"/>
      <c r="BA27" s="1035"/>
      <c r="BB27" s="1035"/>
      <c r="BC27" s="1035"/>
      <c r="BD27" s="1035"/>
      <c r="BE27" s="1035"/>
      <c r="BF27" s="1035"/>
      <c r="BG27" s="1035"/>
      <c r="BH27" s="1035"/>
      <c r="BI27" s="1035"/>
      <c r="BJ27" s="1035"/>
      <c r="BK27" s="1035"/>
      <c r="BL27" s="1035"/>
      <c r="BM27" s="1035"/>
      <c r="BN27" s="1035"/>
      <c r="BO27" s="1035"/>
      <c r="BP27" s="1035"/>
      <c r="BQ27" s="1035"/>
      <c r="BR27" s="1035"/>
      <c r="BS27" s="1035"/>
      <c r="BT27" s="1035"/>
      <c r="BU27" s="1035"/>
      <c r="BV27" s="1035"/>
      <c r="BW27" s="1035"/>
      <c r="BX27" s="1035"/>
      <c r="BY27" s="1035"/>
      <c r="BZ27" s="1035"/>
      <c r="CA27" s="1035"/>
      <c r="CB27" s="1035"/>
      <c r="CC27" s="1035"/>
      <c r="CD27" s="1035"/>
      <c r="CE27" s="1035"/>
      <c r="CF27" s="1035"/>
      <c r="CG27" s="1035"/>
      <c r="CH27" s="1035"/>
      <c r="CI27" s="1035"/>
      <c r="CJ27" s="1035"/>
      <c r="CK27" s="1035"/>
      <c r="CL27" s="1035"/>
      <c r="CM27" s="1036"/>
      <c r="CN27" s="33"/>
      <c r="CQ27" s="3" ph="1"/>
      <c r="CR27" s="3" ph="1"/>
      <c r="CS27" s="3" ph="1"/>
      <c r="CT27" s="3" ph="1"/>
      <c r="CU27" s="3" ph="1"/>
      <c r="CV27" s="3" ph="1"/>
    </row>
    <row r="28" spans="1:100" ht="17.25" customHeight="1" x14ac:dyDescent="0.15">
      <c r="A28" s="388" t="s">
        <v>268</v>
      </c>
      <c r="B28" s="389"/>
      <c r="C28" s="389"/>
      <c r="D28" s="389"/>
      <c r="E28" s="389"/>
      <c r="F28" s="389"/>
      <c r="G28" s="389"/>
      <c r="H28" s="389"/>
      <c r="I28" s="389"/>
      <c r="J28" s="389"/>
      <c r="K28" s="389"/>
      <c r="L28" s="389"/>
      <c r="M28" s="389"/>
      <c r="N28" s="389"/>
      <c r="O28" s="389"/>
      <c r="P28" s="389"/>
      <c r="Q28" s="389"/>
      <c r="R28" s="389"/>
      <c r="S28" s="389"/>
      <c r="T28" s="389"/>
      <c r="U28" s="389"/>
      <c r="V28" s="389"/>
      <c r="W28" s="389"/>
      <c r="X28" s="389"/>
      <c r="Y28" s="389"/>
      <c r="Z28" s="389"/>
      <c r="AA28" s="389"/>
      <c r="AB28" s="389"/>
      <c r="AC28" s="389"/>
      <c r="AD28" s="389"/>
      <c r="AE28" s="389"/>
      <c r="AF28" s="389"/>
      <c r="AG28" s="389"/>
      <c r="AH28" s="389"/>
      <c r="AI28" s="389"/>
      <c r="AJ28" s="389"/>
      <c r="AK28" s="389"/>
      <c r="AL28" s="389"/>
      <c r="AM28" s="5"/>
      <c r="AN28" s="255" t="s">
        <v>261</v>
      </c>
      <c r="AO28" s="255"/>
      <c r="AP28" s="255"/>
      <c r="AQ28" s="255"/>
      <c r="AR28" s="255"/>
      <c r="AS28" s="255"/>
      <c r="AT28" s="255"/>
      <c r="AU28" s="255"/>
      <c r="AV28" s="255"/>
      <c r="AW28" s="255"/>
      <c r="AX28" s="255"/>
      <c r="AY28" s="255"/>
      <c r="AZ28" s="255"/>
      <c r="BA28" s="255"/>
      <c r="BB28" s="255"/>
      <c r="BC28" s="255"/>
      <c r="BD28" s="255"/>
      <c r="BE28" s="255"/>
      <c r="BF28" s="255"/>
      <c r="BG28" s="255"/>
      <c r="BH28" s="255"/>
      <c r="BI28" s="255"/>
      <c r="BJ28" s="255"/>
      <c r="BK28" s="255"/>
      <c r="BL28" s="255"/>
      <c r="BM28" s="255"/>
      <c r="BN28" s="255"/>
      <c r="BO28" s="255"/>
      <c r="BP28" s="255"/>
      <c r="BQ28" s="134"/>
      <c r="BR28" s="135"/>
      <c r="BS28" s="1"/>
      <c r="BT28" s="1"/>
      <c r="BU28" s="1"/>
      <c r="BV28" s="1"/>
      <c r="BW28" s="1"/>
      <c r="BX28" s="1"/>
      <c r="BY28" s="1"/>
      <c r="BZ28" s="1"/>
      <c r="CA28" s="1"/>
      <c r="CB28" s="1"/>
      <c r="CC28" s="1"/>
      <c r="CD28" s="1"/>
      <c r="CE28" s="1"/>
      <c r="CF28" s="1"/>
      <c r="CG28" s="1"/>
      <c r="CH28" s="1"/>
      <c r="CI28" s="1"/>
      <c r="CJ28" s="1"/>
      <c r="CK28" s="1"/>
      <c r="CL28" s="1"/>
      <c r="CM28" s="1"/>
      <c r="CN28" s="33"/>
      <c r="CQ28" s="3" ph="1"/>
      <c r="CR28" s="3" ph="1"/>
      <c r="CS28" s="3" ph="1"/>
      <c r="CT28" s="3" ph="1"/>
      <c r="CU28" s="3" ph="1"/>
      <c r="CV28" s="3" ph="1"/>
    </row>
    <row r="29" spans="1:100" ht="17.25" customHeight="1" x14ac:dyDescent="0.15">
      <c r="A29" s="1018" t="s">
        <v>1440</v>
      </c>
      <c r="B29" s="1019"/>
      <c r="C29" s="1019"/>
      <c r="D29" s="1019"/>
      <c r="E29" s="1019"/>
      <c r="F29" s="1019"/>
      <c r="G29" s="1019"/>
      <c r="H29" s="1019"/>
      <c r="I29" s="1019"/>
      <c r="J29" s="1019"/>
      <c r="K29" s="1019"/>
      <c r="L29" s="1019"/>
      <c r="M29" s="1019"/>
      <c r="N29" s="1019"/>
      <c r="O29" s="1019"/>
      <c r="P29" s="1019"/>
      <c r="Q29" s="1019"/>
      <c r="R29" s="1019"/>
      <c r="S29" s="1019"/>
      <c r="T29" s="1019"/>
      <c r="U29" s="1019"/>
      <c r="V29" s="1019"/>
      <c r="W29" s="1019"/>
      <c r="X29" s="1019"/>
      <c r="Y29" s="1019"/>
      <c r="Z29" s="1019"/>
      <c r="AA29" s="1019"/>
      <c r="AB29" s="1019"/>
      <c r="AC29" s="1019"/>
      <c r="AD29" s="1019"/>
      <c r="AE29" s="1019"/>
      <c r="AF29" s="1019"/>
      <c r="AG29" s="1019"/>
      <c r="AH29" s="1019"/>
      <c r="AI29" s="1019"/>
      <c r="AJ29" s="1019"/>
      <c r="AK29" s="1019"/>
      <c r="AL29" s="1020"/>
      <c r="AM29" s="5"/>
      <c r="AN29" s="38" t="s">
        <v>16</v>
      </c>
      <c r="AO29" s="349" t="s">
        <v>741</v>
      </c>
      <c r="AP29" s="349"/>
      <c r="AQ29" s="349"/>
      <c r="AR29" s="349"/>
      <c r="AS29" s="349"/>
      <c r="AT29" s="349"/>
      <c r="AU29" s="349"/>
      <c r="AV29" s="349"/>
      <c r="AW29" s="349"/>
      <c r="AX29" s="349"/>
      <c r="AY29" s="349"/>
      <c r="AZ29" s="349"/>
      <c r="BA29" s="349"/>
      <c r="BB29" s="349"/>
      <c r="BC29" s="349"/>
      <c r="BD29" s="349"/>
      <c r="BE29" s="349"/>
      <c r="BF29" s="349"/>
      <c r="BG29" s="349"/>
      <c r="BH29" s="349"/>
      <c r="BI29" s="349"/>
      <c r="BJ29" s="349"/>
      <c r="BK29" s="349"/>
      <c r="BL29" s="349"/>
      <c r="BM29" s="349"/>
      <c r="BN29" s="349"/>
      <c r="BO29" s="349"/>
      <c r="BP29" s="350"/>
      <c r="BQ29" s="53"/>
      <c r="BR29" s="101"/>
      <c r="BS29" s="15"/>
      <c r="BT29" s="1"/>
      <c r="BU29" s="1"/>
      <c r="BV29" s="1"/>
      <c r="BW29" s="1"/>
      <c r="BX29" s="1"/>
      <c r="BY29" s="129"/>
      <c r="BZ29" s="129"/>
      <c r="CA29" s="129"/>
      <c r="CB29" s="129"/>
      <c r="CC29" s="129"/>
      <c r="CD29" s="129"/>
      <c r="CE29" s="129"/>
      <c r="CF29" s="129"/>
      <c r="CG29" s="129"/>
      <c r="CH29" s="129"/>
      <c r="CI29" s="129"/>
      <c r="CJ29" s="129"/>
      <c r="CK29" s="129"/>
      <c r="CL29" s="129"/>
      <c r="CM29" s="1"/>
      <c r="CN29" s="33"/>
      <c r="CQ29" s="3" ph="1"/>
      <c r="CR29" s="3" ph="1"/>
      <c r="CS29" s="3" ph="1"/>
      <c r="CT29" s="3" ph="1"/>
      <c r="CU29" s="3" ph="1"/>
      <c r="CV29" s="3" ph="1"/>
    </row>
    <row r="30" spans="1:100" ht="17.25" customHeight="1" x14ac:dyDescent="0.15">
      <c r="A30" s="1021"/>
      <c r="B30" s="1022"/>
      <c r="C30" s="1022"/>
      <c r="D30" s="1022"/>
      <c r="E30" s="1022"/>
      <c r="F30" s="1022"/>
      <c r="G30" s="1022"/>
      <c r="H30" s="1022"/>
      <c r="I30" s="1022"/>
      <c r="J30" s="1022"/>
      <c r="K30" s="1022"/>
      <c r="L30" s="1022"/>
      <c r="M30" s="1022"/>
      <c r="N30" s="1022"/>
      <c r="O30" s="1022"/>
      <c r="P30" s="1022"/>
      <c r="Q30" s="1022"/>
      <c r="R30" s="1022"/>
      <c r="S30" s="1022"/>
      <c r="T30" s="1022"/>
      <c r="U30" s="1022"/>
      <c r="V30" s="1022"/>
      <c r="W30" s="1022"/>
      <c r="X30" s="1022"/>
      <c r="Y30" s="1022"/>
      <c r="Z30" s="1022"/>
      <c r="AA30" s="1022"/>
      <c r="AB30" s="1022"/>
      <c r="AC30" s="1022"/>
      <c r="AD30" s="1022"/>
      <c r="AE30" s="1022"/>
      <c r="AF30" s="1022"/>
      <c r="AG30" s="1022"/>
      <c r="AH30" s="1022"/>
      <c r="AI30" s="1022"/>
      <c r="AJ30" s="1022"/>
      <c r="AK30" s="1022"/>
      <c r="AL30" s="1023"/>
      <c r="AM30" s="5"/>
      <c r="AN30" s="39" t="s">
        <v>16</v>
      </c>
      <c r="AO30" s="351" t="s">
        <v>742</v>
      </c>
      <c r="AP30" s="351"/>
      <c r="AQ30" s="351"/>
      <c r="AR30" s="351"/>
      <c r="AS30" s="351"/>
      <c r="AT30" s="351"/>
      <c r="AU30" s="351"/>
      <c r="AV30" s="351"/>
      <c r="AW30" s="351"/>
      <c r="AX30" s="351"/>
      <c r="AY30" s="351"/>
      <c r="AZ30" s="351"/>
      <c r="BA30" s="351"/>
      <c r="BB30" s="351"/>
      <c r="BC30" s="351"/>
      <c r="BD30" s="351"/>
      <c r="BE30" s="351"/>
      <c r="BF30" s="351"/>
      <c r="BG30" s="351"/>
      <c r="BH30" s="351"/>
      <c r="BI30" s="351"/>
      <c r="BJ30" s="351"/>
      <c r="BK30" s="351"/>
      <c r="BL30" s="351"/>
      <c r="BM30" s="351"/>
      <c r="BN30" s="351"/>
      <c r="BO30" s="351"/>
      <c r="BP30" s="352"/>
      <c r="BQ30" s="72"/>
      <c r="BR30" s="136" t="s">
        <v>262</v>
      </c>
      <c r="BS30" s="129"/>
      <c r="BT30" s="145"/>
      <c r="BU30" s="145"/>
      <c r="BV30" s="145"/>
      <c r="BW30" s="145"/>
      <c r="BX30" s="145"/>
      <c r="BY30" s="327">
        <v>2</v>
      </c>
      <c r="BZ30" s="327"/>
      <c r="CA30" s="327"/>
      <c r="CB30" s="327"/>
      <c r="CC30" s="327"/>
      <c r="CD30" s="327"/>
      <c r="CE30" s="327"/>
      <c r="CF30" s="327"/>
      <c r="CG30" s="327"/>
      <c r="CH30" s="327"/>
      <c r="CI30" s="327"/>
      <c r="CJ30" s="129"/>
      <c r="CK30" s="129"/>
      <c r="CL30" s="129"/>
      <c r="CM30" s="145"/>
      <c r="CN30" s="33"/>
      <c r="CQ30" s="3" ph="1"/>
      <c r="CR30" s="3" ph="1"/>
      <c r="CS30" s="3" ph="1"/>
      <c r="CT30" s="3" ph="1"/>
      <c r="CU30" s="3" ph="1"/>
      <c r="CV30" s="3" ph="1"/>
    </row>
    <row r="31" spans="1:100" ht="17.25" customHeight="1" x14ac:dyDescent="0.15">
      <c r="A31" s="1021"/>
      <c r="B31" s="1022"/>
      <c r="C31" s="1022"/>
      <c r="D31" s="1022"/>
      <c r="E31" s="1022"/>
      <c r="F31" s="1022"/>
      <c r="G31" s="1022"/>
      <c r="H31" s="1022"/>
      <c r="I31" s="1022"/>
      <c r="J31" s="1022"/>
      <c r="K31" s="1022"/>
      <c r="L31" s="1022"/>
      <c r="M31" s="1022"/>
      <c r="N31" s="1022"/>
      <c r="O31" s="1022"/>
      <c r="P31" s="1022"/>
      <c r="Q31" s="1022"/>
      <c r="R31" s="1022"/>
      <c r="S31" s="1022"/>
      <c r="T31" s="1022"/>
      <c r="U31" s="1022"/>
      <c r="V31" s="1022"/>
      <c r="W31" s="1022"/>
      <c r="X31" s="1022"/>
      <c r="Y31" s="1022"/>
      <c r="Z31" s="1022"/>
      <c r="AA31" s="1022"/>
      <c r="AB31" s="1022"/>
      <c r="AC31" s="1022"/>
      <c r="AD31" s="1022"/>
      <c r="AE31" s="1022"/>
      <c r="AF31" s="1022"/>
      <c r="AG31" s="1022"/>
      <c r="AH31" s="1022"/>
      <c r="AI31" s="1022"/>
      <c r="AJ31" s="1022"/>
      <c r="AK31" s="1022"/>
      <c r="AL31" s="1023"/>
      <c r="AM31" s="5"/>
      <c r="AN31" s="39" t="s">
        <v>16</v>
      </c>
      <c r="AO31" s="351" t="s">
        <v>743</v>
      </c>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54"/>
      <c r="BR31" s="292" t="s">
        <v>265</v>
      </c>
      <c r="BS31" s="293"/>
      <c r="BT31" s="293"/>
      <c r="BU31" s="293"/>
      <c r="BV31" s="293"/>
      <c r="BW31" s="293"/>
      <c r="BX31" s="294"/>
      <c r="BY31" s="292" t="s">
        <v>266</v>
      </c>
      <c r="BZ31" s="293"/>
      <c r="CA31" s="293"/>
      <c r="CB31" s="293"/>
      <c r="CC31" s="293"/>
      <c r="CD31" s="293"/>
      <c r="CE31" s="293"/>
      <c r="CF31" s="293"/>
      <c r="CG31" s="294"/>
      <c r="CH31" s="292" t="s">
        <v>411</v>
      </c>
      <c r="CI31" s="293"/>
      <c r="CJ31" s="293"/>
      <c r="CK31" s="293"/>
      <c r="CL31" s="293"/>
      <c r="CM31" s="294"/>
      <c r="CN31" s="33"/>
      <c r="CQ31" s="3" ph="1"/>
      <c r="CR31" s="3" ph="1"/>
      <c r="CS31" s="3" ph="1"/>
      <c r="CT31" s="3" ph="1"/>
      <c r="CU31" s="3" ph="1"/>
      <c r="CV31" s="3" ph="1"/>
    </row>
    <row r="32" spans="1:100" ht="17.25" customHeight="1" x14ac:dyDescent="0.15">
      <c r="A32" s="1021"/>
      <c r="B32" s="1022"/>
      <c r="C32" s="1022"/>
      <c r="D32" s="1022"/>
      <c r="E32" s="1022"/>
      <c r="F32" s="1022"/>
      <c r="G32" s="1022"/>
      <c r="H32" s="1022"/>
      <c r="I32" s="1022"/>
      <c r="J32" s="1022"/>
      <c r="K32" s="1022"/>
      <c r="L32" s="1022"/>
      <c r="M32" s="1022"/>
      <c r="N32" s="1022"/>
      <c r="O32" s="1022"/>
      <c r="P32" s="1022"/>
      <c r="Q32" s="1022"/>
      <c r="R32" s="1022"/>
      <c r="S32" s="1022"/>
      <c r="T32" s="1022"/>
      <c r="U32" s="1022"/>
      <c r="V32" s="1022"/>
      <c r="W32" s="1022"/>
      <c r="X32" s="1022"/>
      <c r="Y32" s="1022"/>
      <c r="Z32" s="1022"/>
      <c r="AA32" s="1022"/>
      <c r="AB32" s="1022"/>
      <c r="AC32" s="1022"/>
      <c r="AD32" s="1022"/>
      <c r="AE32" s="1022"/>
      <c r="AF32" s="1022"/>
      <c r="AG32" s="1022"/>
      <c r="AH32" s="1022"/>
      <c r="AI32" s="1022"/>
      <c r="AJ32" s="1022"/>
      <c r="AK32" s="1022"/>
      <c r="AL32" s="1023"/>
      <c r="AM32" s="5"/>
      <c r="AN32" s="39" t="s">
        <v>16</v>
      </c>
      <c r="AO32" s="351" t="s">
        <v>744</v>
      </c>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53"/>
      <c r="BR32" s="295"/>
      <c r="BS32" s="296"/>
      <c r="BT32" s="296"/>
      <c r="BU32" s="296"/>
      <c r="BV32" s="296"/>
      <c r="BW32" s="296"/>
      <c r="BX32" s="297"/>
      <c r="BY32" s="295"/>
      <c r="BZ32" s="296"/>
      <c r="CA32" s="296"/>
      <c r="CB32" s="296"/>
      <c r="CC32" s="296"/>
      <c r="CD32" s="296"/>
      <c r="CE32" s="296"/>
      <c r="CF32" s="296"/>
      <c r="CG32" s="297"/>
      <c r="CH32" s="436"/>
      <c r="CI32" s="437"/>
      <c r="CJ32" s="437"/>
      <c r="CK32" s="437"/>
      <c r="CL32" s="437"/>
      <c r="CM32" s="438"/>
      <c r="CQ32" s="3" ph="1"/>
      <c r="CR32" s="3" ph="1"/>
      <c r="CS32" s="3" ph="1"/>
      <c r="CT32" s="3" ph="1"/>
      <c r="CU32" s="3" ph="1"/>
      <c r="CV32" s="3" ph="1"/>
    </row>
    <row r="33" spans="1:100" ht="17.25" customHeight="1" x14ac:dyDescent="0.15">
      <c r="A33" s="1024"/>
      <c r="B33" s="1025"/>
      <c r="C33" s="1025"/>
      <c r="D33" s="1025"/>
      <c r="E33" s="1025"/>
      <c r="F33" s="1025"/>
      <c r="G33" s="1025"/>
      <c r="H33" s="1025"/>
      <c r="I33" s="1025"/>
      <c r="J33" s="1025"/>
      <c r="K33" s="1025"/>
      <c r="L33" s="1025"/>
      <c r="M33" s="1025"/>
      <c r="N33" s="1025"/>
      <c r="O33" s="1025"/>
      <c r="P33" s="1025"/>
      <c r="Q33" s="1025"/>
      <c r="R33" s="1025"/>
      <c r="S33" s="1025"/>
      <c r="T33" s="1025"/>
      <c r="U33" s="1025"/>
      <c r="V33" s="1025"/>
      <c r="W33" s="1025"/>
      <c r="X33" s="1025"/>
      <c r="Y33" s="1025"/>
      <c r="Z33" s="1025"/>
      <c r="AA33" s="1025"/>
      <c r="AB33" s="1025"/>
      <c r="AC33" s="1025"/>
      <c r="AD33" s="1025"/>
      <c r="AE33" s="1025"/>
      <c r="AF33" s="1025"/>
      <c r="AG33" s="1025"/>
      <c r="AH33" s="1025"/>
      <c r="AI33" s="1025"/>
      <c r="AJ33" s="1025"/>
      <c r="AK33" s="1025"/>
      <c r="AL33" s="1026"/>
      <c r="AM33" s="5"/>
      <c r="AN33" s="40" t="s">
        <v>16</v>
      </c>
      <c r="AO33" s="1003" t="s">
        <v>745</v>
      </c>
      <c r="AP33" s="1003"/>
      <c r="AQ33" s="1003"/>
      <c r="AR33" s="1003"/>
      <c r="AS33" s="1003"/>
      <c r="AT33" s="1003"/>
      <c r="AU33" s="1003"/>
      <c r="AV33" s="1003"/>
      <c r="AW33" s="1003"/>
      <c r="AX33" s="1003"/>
      <c r="AY33" s="1003"/>
      <c r="AZ33" s="1003"/>
      <c r="BA33" s="1003"/>
      <c r="BB33" s="1003"/>
      <c r="BC33" s="1003"/>
      <c r="BD33" s="1003"/>
      <c r="BE33" s="1003"/>
      <c r="BF33" s="1003"/>
      <c r="BG33" s="1003"/>
      <c r="BH33" s="1003"/>
      <c r="BI33" s="1003"/>
      <c r="BJ33" s="1003"/>
      <c r="BK33" s="1003"/>
      <c r="BL33" s="1003"/>
      <c r="BM33" s="1003"/>
      <c r="BN33" s="1003"/>
      <c r="BO33" s="1003"/>
      <c r="BP33" s="1004"/>
      <c r="BQ33" s="72"/>
      <c r="BR33" s="292" t="s">
        <v>267</v>
      </c>
      <c r="BS33" s="293"/>
      <c r="BT33" s="293"/>
      <c r="BU33" s="293"/>
      <c r="BV33" s="293"/>
      <c r="BW33" s="293"/>
      <c r="BX33" s="294"/>
      <c r="BY33" s="284">
        <v>854</v>
      </c>
      <c r="BZ33" s="285"/>
      <c r="CA33" s="285"/>
      <c r="CB33" s="285"/>
      <c r="CC33" s="285"/>
      <c r="CD33" s="285"/>
      <c r="CE33" s="285"/>
      <c r="CF33" s="285"/>
      <c r="CG33" s="288"/>
      <c r="CH33" s="286">
        <v>0.83845999999999998</v>
      </c>
      <c r="CI33" s="286"/>
      <c r="CJ33" s="286"/>
      <c r="CK33" s="286"/>
      <c r="CL33" s="286"/>
      <c r="CM33" s="286"/>
      <c r="CQ33" s="3" ph="1"/>
      <c r="CR33" s="3" ph="1"/>
      <c r="CS33" s="3" ph="1"/>
      <c r="CT33" s="3" ph="1"/>
      <c r="CU33" s="3" ph="1"/>
      <c r="CV33" s="3" ph="1"/>
    </row>
    <row r="34" spans="1:100" ht="17.25" customHeight="1" x14ac:dyDescent="0.15">
      <c r="A34" s="255" t="s">
        <v>274</v>
      </c>
      <c r="B34" s="255"/>
      <c r="C34" s="255"/>
      <c r="D34" s="255"/>
      <c r="E34" s="255"/>
      <c r="F34" s="255"/>
      <c r="G34" s="255"/>
      <c r="H34" s="255"/>
      <c r="I34" s="255"/>
      <c r="J34" s="255"/>
      <c r="K34" s="255"/>
      <c r="L34" s="255"/>
      <c r="M34" s="255"/>
      <c r="N34" s="129"/>
      <c r="O34" s="255" t="s">
        <v>275</v>
      </c>
      <c r="P34" s="255"/>
      <c r="Q34" s="255"/>
      <c r="R34" s="255"/>
      <c r="S34" s="255"/>
      <c r="T34" s="255"/>
      <c r="U34" s="255"/>
      <c r="V34" s="255"/>
      <c r="W34" s="255"/>
      <c r="X34" s="255"/>
      <c r="Y34" s="255"/>
      <c r="Z34" s="255"/>
      <c r="AA34" s="255"/>
      <c r="AB34" s="255"/>
      <c r="AC34" s="255"/>
      <c r="AD34" s="255"/>
      <c r="AE34" s="255"/>
      <c r="AF34" s="255"/>
      <c r="AG34" s="255"/>
      <c r="AH34" s="255"/>
      <c r="AI34" s="255"/>
      <c r="AJ34" s="255"/>
      <c r="AK34" s="255"/>
      <c r="AL34" s="255"/>
      <c r="AM34" s="5"/>
      <c r="AN34" s="255" t="s">
        <v>269</v>
      </c>
      <c r="AO34" s="255"/>
      <c r="AP34" s="679"/>
      <c r="AQ34" s="679"/>
      <c r="AR34" s="679"/>
      <c r="AS34" s="679"/>
      <c r="AT34" s="679"/>
      <c r="AU34" s="679"/>
      <c r="AV34" s="679"/>
      <c r="AW34" s="679"/>
      <c r="AX34" s="679"/>
      <c r="AY34" s="679"/>
      <c r="AZ34" s="679"/>
      <c r="BA34" s="679"/>
      <c r="BB34" s="679"/>
      <c r="BC34" s="679"/>
      <c r="BD34" s="679"/>
      <c r="BE34" s="679"/>
      <c r="BF34" s="679"/>
      <c r="BG34" s="679"/>
      <c r="BH34" s="679"/>
      <c r="BI34" s="679"/>
      <c r="BJ34" s="679"/>
      <c r="BK34" s="679"/>
      <c r="BL34" s="679"/>
      <c r="BM34" s="679"/>
      <c r="BN34" s="679"/>
      <c r="BO34" s="679"/>
      <c r="BP34" s="146"/>
      <c r="BQ34" s="146"/>
      <c r="BR34" s="295"/>
      <c r="BS34" s="296"/>
      <c r="BT34" s="296"/>
      <c r="BU34" s="296"/>
      <c r="BV34" s="296"/>
      <c r="BW34" s="296"/>
      <c r="BX34" s="297"/>
      <c r="BY34" s="289"/>
      <c r="BZ34" s="290"/>
      <c r="CA34" s="290"/>
      <c r="CB34" s="290"/>
      <c r="CC34" s="290"/>
      <c r="CD34" s="290"/>
      <c r="CE34" s="290"/>
      <c r="CF34" s="290"/>
      <c r="CG34" s="291"/>
      <c r="CH34" s="286"/>
      <c r="CI34" s="286"/>
      <c r="CJ34" s="286"/>
      <c r="CK34" s="286"/>
      <c r="CL34" s="286"/>
      <c r="CM34" s="286"/>
      <c r="CQ34" s="3" ph="1"/>
    </row>
    <row r="35" spans="1:100" ht="17.25" customHeight="1" x14ac:dyDescent="0.15">
      <c r="A35" s="311" t="s">
        <v>35</v>
      </c>
      <c r="B35" s="312"/>
      <c r="C35" s="312"/>
      <c r="D35" s="312"/>
      <c r="E35" s="312"/>
      <c r="F35" s="312"/>
      <c r="G35" s="312"/>
      <c r="H35" s="312"/>
      <c r="I35" s="312"/>
      <c r="J35" s="312"/>
      <c r="K35" s="312"/>
      <c r="L35" s="312"/>
      <c r="M35" s="313"/>
      <c r="N35" s="129"/>
      <c r="O35" s="1037" t="s">
        <v>230</v>
      </c>
      <c r="P35" s="928"/>
      <c r="Q35" s="928"/>
      <c r="R35" s="928"/>
      <c r="S35" s="928"/>
      <c r="T35" s="928"/>
      <c r="U35" s="928"/>
      <c r="V35" s="928"/>
      <c r="W35" s="928"/>
      <c r="X35" s="928"/>
      <c r="Y35" s="928"/>
      <c r="Z35" s="928"/>
      <c r="AA35" s="928"/>
      <c r="AB35" s="928"/>
      <c r="AC35" s="928"/>
      <c r="AD35" s="928"/>
      <c r="AE35" s="928"/>
      <c r="AF35" s="928"/>
      <c r="AG35" s="928"/>
      <c r="AH35" s="928"/>
      <c r="AI35" s="928"/>
      <c r="AJ35" s="928"/>
      <c r="AK35" s="928"/>
      <c r="AL35" s="929"/>
      <c r="AM35" s="5"/>
      <c r="AN35" s="680" t="s">
        <v>265</v>
      </c>
      <c r="AO35" s="680"/>
      <c r="AP35" s="680"/>
      <c r="AQ35" s="680"/>
      <c r="AR35" s="680"/>
      <c r="AS35" s="680"/>
      <c r="AT35" s="680"/>
      <c r="AU35" s="680"/>
      <c r="AV35" s="680"/>
      <c r="AW35" s="680" t="s">
        <v>270</v>
      </c>
      <c r="AX35" s="680"/>
      <c r="AY35" s="680"/>
      <c r="AZ35" s="680"/>
      <c r="BA35" s="680"/>
      <c r="BB35" s="680"/>
      <c r="BC35" s="680"/>
      <c r="BD35" s="680"/>
      <c r="BE35" s="680"/>
      <c r="BF35" s="680"/>
      <c r="BG35" s="680" t="s">
        <v>271</v>
      </c>
      <c r="BH35" s="680"/>
      <c r="BI35" s="680"/>
      <c r="BJ35" s="680"/>
      <c r="BK35" s="680"/>
      <c r="BL35" s="680"/>
      <c r="BM35" s="680"/>
      <c r="BN35" s="680"/>
      <c r="BO35" s="680"/>
      <c r="BP35" s="680"/>
      <c r="BQ35" s="148"/>
      <c r="BR35" s="680" t="s">
        <v>272</v>
      </c>
      <c r="BS35" s="680"/>
      <c r="BT35" s="680"/>
      <c r="BU35" s="680"/>
      <c r="BV35" s="680"/>
      <c r="BW35" s="680"/>
      <c r="BX35" s="680"/>
      <c r="BY35" s="681">
        <v>21478</v>
      </c>
      <c r="BZ35" s="681"/>
      <c r="CA35" s="682"/>
      <c r="CB35" s="682"/>
      <c r="CC35" s="682"/>
      <c r="CD35" s="682"/>
      <c r="CE35" s="682"/>
      <c r="CF35" s="682"/>
      <c r="CG35" s="682"/>
      <c r="CH35" s="683">
        <v>21.087050000000001</v>
      </c>
      <c r="CI35" s="683"/>
      <c r="CJ35" s="683"/>
      <c r="CK35" s="683"/>
      <c r="CL35" s="683"/>
      <c r="CM35" s="683"/>
      <c r="CQ35" s="3" ph="1"/>
    </row>
    <row r="36" spans="1:100" ht="17.25" customHeight="1" x14ac:dyDescent="0.15">
      <c r="A36" s="251">
        <v>22999</v>
      </c>
      <c r="B36" s="690"/>
      <c r="C36" s="690"/>
      <c r="D36" s="690"/>
      <c r="E36" s="690"/>
      <c r="F36" s="690"/>
      <c r="G36" s="690"/>
      <c r="H36" s="690"/>
      <c r="I36" s="690"/>
      <c r="J36" s="690"/>
      <c r="K36" s="690"/>
      <c r="L36" s="690"/>
      <c r="M36" s="691"/>
      <c r="N36" s="150"/>
      <c r="O36" s="216" t="s">
        <v>94</v>
      </c>
      <c r="P36" s="217"/>
      <c r="Q36" s="217"/>
      <c r="R36" s="217"/>
      <c r="S36" s="217"/>
      <c r="T36" s="217"/>
      <c r="U36" s="217"/>
      <c r="V36" s="217"/>
      <c r="W36" s="217"/>
      <c r="X36" s="217"/>
      <c r="Y36" s="217"/>
      <c r="Z36" s="217"/>
      <c r="AA36" s="217"/>
      <c r="AB36" s="217"/>
      <c r="AC36" s="217"/>
      <c r="AD36" s="217"/>
      <c r="AE36" s="217"/>
      <c r="AF36" s="217"/>
      <c r="AG36" s="217"/>
      <c r="AH36" s="217"/>
      <c r="AI36" s="217"/>
      <c r="AJ36" s="217"/>
      <c r="AK36" s="217"/>
      <c r="AL36" s="218"/>
      <c r="AM36" s="5"/>
      <c r="AN36" s="680"/>
      <c r="AO36" s="680"/>
      <c r="AP36" s="680"/>
      <c r="AQ36" s="680"/>
      <c r="AR36" s="680"/>
      <c r="AS36" s="680"/>
      <c r="AT36" s="680"/>
      <c r="AU36" s="680"/>
      <c r="AV36" s="680"/>
      <c r="AW36" s="680"/>
      <c r="AX36" s="680"/>
      <c r="AY36" s="680"/>
      <c r="AZ36" s="680"/>
      <c r="BA36" s="680"/>
      <c r="BB36" s="680"/>
      <c r="BC36" s="680"/>
      <c r="BD36" s="680"/>
      <c r="BE36" s="680"/>
      <c r="BF36" s="680"/>
      <c r="BG36" s="680"/>
      <c r="BH36" s="680"/>
      <c r="BI36" s="680"/>
      <c r="BJ36" s="680"/>
      <c r="BK36" s="680"/>
      <c r="BL36" s="680"/>
      <c r="BM36" s="680"/>
      <c r="BN36" s="680"/>
      <c r="BO36" s="680"/>
      <c r="BP36" s="680"/>
      <c r="BQ36" s="148"/>
      <c r="BR36" s="680"/>
      <c r="BS36" s="680"/>
      <c r="BT36" s="680"/>
      <c r="BU36" s="680"/>
      <c r="BV36" s="680"/>
      <c r="BW36" s="680"/>
      <c r="BX36" s="680"/>
      <c r="BY36" s="682"/>
      <c r="BZ36" s="682"/>
      <c r="CA36" s="682"/>
      <c r="CB36" s="682"/>
      <c r="CC36" s="682"/>
      <c r="CD36" s="682"/>
      <c r="CE36" s="682"/>
      <c r="CF36" s="682"/>
      <c r="CG36" s="682"/>
      <c r="CH36" s="683"/>
      <c r="CI36" s="683"/>
      <c r="CJ36" s="683"/>
      <c r="CK36" s="683"/>
      <c r="CL36" s="683"/>
      <c r="CM36" s="683"/>
      <c r="CQ36" s="3" ph="1"/>
    </row>
    <row r="37" spans="1:100" ht="17.25" customHeight="1" x14ac:dyDescent="0.15">
      <c r="A37" s="324" t="s">
        <v>316</v>
      </c>
      <c r="B37" s="692"/>
      <c r="C37" s="692"/>
      <c r="D37" s="692"/>
      <c r="E37" s="692"/>
      <c r="F37" s="692"/>
      <c r="G37" s="692"/>
      <c r="H37" s="692"/>
      <c r="I37" s="692"/>
      <c r="J37" s="692"/>
      <c r="K37" s="692"/>
      <c r="L37" s="692"/>
      <c r="M37" s="693"/>
      <c r="N37" s="167"/>
      <c r="O37" s="272" t="s">
        <v>1717</v>
      </c>
      <c r="P37" s="273"/>
      <c r="Q37" s="273"/>
      <c r="R37" s="273"/>
      <c r="S37" s="273"/>
      <c r="T37" s="273"/>
      <c r="U37" s="273"/>
      <c r="V37" s="273"/>
      <c r="W37" s="273"/>
      <c r="X37" s="273"/>
      <c r="Y37" s="273"/>
      <c r="Z37" s="273"/>
      <c r="AA37" s="273"/>
      <c r="AB37" s="273"/>
      <c r="AC37" s="273"/>
      <c r="AD37" s="273"/>
      <c r="AE37" s="273"/>
      <c r="AF37" s="273"/>
      <c r="AG37" s="273"/>
      <c r="AH37" s="273"/>
      <c r="AI37" s="273"/>
      <c r="AJ37" s="273"/>
      <c r="AK37" s="273"/>
      <c r="AL37" s="274"/>
      <c r="AM37" s="5"/>
      <c r="AN37" s="287" t="s">
        <v>399</v>
      </c>
      <c r="AO37" s="287"/>
      <c r="AP37" s="287"/>
      <c r="AQ37" s="287"/>
      <c r="AR37" s="287"/>
      <c r="AS37" s="287"/>
      <c r="AT37" s="287"/>
      <c r="AU37" s="287"/>
      <c r="AV37" s="287"/>
      <c r="AW37" s="681">
        <v>239348</v>
      </c>
      <c r="AX37" s="681"/>
      <c r="AY37" s="681"/>
      <c r="AZ37" s="681"/>
      <c r="BA37" s="681"/>
      <c r="BB37" s="681"/>
      <c r="BC37" s="681"/>
      <c r="BD37" s="681"/>
      <c r="BE37" s="681"/>
      <c r="BF37" s="681"/>
      <c r="BG37" s="681">
        <v>97951</v>
      </c>
      <c r="BH37" s="681"/>
      <c r="BI37" s="681"/>
      <c r="BJ37" s="681"/>
      <c r="BK37" s="681"/>
      <c r="BL37" s="681"/>
      <c r="BM37" s="681"/>
      <c r="BN37" s="681"/>
      <c r="BO37" s="681"/>
      <c r="BP37" s="681"/>
      <c r="BQ37" s="149"/>
      <c r="BR37" s="680" t="s">
        <v>273</v>
      </c>
      <c r="BS37" s="680"/>
      <c r="BT37" s="680"/>
      <c r="BU37" s="680"/>
      <c r="BV37" s="680"/>
      <c r="BW37" s="680"/>
      <c r="BX37" s="680"/>
      <c r="BY37" s="681">
        <v>79522</v>
      </c>
      <c r="BZ37" s="681"/>
      <c r="CA37" s="682"/>
      <c r="CB37" s="682"/>
      <c r="CC37" s="682"/>
      <c r="CD37" s="682"/>
      <c r="CE37" s="682"/>
      <c r="CF37" s="682"/>
      <c r="CG37" s="682"/>
      <c r="CH37" s="683">
        <v>78.0745</v>
      </c>
      <c r="CI37" s="683"/>
      <c r="CJ37" s="683"/>
      <c r="CK37" s="683"/>
      <c r="CL37" s="683"/>
      <c r="CM37" s="683"/>
      <c r="CQ37" s="3" ph="1"/>
    </row>
    <row r="38" spans="1:100" ht="17.25" customHeight="1" x14ac:dyDescent="0.15">
      <c r="A38" s="251">
        <v>24453</v>
      </c>
      <c r="B38" s="690"/>
      <c r="C38" s="690"/>
      <c r="D38" s="690"/>
      <c r="E38" s="690"/>
      <c r="F38" s="690"/>
      <c r="G38" s="690"/>
      <c r="H38" s="690"/>
      <c r="I38" s="690"/>
      <c r="J38" s="690"/>
      <c r="K38" s="690"/>
      <c r="L38" s="690"/>
      <c r="M38" s="691"/>
      <c r="N38" s="106"/>
      <c r="O38" s="272" t="s">
        <v>1718</v>
      </c>
      <c r="P38" s="273"/>
      <c r="Q38" s="273"/>
      <c r="R38" s="273"/>
      <c r="S38" s="273"/>
      <c r="T38" s="273"/>
      <c r="U38" s="273"/>
      <c r="V38" s="273"/>
      <c r="W38" s="273"/>
      <c r="X38" s="273"/>
      <c r="Y38" s="273"/>
      <c r="Z38" s="273"/>
      <c r="AA38" s="273"/>
      <c r="AB38" s="273"/>
      <c r="AC38" s="273"/>
      <c r="AD38" s="273"/>
      <c r="AE38" s="273"/>
      <c r="AF38" s="273"/>
      <c r="AG38" s="273"/>
      <c r="AH38" s="273"/>
      <c r="AI38" s="273"/>
      <c r="AJ38" s="273"/>
      <c r="AK38" s="273"/>
      <c r="AL38" s="274"/>
      <c r="AM38" s="5"/>
      <c r="AN38" s="287"/>
      <c r="AO38" s="287"/>
      <c r="AP38" s="287"/>
      <c r="AQ38" s="287"/>
      <c r="AR38" s="287"/>
      <c r="AS38" s="287"/>
      <c r="AT38" s="287"/>
      <c r="AU38" s="287"/>
      <c r="AV38" s="287"/>
      <c r="AW38" s="681"/>
      <c r="AX38" s="681"/>
      <c r="AY38" s="681"/>
      <c r="AZ38" s="681"/>
      <c r="BA38" s="681"/>
      <c r="BB38" s="681"/>
      <c r="BC38" s="681"/>
      <c r="BD38" s="681"/>
      <c r="BE38" s="681"/>
      <c r="BF38" s="681"/>
      <c r="BG38" s="681"/>
      <c r="BH38" s="681"/>
      <c r="BI38" s="681"/>
      <c r="BJ38" s="681"/>
      <c r="BK38" s="681"/>
      <c r="BL38" s="681"/>
      <c r="BM38" s="681"/>
      <c r="BN38" s="681"/>
      <c r="BO38" s="681"/>
      <c r="BP38" s="681"/>
      <c r="BQ38" s="149"/>
      <c r="BR38" s="680"/>
      <c r="BS38" s="680"/>
      <c r="BT38" s="680"/>
      <c r="BU38" s="680"/>
      <c r="BV38" s="680"/>
      <c r="BW38" s="680"/>
      <c r="BX38" s="680"/>
      <c r="BY38" s="682"/>
      <c r="BZ38" s="682"/>
      <c r="CA38" s="682"/>
      <c r="CB38" s="682"/>
      <c r="CC38" s="682"/>
      <c r="CD38" s="682"/>
      <c r="CE38" s="682"/>
      <c r="CF38" s="682"/>
      <c r="CG38" s="682"/>
      <c r="CH38" s="683"/>
      <c r="CI38" s="683"/>
      <c r="CJ38" s="683"/>
      <c r="CK38" s="683"/>
      <c r="CL38" s="683"/>
      <c r="CM38" s="683"/>
      <c r="CQ38" s="3" ph="1"/>
    </row>
    <row r="39" spans="1:100" ht="17.25" customHeight="1" x14ac:dyDescent="0.15">
      <c r="A39" s="216" t="s">
        <v>90</v>
      </c>
      <c r="B39" s="692"/>
      <c r="C39" s="692"/>
      <c r="D39" s="692"/>
      <c r="E39" s="692"/>
      <c r="F39" s="692"/>
      <c r="G39" s="692"/>
      <c r="H39" s="692"/>
      <c r="I39" s="692"/>
      <c r="J39" s="692"/>
      <c r="K39" s="692"/>
      <c r="L39" s="692"/>
      <c r="M39" s="693"/>
      <c r="N39" s="106"/>
      <c r="O39" s="216" t="s">
        <v>869</v>
      </c>
      <c r="P39" s="961"/>
      <c r="Q39" s="961"/>
      <c r="R39" s="961"/>
      <c r="S39" s="961"/>
      <c r="T39" s="961"/>
      <c r="U39" s="961"/>
      <c r="V39" s="961"/>
      <c r="W39" s="961"/>
      <c r="X39" s="961"/>
      <c r="Y39" s="961"/>
      <c r="Z39" s="961"/>
      <c r="AA39" s="961"/>
      <c r="AB39" s="961"/>
      <c r="AC39" s="961"/>
      <c r="AD39" s="961"/>
      <c r="AE39" s="961"/>
      <c r="AF39" s="961"/>
      <c r="AG39" s="961"/>
      <c r="AH39" s="961"/>
      <c r="AI39" s="961"/>
      <c r="AJ39" s="961"/>
      <c r="AK39" s="961"/>
      <c r="AL39" s="962"/>
      <c r="AM39" s="5"/>
      <c r="AN39" s="300" t="s">
        <v>1059</v>
      </c>
      <c r="AO39" s="300"/>
      <c r="AP39" s="300"/>
      <c r="AQ39" s="300"/>
      <c r="AR39" s="300"/>
      <c r="AS39" s="300"/>
      <c r="AT39" s="300"/>
      <c r="AU39" s="300"/>
      <c r="AV39" s="300"/>
      <c r="AW39" s="681">
        <v>242389</v>
      </c>
      <c r="AX39" s="681"/>
      <c r="AY39" s="681"/>
      <c r="AZ39" s="682"/>
      <c r="BA39" s="682"/>
      <c r="BB39" s="682"/>
      <c r="BC39" s="682"/>
      <c r="BD39" s="682"/>
      <c r="BE39" s="682"/>
      <c r="BF39" s="682"/>
      <c r="BG39" s="681">
        <v>102532</v>
      </c>
      <c r="BH39" s="681"/>
      <c r="BI39" s="681"/>
      <c r="BJ39" s="681"/>
      <c r="BK39" s="681"/>
      <c r="BL39" s="681"/>
      <c r="BM39" s="681"/>
      <c r="BN39" s="681"/>
      <c r="BO39" s="681"/>
      <c r="BP39" s="681"/>
      <c r="BQ39" s="149"/>
      <c r="BR39" s="301" t="s">
        <v>1119</v>
      </c>
      <c r="BS39" s="293"/>
      <c r="BT39" s="293"/>
      <c r="BU39" s="293"/>
      <c r="BV39" s="293"/>
      <c r="BW39" s="293"/>
      <c r="BX39" s="294"/>
      <c r="BY39" s="681">
        <v>105229</v>
      </c>
      <c r="BZ39" s="681"/>
      <c r="CA39" s="682"/>
      <c r="CB39" s="682"/>
      <c r="CC39" s="682"/>
      <c r="CD39" s="682"/>
      <c r="CE39" s="682"/>
      <c r="CF39" s="682"/>
      <c r="CG39" s="682"/>
      <c r="CH39" s="683">
        <v>100</v>
      </c>
      <c r="CI39" s="683"/>
      <c r="CJ39" s="683"/>
      <c r="CK39" s="683"/>
      <c r="CL39" s="683"/>
      <c r="CM39" s="683"/>
    </row>
    <row r="40" spans="1:100" ht="17.25" customHeight="1" x14ac:dyDescent="0.15">
      <c r="A40" s="251">
        <v>31405</v>
      </c>
      <c r="B40" s="690"/>
      <c r="C40" s="690"/>
      <c r="D40" s="690"/>
      <c r="E40" s="690"/>
      <c r="F40" s="690"/>
      <c r="G40" s="690"/>
      <c r="H40" s="690"/>
      <c r="I40" s="690"/>
      <c r="J40" s="690"/>
      <c r="K40" s="690"/>
      <c r="L40" s="690"/>
      <c r="M40" s="691"/>
      <c r="N40" s="106"/>
      <c r="O40" s="272" t="s">
        <v>1564</v>
      </c>
      <c r="P40" s="273"/>
      <c r="Q40" s="273"/>
      <c r="R40" s="273"/>
      <c r="S40" s="273"/>
      <c r="T40" s="273"/>
      <c r="U40" s="273"/>
      <c r="V40" s="273"/>
      <c r="W40" s="273"/>
      <c r="X40" s="273"/>
      <c r="Y40" s="273"/>
      <c r="Z40" s="273"/>
      <c r="AA40" s="273"/>
      <c r="AB40" s="273"/>
      <c r="AC40" s="273"/>
      <c r="AD40" s="273"/>
      <c r="AE40" s="273"/>
      <c r="AF40" s="273"/>
      <c r="AG40" s="273"/>
      <c r="AH40" s="273"/>
      <c r="AI40" s="273"/>
      <c r="AJ40" s="273"/>
      <c r="AK40" s="273"/>
      <c r="AL40" s="274"/>
      <c r="AM40" s="5"/>
      <c r="AN40" s="300"/>
      <c r="AO40" s="300"/>
      <c r="AP40" s="300"/>
      <c r="AQ40" s="300"/>
      <c r="AR40" s="300"/>
      <c r="AS40" s="300"/>
      <c r="AT40" s="300"/>
      <c r="AU40" s="300"/>
      <c r="AV40" s="300"/>
      <c r="AW40" s="682"/>
      <c r="AX40" s="682"/>
      <c r="AY40" s="682"/>
      <c r="AZ40" s="682"/>
      <c r="BA40" s="682"/>
      <c r="BB40" s="682"/>
      <c r="BC40" s="682"/>
      <c r="BD40" s="682"/>
      <c r="BE40" s="682"/>
      <c r="BF40" s="682"/>
      <c r="BG40" s="681"/>
      <c r="BH40" s="681"/>
      <c r="BI40" s="681"/>
      <c r="BJ40" s="681"/>
      <c r="BK40" s="681"/>
      <c r="BL40" s="681"/>
      <c r="BM40" s="681"/>
      <c r="BN40" s="681"/>
      <c r="BO40" s="681"/>
      <c r="BP40" s="681"/>
      <c r="BQ40" s="149"/>
      <c r="BR40" s="295"/>
      <c r="BS40" s="296"/>
      <c r="BT40" s="296"/>
      <c r="BU40" s="296"/>
      <c r="BV40" s="296"/>
      <c r="BW40" s="296"/>
      <c r="BX40" s="297"/>
      <c r="BY40" s="682"/>
      <c r="BZ40" s="682"/>
      <c r="CA40" s="682"/>
      <c r="CB40" s="682"/>
      <c r="CC40" s="682"/>
      <c r="CD40" s="682"/>
      <c r="CE40" s="682"/>
      <c r="CF40" s="682"/>
      <c r="CG40" s="682"/>
      <c r="CH40" s="683"/>
      <c r="CI40" s="683"/>
      <c r="CJ40" s="683"/>
      <c r="CK40" s="683"/>
      <c r="CL40" s="683"/>
      <c r="CM40" s="683"/>
    </row>
    <row r="41" spans="1:100" ht="17.25" customHeight="1" x14ac:dyDescent="0.15">
      <c r="A41" s="216" t="s">
        <v>91</v>
      </c>
      <c r="B41" s="692"/>
      <c r="C41" s="692"/>
      <c r="D41" s="692"/>
      <c r="E41" s="692"/>
      <c r="F41" s="692"/>
      <c r="G41" s="692"/>
      <c r="H41" s="692"/>
      <c r="I41" s="692"/>
      <c r="J41" s="692"/>
      <c r="K41" s="692"/>
      <c r="L41" s="692"/>
      <c r="M41" s="693"/>
      <c r="N41" s="167"/>
      <c r="O41" s="216" t="s">
        <v>95</v>
      </c>
      <c r="P41" s="217"/>
      <c r="Q41" s="217"/>
      <c r="R41" s="217"/>
      <c r="S41" s="217"/>
      <c r="T41" s="217"/>
      <c r="U41" s="217"/>
      <c r="V41" s="217"/>
      <c r="W41" s="217"/>
      <c r="X41" s="217"/>
      <c r="Y41" s="217"/>
      <c r="Z41" s="217"/>
      <c r="AA41" s="217"/>
      <c r="AB41" s="217"/>
      <c r="AC41" s="217"/>
      <c r="AD41" s="217"/>
      <c r="AE41" s="217"/>
      <c r="AF41" s="217"/>
      <c r="AG41" s="217"/>
      <c r="AH41" s="217"/>
      <c r="AI41" s="217"/>
      <c r="AJ41" s="217"/>
      <c r="AK41" s="217"/>
      <c r="AL41" s="218"/>
      <c r="AM41" s="5"/>
      <c r="AN41" s="134" t="s">
        <v>276</v>
      </c>
      <c r="AO41" s="134"/>
      <c r="AP41" s="108"/>
      <c r="AQ41" s="108"/>
      <c r="AR41" s="108"/>
      <c r="AS41" s="108"/>
      <c r="AT41" s="1"/>
      <c r="AU41" s="314">
        <v>2</v>
      </c>
      <c r="AV41" s="314"/>
      <c r="AW41" s="314"/>
      <c r="AX41" s="314"/>
      <c r="AY41" s="314"/>
      <c r="AZ41" s="314"/>
      <c r="BA41" s="314"/>
      <c r="BB41" s="314"/>
      <c r="BC41" s="314"/>
      <c r="BD41" s="314"/>
      <c r="BE41" s="314"/>
      <c r="BF41" s="108"/>
      <c r="BG41" s="108"/>
      <c r="BH41" s="108"/>
      <c r="BI41" s="108"/>
      <c r="BJ41" s="1"/>
      <c r="BK41" s="1"/>
      <c r="BL41" s="1"/>
      <c r="BM41" s="1"/>
      <c r="BN41" s="1"/>
      <c r="BO41" s="1"/>
      <c r="BP41" s="1"/>
      <c r="BQ41" s="1"/>
      <c r="BR41" s="315" t="s">
        <v>277</v>
      </c>
      <c r="BS41" s="315"/>
      <c r="BT41" s="315"/>
      <c r="BU41" s="315"/>
      <c r="BV41" s="315"/>
      <c r="BW41" s="315"/>
      <c r="BX41" s="315"/>
      <c r="BY41" s="315"/>
      <c r="BZ41" s="315"/>
      <c r="CA41" s="315"/>
      <c r="CB41" s="315"/>
      <c r="CC41" s="315"/>
      <c r="CD41" s="315"/>
      <c r="CE41" s="315"/>
      <c r="CF41" s="315"/>
      <c r="CG41" s="315"/>
      <c r="CH41" s="315"/>
      <c r="CI41" s="315"/>
      <c r="CJ41" s="315"/>
      <c r="CK41" s="315"/>
      <c r="CL41" s="315"/>
      <c r="CM41" s="315"/>
    </row>
    <row r="42" spans="1:100" ht="17.25" customHeight="1" x14ac:dyDescent="0.15">
      <c r="A42" s="251">
        <v>38137</v>
      </c>
      <c r="B42" s="690"/>
      <c r="C42" s="690"/>
      <c r="D42" s="690"/>
      <c r="E42" s="690"/>
      <c r="F42" s="690"/>
      <c r="G42" s="690"/>
      <c r="H42" s="690"/>
      <c r="I42" s="690"/>
      <c r="J42" s="690"/>
      <c r="K42" s="690"/>
      <c r="L42" s="690"/>
      <c r="M42" s="691"/>
      <c r="N42" s="106"/>
      <c r="O42" s="272" t="s">
        <v>96</v>
      </c>
      <c r="P42" s="273"/>
      <c r="Q42" s="273"/>
      <c r="R42" s="273"/>
      <c r="S42" s="273"/>
      <c r="T42" s="273"/>
      <c r="U42" s="273"/>
      <c r="V42" s="273"/>
      <c r="W42" s="273"/>
      <c r="X42" s="273"/>
      <c r="Y42" s="273"/>
      <c r="Z42" s="273"/>
      <c r="AA42" s="273"/>
      <c r="AB42" s="273"/>
      <c r="AC42" s="273"/>
      <c r="AD42" s="273"/>
      <c r="AE42" s="273"/>
      <c r="AF42" s="273"/>
      <c r="AG42" s="273"/>
      <c r="AH42" s="273"/>
      <c r="AI42" s="273"/>
      <c r="AJ42" s="273"/>
      <c r="AK42" s="273"/>
      <c r="AL42" s="274"/>
      <c r="AM42" s="5"/>
      <c r="AN42" s="292" t="s">
        <v>278</v>
      </c>
      <c r="AO42" s="293"/>
      <c r="AP42" s="293"/>
      <c r="AQ42" s="293"/>
      <c r="AR42" s="293"/>
      <c r="AS42" s="293"/>
      <c r="AT42" s="293"/>
      <c r="AU42" s="293"/>
      <c r="AV42" s="294"/>
      <c r="AW42" s="292" t="s">
        <v>279</v>
      </c>
      <c r="AX42" s="293"/>
      <c r="AY42" s="293"/>
      <c r="AZ42" s="293"/>
      <c r="BA42" s="293"/>
      <c r="BB42" s="293"/>
      <c r="BC42" s="293"/>
      <c r="BD42" s="293"/>
      <c r="BE42" s="293"/>
      <c r="BF42" s="294"/>
      <c r="BG42" s="301" t="s">
        <v>413</v>
      </c>
      <c r="BH42" s="323"/>
      <c r="BI42" s="243"/>
      <c r="BJ42" s="243"/>
      <c r="BK42" s="243"/>
      <c r="BL42" s="243"/>
      <c r="BM42" s="243"/>
      <c r="BN42" s="243"/>
      <c r="BO42" s="243"/>
      <c r="BP42" s="244"/>
      <c r="BQ42" s="142"/>
      <c r="BR42" s="292" t="s">
        <v>280</v>
      </c>
      <c r="BS42" s="293"/>
      <c r="BT42" s="293"/>
      <c r="BU42" s="293"/>
      <c r="BV42" s="293"/>
      <c r="BW42" s="293"/>
      <c r="BX42" s="293"/>
      <c r="BY42" s="293"/>
      <c r="BZ42" s="293"/>
      <c r="CA42" s="293"/>
      <c r="CB42" s="294"/>
      <c r="CC42" s="292" t="s">
        <v>281</v>
      </c>
      <c r="CD42" s="293"/>
      <c r="CE42" s="293"/>
      <c r="CF42" s="293"/>
      <c r="CG42" s="293"/>
      <c r="CH42" s="293"/>
      <c r="CI42" s="293"/>
      <c r="CJ42" s="293"/>
      <c r="CK42" s="293"/>
      <c r="CL42" s="293"/>
      <c r="CM42" s="294"/>
    </row>
    <row r="43" spans="1:100" ht="17.25" customHeight="1" x14ac:dyDescent="0.15">
      <c r="A43" s="752"/>
      <c r="B43" s="753"/>
      <c r="C43" s="753"/>
      <c r="D43" s="753"/>
      <c r="E43" s="753"/>
      <c r="F43" s="753"/>
      <c r="G43" s="753"/>
      <c r="H43" s="753"/>
      <c r="I43" s="753"/>
      <c r="J43" s="753"/>
      <c r="K43" s="753"/>
      <c r="L43" s="753"/>
      <c r="M43" s="754"/>
      <c r="N43" s="183"/>
      <c r="O43" s="272" t="s">
        <v>870</v>
      </c>
      <c r="P43" s="273"/>
      <c r="Q43" s="273"/>
      <c r="R43" s="273"/>
      <c r="S43" s="273"/>
      <c r="T43" s="273"/>
      <c r="U43" s="273"/>
      <c r="V43" s="273"/>
      <c r="W43" s="273"/>
      <c r="X43" s="273"/>
      <c r="Y43" s="273"/>
      <c r="Z43" s="273"/>
      <c r="AA43" s="273"/>
      <c r="AB43" s="273"/>
      <c r="AC43" s="273"/>
      <c r="AD43" s="273"/>
      <c r="AE43" s="273"/>
      <c r="AF43" s="273"/>
      <c r="AG43" s="273"/>
      <c r="AH43" s="273"/>
      <c r="AI43" s="273"/>
      <c r="AJ43" s="273"/>
      <c r="AK43" s="273"/>
      <c r="AL43" s="274"/>
      <c r="AM43" s="5"/>
      <c r="AN43" s="295"/>
      <c r="AO43" s="296"/>
      <c r="AP43" s="296"/>
      <c r="AQ43" s="296"/>
      <c r="AR43" s="296"/>
      <c r="AS43" s="296"/>
      <c r="AT43" s="296"/>
      <c r="AU43" s="296"/>
      <c r="AV43" s="297"/>
      <c r="AW43" s="295"/>
      <c r="AX43" s="296"/>
      <c r="AY43" s="296"/>
      <c r="AZ43" s="296"/>
      <c r="BA43" s="296"/>
      <c r="BB43" s="296"/>
      <c r="BC43" s="296"/>
      <c r="BD43" s="296"/>
      <c r="BE43" s="296"/>
      <c r="BF43" s="297"/>
      <c r="BG43" s="245"/>
      <c r="BH43" s="246"/>
      <c r="BI43" s="246"/>
      <c r="BJ43" s="246"/>
      <c r="BK43" s="246"/>
      <c r="BL43" s="246"/>
      <c r="BM43" s="246"/>
      <c r="BN43" s="246"/>
      <c r="BO43" s="246"/>
      <c r="BP43" s="247"/>
      <c r="BQ43" s="142"/>
      <c r="BR43" s="295"/>
      <c r="BS43" s="296"/>
      <c r="BT43" s="296"/>
      <c r="BU43" s="296"/>
      <c r="BV43" s="296"/>
      <c r="BW43" s="296"/>
      <c r="BX43" s="296"/>
      <c r="BY43" s="296"/>
      <c r="BZ43" s="296"/>
      <c r="CA43" s="296"/>
      <c r="CB43" s="297"/>
      <c r="CC43" s="295"/>
      <c r="CD43" s="296"/>
      <c r="CE43" s="296"/>
      <c r="CF43" s="296"/>
      <c r="CG43" s="296"/>
      <c r="CH43" s="296"/>
      <c r="CI43" s="296"/>
      <c r="CJ43" s="296"/>
      <c r="CK43" s="296"/>
      <c r="CL43" s="296"/>
      <c r="CM43" s="297"/>
    </row>
    <row r="44" spans="1:100" ht="17.25" customHeight="1" x14ac:dyDescent="0.15">
      <c r="A44" s="752"/>
      <c r="B44" s="753"/>
      <c r="C44" s="753"/>
      <c r="D44" s="753"/>
      <c r="E44" s="753"/>
      <c r="F44" s="753"/>
      <c r="G44" s="753"/>
      <c r="H44" s="753"/>
      <c r="I44" s="753"/>
      <c r="J44" s="753"/>
      <c r="K44" s="753"/>
      <c r="L44" s="753"/>
      <c r="M44" s="754"/>
      <c r="N44" s="129"/>
      <c r="O44" s="782" t="s">
        <v>97</v>
      </c>
      <c r="P44" s="783"/>
      <c r="Q44" s="783"/>
      <c r="R44" s="783"/>
      <c r="S44" s="783"/>
      <c r="T44" s="783"/>
      <c r="U44" s="783"/>
      <c r="V44" s="783"/>
      <c r="W44" s="783"/>
      <c r="X44" s="783"/>
      <c r="Y44" s="783"/>
      <c r="Z44" s="783"/>
      <c r="AA44" s="783"/>
      <c r="AB44" s="783"/>
      <c r="AC44" s="783"/>
      <c r="AD44" s="783"/>
      <c r="AE44" s="783"/>
      <c r="AF44" s="783"/>
      <c r="AG44" s="783"/>
      <c r="AH44" s="783"/>
      <c r="AI44" s="783"/>
      <c r="AJ44" s="783"/>
      <c r="AK44" s="783"/>
      <c r="AL44" s="784"/>
      <c r="AM44" s="5"/>
      <c r="AN44" s="764">
        <v>6789.6</v>
      </c>
      <c r="AO44" s="765"/>
      <c r="AP44" s="765"/>
      <c r="AQ44" s="765"/>
      <c r="AR44" s="765"/>
      <c r="AS44" s="727" t="s">
        <v>383</v>
      </c>
      <c r="AT44" s="727"/>
      <c r="AU44" s="727"/>
      <c r="AV44" s="728"/>
      <c r="AW44" s="879">
        <v>27</v>
      </c>
      <c r="AX44" s="880"/>
      <c r="AY44" s="880"/>
      <c r="AZ44" s="880"/>
      <c r="BA44" s="880"/>
      <c r="BB44" s="880"/>
      <c r="BC44" s="706" t="s">
        <v>384</v>
      </c>
      <c r="BD44" s="706"/>
      <c r="BE44" s="706"/>
      <c r="BF44" s="707"/>
      <c r="BG44" s="710">
        <v>81.3</v>
      </c>
      <c r="BH44" s="711"/>
      <c r="BI44" s="711"/>
      <c r="BJ44" s="711"/>
      <c r="BK44" s="711"/>
      <c r="BL44" s="711"/>
      <c r="BM44" s="706" t="s">
        <v>384</v>
      </c>
      <c r="BN44" s="706"/>
      <c r="BO44" s="706"/>
      <c r="BP44" s="707"/>
      <c r="BQ44" s="130"/>
      <c r="BR44" s="1038">
        <v>35.700000000000003</v>
      </c>
      <c r="BS44" s="1039"/>
      <c r="BT44" s="1039"/>
      <c r="BU44" s="1039"/>
      <c r="BV44" s="1039"/>
      <c r="BW44" s="1039"/>
      <c r="BX44" s="1039"/>
      <c r="BY44" s="896" t="s">
        <v>385</v>
      </c>
      <c r="BZ44" s="896"/>
      <c r="CA44" s="896"/>
      <c r="CB44" s="897"/>
      <c r="CC44" s="718">
        <v>2221</v>
      </c>
      <c r="CD44" s="719"/>
      <c r="CE44" s="719"/>
      <c r="CF44" s="719"/>
      <c r="CG44" s="719"/>
      <c r="CH44" s="719"/>
      <c r="CI44" s="719"/>
      <c r="CJ44" s="696" t="s">
        <v>386</v>
      </c>
      <c r="CK44" s="696"/>
      <c r="CL44" s="696"/>
      <c r="CM44" s="697"/>
    </row>
    <row r="45" spans="1:100" ht="17.25" customHeight="1" x14ac:dyDescent="0.15">
      <c r="A45" s="752"/>
      <c r="B45" s="753"/>
      <c r="C45" s="753"/>
      <c r="D45" s="753"/>
      <c r="E45" s="753"/>
      <c r="F45" s="753"/>
      <c r="G45" s="753"/>
      <c r="H45" s="753"/>
      <c r="I45" s="753"/>
      <c r="J45" s="753"/>
      <c r="K45" s="753"/>
      <c r="L45" s="753"/>
      <c r="M45" s="754"/>
      <c r="N45" s="129"/>
      <c r="O45" s="272" t="s">
        <v>1563</v>
      </c>
      <c r="P45" s="273"/>
      <c r="Q45" s="273"/>
      <c r="R45" s="273"/>
      <c r="S45" s="273"/>
      <c r="T45" s="273"/>
      <c r="U45" s="273"/>
      <c r="V45" s="273"/>
      <c r="W45" s="273"/>
      <c r="X45" s="273"/>
      <c r="Y45" s="273"/>
      <c r="Z45" s="273"/>
      <c r="AA45" s="273"/>
      <c r="AB45" s="273"/>
      <c r="AC45" s="273"/>
      <c r="AD45" s="273"/>
      <c r="AE45" s="273"/>
      <c r="AF45" s="273"/>
      <c r="AG45" s="273"/>
      <c r="AH45" s="273"/>
      <c r="AI45" s="273"/>
      <c r="AJ45" s="273"/>
      <c r="AK45" s="273"/>
      <c r="AL45" s="274"/>
      <c r="AM45" s="5"/>
      <c r="AN45" s="766"/>
      <c r="AO45" s="767"/>
      <c r="AP45" s="767"/>
      <c r="AQ45" s="767"/>
      <c r="AR45" s="767"/>
      <c r="AS45" s="282"/>
      <c r="AT45" s="282"/>
      <c r="AU45" s="282"/>
      <c r="AV45" s="283"/>
      <c r="AW45" s="881"/>
      <c r="AX45" s="882"/>
      <c r="AY45" s="882"/>
      <c r="AZ45" s="882"/>
      <c r="BA45" s="882"/>
      <c r="BB45" s="882"/>
      <c r="BC45" s="708"/>
      <c r="BD45" s="708"/>
      <c r="BE45" s="708"/>
      <c r="BF45" s="709"/>
      <c r="BG45" s="712"/>
      <c r="BH45" s="713"/>
      <c r="BI45" s="713"/>
      <c r="BJ45" s="713"/>
      <c r="BK45" s="713"/>
      <c r="BL45" s="713"/>
      <c r="BM45" s="708"/>
      <c r="BN45" s="708"/>
      <c r="BO45" s="708"/>
      <c r="BP45" s="709"/>
      <c r="BQ45" s="130"/>
      <c r="BR45" s="1040"/>
      <c r="BS45" s="1041"/>
      <c r="BT45" s="1041"/>
      <c r="BU45" s="1041"/>
      <c r="BV45" s="1041"/>
      <c r="BW45" s="1041"/>
      <c r="BX45" s="1041"/>
      <c r="BY45" s="899"/>
      <c r="BZ45" s="899"/>
      <c r="CA45" s="899"/>
      <c r="CB45" s="900"/>
      <c r="CC45" s="720"/>
      <c r="CD45" s="721"/>
      <c r="CE45" s="721"/>
      <c r="CF45" s="721"/>
      <c r="CG45" s="721"/>
      <c r="CH45" s="721"/>
      <c r="CI45" s="721"/>
      <c r="CJ45" s="698"/>
      <c r="CK45" s="698"/>
      <c r="CL45" s="698"/>
      <c r="CM45" s="699"/>
    </row>
    <row r="46" spans="1:100" ht="17.25" customHeight="1" x14ac:dyDescent="0.15">
      <c r="A46" s="752"/>
      <c r="B46" s="753"/>
      <c r="C46" s="753"/>
      <c r="D46" s="753"/>
      <c r="E46" s="753"/>
      <c r="F46" s="753"/>
      <c r="G46" s="753"/>
      <c r="H46" s="753"/>
      <c r="I46" s="753"/>
      <c r="J46" s="753"/>
      <c r="K46" s="753"/>
      <c r="L46" s="753"/>
      <c r="M46" s="754"/>
      <c r="N46" s="177"/>
      <c r="O46" s="771" t="s">
        <v>1120</v>
      </c>
      <c r="P46" s="772"/>
      <c r="Q46" s="772"/>
      <c r="R46" s="772"/>
      <c r="S46" s="772"/>
      <c r="T46" s="772"/>
      <c r="U46" s="772"/>
      <c r="V46" s="772"/>
      <c r="W46" s="772"/>
      <c r="X46" s="772"/>
      <c r="Y46" s="772"/>
      <c r="Z46" s="772"/>
      <c r="AA46" s="772"/>
      <c r="AB46" s="772"/>
      <c r="AC46" s="772"/>
      <c r="AD46" s="772"/>
      <c r="AE46" s="772"/>
      <c r="AF46" s="772"/>
      <c r="AG46" s="772"/>
      <c r="AH46" s="772"/>
      <c r="AI46" s="772"/>
      <c r="AJ46" s="772"/>
      <c r="AK46" s="772"/>
      <c r="AL46" s="773"/>
      <c r="AM46" s="5"/>
      <c r="AN46" s="703" t="s">
        <v>387</v>
      </c>
      <c r="AO46" s="703"/>
      <c r="AP46" s="703"/>
      <c r="AQ46" s="703"/>
      <c r="AR46" s="703"/>
      <c r="AS46" s="703"/>
      <c r="AT46" s="703"/>
      <c r="AU46" s="703"/>
      <c r="AV46" s="703"/>
      <c r="AW46" s="256" t="s">
        <v>1682</v>
      </c>
      <c r="AX46" s="256"/>
      <c r="AY46" s="256"/>
      <c r="AZ46" s="256"/>
      <c r="BA46" s="256"/>
      <c r="BB46" s="256"/>
      <c r="BC46" s="256"/>
      <c r="BD46" s="256"/>
      <c r="BE46" s="108"/>
      <c r="BF46" s="108"/>
      <c r="BG46" s="108"/>
      <c r="BH46" s="108"/>
      <c r="BI46" s="108"/>
      <c r="BJ46" s="108"/>
      <c r="BK46" s="108"/>
      <c r="BL46" s="108"/>
      <c r="BM46" s="108"/>
      <c r="BN46" s="108"/>
      <c r="BO46" s="108"/>
      <c r="BP46" s="108"/>
      <c r="BQ46" s="108"/>
      <c r="BR46" s="108"/>
      <c r="BS46" s="108"/>
      <c r="BT46" s="108"/>
      <c r="BU46" s="108"/>
      <c r="BV46" s="108"/>
      <c r="BW46" s="108"/>
      <c r="BX46" s="108"/>
      <c r="BY46" s="108"/>
      <c r="BZ46" s="108"/>
      <c r="CA46" s="108"/>
      <c r="CB46" s="108"/>
      <c r="CC46" s="108"/>
      <c r="CD46" s="704" t="s">
        <v>388</v>
      </c>
      <c r="CE46" s="704"/>
      <c r="CF46" s="704"/>
      <c r="CG46" s="704"/>
      <c r="CH46" s="704"/>
      <c r="CI46" s="704"/>
      <c r="CJ46" s="704"/>
      <c r="CK46" s="704"/>
      <c r="CL46" s="704"/>
      <c r="CM46" s="705"/>
    </row>
    <row r="47" spans="1:100" ht="17.25" customHeight="1" x14ac:dyDescent="0.15">
      <c r="A47" s="752"/>
      <c r="B47" s="753"/>
      <c r="C47" s="753"/>
      <c r="D47" s="753"/>
      <c r="E47" s="753"/>
      <c r="F47" s="753"/>
      <c r="G47" s="753"/>
      <c r="H47" s="753"/>
      <c r="I47" s="753"/>
      <c r="J47" s="753"/>
      <c r="K47" s="753"/>
      <c r="L47" s="753"/>
      <c r="M47" s="754"/>
      <c r="N47" s="84"/>
      <c r="O47" s="752"/>
      <c r="P47" s="753"/>
      <c r="Q47" s="753"/>
      <c r="R47" s="753"/>
      <c r="S47" s="753"/>
      <c r="T47" s="753"/>
      <c r="U47" s="753"/>
      <c r="V47" s="753"/>
      <c r="W47" s="753"/>
      <c r="X47" s="753"/>
      <c r="Y47" s="753"/>
      <c r="Z47" s="753"/>
      <c r="AA47" s="753"/>
      <c r="AB47" s="753"/>
      <c r="AC47" s="753"/>
      <c r="AD47" s="753"/>
      <c r="AE47" s="753"/>
      <c r="AF47" s="753"/>
      <c r="AG47" s="753"/>
      <c r="AH47" s="753"/>
      <c r="AI47" s="753"/>
      <c r="AJ47" s="753"/>
      <c r="AK47" s="753"/>
      <c r="AL47" s="754"/>
      <c r="AM47" s="5"/>
      <c r="AN47" s="242" t="s">
        <v>282</v>
      </c>
      <c r="AO47" s="254"/>
      <c r="AP47" s="254"/>
      <c r="AQ47" s="254"/>
      <c r="AR47" s="254"/>
      <c r="AS47" s="254"/>
      <c r="AT47" s="587"/>
      <c r="AU47" s="242" t="s">
        <v>283</v>
      </c>
      <c r="AV47" s="254"/>
      <c r="AW47" s="254"/>
      <c r="AX47" s="254"/>
      <c r="AY47" s="587"/>
      <c r="AZ47" s="242" t="s">
        <v>284</v>
      </c>
      <c r="BA47" s="254"/>
      <c r="BB47" s="254"/>
      <c r="BC47" s="254"/>
      <c r="BD47" s="587"/>
      <c r="BE47" s="744" t="s">
        <v>285</v>
      </c>
      <c r="BF47" s="745"/>
      <c r="BG47" s="745"/>
      <c r="BH47" s="745"/>
      <c r="BI47" s="745"/>
      <c r="BJ47" s="733" t="s">
        <v>286</v>
      </c>
      <c r="BK47" s="734"/>
      <c r="BL47" s="734"/>
      <c r="BM47" s="734"/>
      <c r="BN47" s="734"/>
      <c r="BO47" s="733" t="s">
        <v>389</v>
      </c>
      <c r="BP47" s="734"/>
      <c r="BQ47" s="734"/>
      <c r="BR47" s="734"/>
      <c r="BS47" s="734"/>
      <c r="BT47" s="733" t="s">
        <v>390</v>
      </c>
      <c r="BU47" s="734"/>
      <c r="BV47" s="734"/>
      <c r="BW47" s="734"/>
      <c r="BX47" s="734"/>
      <c r="BY47" s="248" t="s">
        <v>287</v>
      </c>
      <c r="BZ47" s="609"/>
      <c r="CA47" s="609"/>
      <c r="CB47" s="609"/>
      <c r="CC47" s="610"/>
      <c r="CD47" s="249" t="s">
        <v>288</v>
      </c>
      <c r="CE47" s="250"/>
      <c r="CF47" s="250"/>
      <c r="CG47" s="250"/>
      <c r="CH47" s="591"/>
      <c r="CI47" s="242" t="s">
        <v>289</v>
      </c>
      <c r="CJ47" s="254"/>
      <c r="CK47" s="254"/>
      <c r="CL47" s="254"/>
      <c r="CM47" s="587"/>
    </row>
    <row r="48" spans="1:100" ht="17.25" customHeight="1" x14ac:dyDescent="0.15">
      <c r="A48" s="752"/>
      <c r="B48" s="753"/>
      <c r="C48" s="753"/>
      <c r="D48" s="753"/>
      <c r="E48" s="753"/>
      <c r="F48" s="753"/>
      <c r="G48" s="753"/>
      <c r="H48" s="753"/>
      <c r="I48" s="753"/>
      <c r="J48" s="753"/>
      <c r="K48" s="753"/>
      <c r="L48" s="753"/>
      <c r="M48" s="754"/>
      <c r="N48" s="140"/>
      <c r="O48" s="272"/>
      <c r="P48" s="961"/>
      <c r="Q48" s="961"/>
      <c r="R48" s="961"/>
      <c r="S48" s="961"/>
      <c r="T48" s="961"/>
      <c r="U48" s="961"/>
      <c r="V48" s="961"/>
      <c r="W48" s="961"/>
      <c r="X48" s="961"/>
      <c r="Y48" s="961"/>
      <c r="Z48" s="961"/>
      <c r="AA48" s="961"/>
      <c r="AB48" s="961"/>
      <c r="AC48" s="961"/>
      <c r="AD48" s="961"/>
      <c r="AE48" s="961"/>
      <c r="AF48" s="961"/>
      <c r="AG48" s="961"/>
      <c r="AH48" s="961"/>
      <c r="AI48" s="961"/>
      <c r="AJ48" s="961"/>
      <c r="AK48" s="961"/>
      <c r="AL48" s="962"/>
      <c r="AM48" s="5"/>
      <c r="AN48" s="741"/>
      <c r="AO48" s="742"/>
      <c r="AP48" s="742"/>
      <c r="AQ48" s="742"/>
      <c r="AR48" s="742"/>
      <c r="AS48" s="742"/>
      <c r="AT48" s="743"/>
      <c r="AU48" s="588"/>
      <c r="AV48" s="589"/>
      <c r="AW48" s="589"/>
      <c r="AX48" s="589"/>
      <c r="AY48" s="590"/>
      <c r="AZ48" s="741"/>
      <c r="BA48" s="742"/>
      <c r="BB48" s="742"/>
      <c r="BC48" s="742"/>
      <c r="BD48" s="743"/>
      <c r="BE48" s="745"/>
      <c r="BF48" s="745"/>
      <c r="BG48" s="745"/>
      <c r="BH48" s="745"/>
      <c r="BI48" s="745"/>
      <c r="BJ48" s="734"/>
      <c r="BK48" s="734"/>
      <c r="BL48" s="734"/>
      <c r="BM48" s="734"/>
      <c r="BN48" s="734"/>
      <c r="BO48" s="734"/>
      <c r="BP48" s="734"/>
      <c r="BQ48" s="734"/>
      <c r="BR48" s="734"/>
      <c r="BS48" s="734"/>
      <c r="BT48" s="734"/>
      <c r="BU48" s="734"/>
      <c r="BV48" s="734"/>
      <c r="BW48" s="734"/>
      <c r="BX48" s="734"/>
      <c r="BY48" s="735"/>
      <c r="BZ48" s="736"/>
      <c r="CA48" s="736"/>
      <c r="CB48" s="736"/>
      <c r="CC48" s="737"/>
      <c r="CD48" s="738"/>
      <c r="CE48" s="739"/>
      <c r="CF48" s="739"/>
      <c r="CG48" s="739"/>
      <c r="CH48" s="740"/>
      <c r="CI48" s="741"/>
      <c r="CJ48" s="742"/>
      <c r="CK48" s="742"/>
      <c r="CL48" s="742"/>
      <c r="CM48" s="743"/>
    </row>
    <row r="49" spans="1:91" ht="17.25" customHeight="1" x14ac:dyDescent="0.15">
      <c r="A49" s="752"/>
      <c r="B49" s="753"/>
      <c r="C49" s="753"/>
      <c r="D49" s="753"/>
      <c r="E49" s="753"/>
      <c r="F49" s="753"/>
      <c r="G49" s="753"/>
      <c r="H49" s="753"/>
      <c r="I49" s="753"/>
      <c r="J49" s="753"/>
      <c r="K49" s="753"/>
      <c r="L49" s="753"/>
      <c r="M49" s="754"/>
      <c r="N49" s="84"/>
      <c r="O49" s="752"/>
      <c r="P49" s="753"/>
      <c r="Q49" s="753"/>
      <c r="R49" s="753"/>
      <c r="S49" s="753"/>
      <c r="T49" s="753"/>
      <c r="U49" s="753"/>
      <c r="V49" s="753"/>
      <c r="W49" s="753"/>
      <c r="X49" s="753"/>
      <c r="Y49" s="753"/>
      <c r="Z49" s="753"/>
      <c r="AA49" s="753"/>
      <c r="AB49" s="753"/>
      <c r="AC49" s="753"/>
      <c r="AD49" s="753"/>
      <c r="AE49" s="753"/>
      <c r="AF49" s="753"/>
      <c r="AG49" s="753"/>
      <c r="AH49" s="753"/>
      <c r="AI49" s="753"/>
      <c r="AJ49" s="753"/>
      <c r="AK49" s="753"/>
      <c r="AL49" s="754"/>
      <c r="AM49" s="5"/>
      <c r="AN49" s="223">
        <v>46113.487000000001</v>
      </c>
      <c r="AO49" s="224"/>
      <c r="AP49" s="224"/>
      <c r="AQ49" s="224"/>
      <c r="AR49" s="224"/>
      <c r="AS49" s="224"/>
      <c r="AT49" s="225"/>
      <c r="AU49" s="229">
        <v>0.90100000000000002</v>
      </c>
      <c r="AV49" s="230"/>
      <c r="AW49" s="230"/>
      <c r="AX49" s="230"/>
      <c r="AY49" s="231"/>
      <c r="AZ49" s="210">
        <v>9.3000000000000007</v>
      </c>
      <c r="BA49" s="211"/>
      <c r="BB49" s="211"/>
      <c r="BC49" s="211"/>
      <c r="BD49" s="212"/>
      <c r="BE49" s="210">
        <v>3.9</v>
      </c>
      <c r="BF49" s="211"/>
      <c r="BG49" s="211"/>
      <c r="BH49" s="211"/>
      <c r="BI49" s="212"/>
      <c r="BJ49" s="210">
        <v>16.3</v>
      </c>
      <c r="BK49" s="211"/>
      <c r="BL49" s="211"/>
      <c r="BM49" s="211"/>
      <c r="BN49" s="212"/>
      <c r="BO49" s="210">
        <v>14.1</v>
      </c>
      <c r="BP49" s="211"/>
      <c r="BQ49" s="211"/>
      <c r="BR49" s="211"/>
      <c r="BS49" s="212"/>
      <c r="BT49" s="210">
        <v>95.9</v>
      </c>
      <c r="BU49" s="211"/>
      <c r="BV49" s="211"/>
      <c r="BW49" s="211"/>
      <c r="BX49" s="212"/>
      <c r="BY49" s="210">
        <v>11.8</v>
      </c>
      <c r="BZ49" s="211"/>
      <c r="CA49" s="211"/>
      <c r="CB49" s="211"/>
      <c r="CC49" s="212"/>
      <c r="CD49" s="210">
        <v>53.7</v>
      </c>
      <c r="CE49" s="211"/>
      <c r="CF49" s="211"/>
      <c r="CG49" s="211"/>
      <c r="CH49" s="212"/>
      <c r="CI49" s="210">
        <v>57.5</v>
      </c>
      <c r="CJ49" s="211"/>
      <c r="CK49" s="211"/>
      <c r="CL49" s="211"/>
      <c r="CM49" s="212"/>
    </row>
    <row r="50" spans="1:91" ht="17.25" customHeight="1" x14ac:dyDescent="0.15">
      <c r="A50" s="755"/>
      <c r="B50" s="756"/>
      <c r="C50" s="756"/>
      <c r="D50" s="756"/>
      <c r="E50" s="756"/>
      <c r="F50" s="756"/>
      <c r="G50" s="756"/>
      <c r="H50" s="756"/>
      <c r="I50" s="756"/>
      <c r="J50" s="756"/>
      <c r="K50" s="756"/>
      <c r="L50" s="756"/>
      <c r="M50" s="757"/>
      <c r="N50" s="84"/>
      <c r="O50" s="755"/>
      <c r="P50" s="756"/>
      <c r="Q50" s="756"/>
      <c r="R50" s="756"/>
      <c r="S50" s="756"/>
      <c r="T50" s="756"/>
      <c r="U50" s="756"/>
      <c r="V50" s="756"/>
      <c r="W50" s="756"/>
      <c r="X50" s="756"/>
      <c r="Y50" s="756"/>
      <c r="Z50" s="756"/>
      <c r="AA50" s="756"/>
      <c r="AB50" s="756"/>
      <c r="AC50" s="756"/>
      <c r="AD50" s="756"/>
      <c r="AE50" s="756"/>
      <c r="AF50" s="756"/>
      <c r="AG50" s="756"/>
      <c r="AH50" s="756"/>
      <c r="AI50" s="756"/>
      <c r="AJ50" s="756"/>
      <c r="AK50" s="756"/>
      <c r="AL50" s="757"/>
      <c r="AM50" s="5"/>
      <c r="AN50" s="226"/>
      <c r="AO50" s="227"/>
      <c r="AP50" s="227"/>
      <c r="AQ50" s="227"/>
      <c r="AR50" s="227"/>
      <c r="AS50" s="227"/>
      <c r="AT50" s="228"/>
      <c r="AU50" s="232"/>
      <c r="AV50" s="233"/>
      <c r="AW50" s="233"/>
      <c r="AX50" s="233"/>
      <c r="AY50" s="234"/>
      <c r="AZ50" s="213"/>
      <c r="BA50" s="214"/>
      <c r="BB50" s="214"/>
      <c r="BC50" s="214"/>
      <c r="BD50" s="215"/>
      <c r="BE50" s="213"/>
      <c r="BF50" s="214"/>
      <c r="BG50" s="214"/>
      <c r="BH50" s="214"/>
      <c r="BI50" s="215"/>
      <c r="BJ50" s="213"/>
      <c r="BK50" s="214"/>
      <c r="BL50" s="214"/>
      <c r="BM50" s="214"/>
      <c r="BN50" s="215"/>
      <c r="BO50" s="213"/>
      <c r="BP50" s="214"/>
      <c r="BQ50" s="214"/>
      <c r="BR50" s="214"/>
      <c r="BS50" s="215"/>
      <c r="BT50" s="213"/>
      <c r="BU50" s="214"/>
      <c r="BV50" s="214"/>
      <c r="BW50" s="214"/>
      <c r="BX50" s="215"/>
      <c r="BY50" s="213"/>
      <c r="BZ50" s="214"/>
      <c r="CA50" s="214"/>
      <c r="CB50" s="214"/>
      <c r="CC50" s="215"/>
      <c r="CD50" s="213"/>
      <c r="CE50" s="214"/>
      <c r="CF50" s="214"/>
      <c r="CG50" s="214"/>
      <c r="CH50" s="215"/>
      <c r="CI50" s="213"/>
      <c r="CJ50" s="214"/>
      <c r="CK50" s="214"/>
      <c r="CL50" s="214"/>
      <c r="CM50" s="215"/>
    </row>
    <row r="51" spans="1:91" ht="17.25" customHeight="1" x14ac:dyDescent="0.15"/>
    <row r="52" spans="1:91" ht="17.25" customHeight="1" x14ac:dyDescent="0.15"/>
    <row r="53" spans="1:91" ht="17.25" customHeight="1" x14ac:dyDescent="0.15"/>
    <row r="54" spans="1:91" ht="17.25" customHeight="1" x14ac:dyDescent="0.15"/>
    <row r="55" spans="1:91" ht="17.25" customHeight="1" x14ac:dyDescent="0.15"/>
    <row r="56" spans="1:91" ht="17.25" customHeight="1" x14ac:dyDescent="0.15"/>
    <row r="57" spans="1:91" ht="17.25" customHeight="1" x14ac:dyDescent="0.15"/>
    <row r="58" spans="1:91" ht="17.25" customHeight="1" x14ac:dyDescent="0.15">
      <c r="BJ58" s="5"/>
      <c r="BK58" s="5"/>
      <c r="BL58" s="5"/>
      <c r="BM58" s="5"/>
      <c r="BN58" s="5"/>
    </row>
    <row r="59" spans="1:91" ht="17.25" customHeight="1" x14ac:dyDescent="0.15"/>
    <row r="60" spans="1:91" ht="17.25" customHeight="1" x14ac:dyDescent="0.15"/>
    <row r="61" spans="1:91" ht="17.25" customHeight="1" x14ac:dyDescent="0.15"/>
    <row r="62" spans="1:91" ht="17.25" customHeight="1" x14ac:dyDescent="0.15"/>
    <row r="63" spans="1:91" ht="17.25" customHeight="1" x14ac:dyDescent="0.15"/>
    <row r="64" spans="1:91" ht="17.25" customHeight="1" x14ac:dyDescent="0.15"/>
    <row r="65" ht="17.25" customHeight="1" x14ac:dyDescent="0.15"/>
    <row r="66" ht="17.25" customHeight="1" x14ac:dyDescent="0.15"/>
    <row r="67" ht="17.25" customHeight="1" x14ac:dyDescent="0.15"/>
    <row r="68" ht="17.25" customHeight="1" x14ac:dyDescent="0.15"/>
    <row r="69" ht="17.25" customHeight="1" x14ac:dyDescent="0.15"/>
    <row r="70" ht="17.25" customHeight="1" x14ac:dyDescent="0.15"/>
    <row r="71" ht="17.25" customHeight="1" x14ac:dyDescent="0.15"/>
    <row r="72" ht="17.25" customHeight="1" x14ac:dyDescent="0.15"/>
    <row r="73" ht="17.25" customHeight="1" x14ac:dyDescent="0.15"/>
    <row r="74" ht="17.25" customHeight="1" x14ac:dyDescent="0.15"/>
    <row r="75" ht="17.25" customHeight="1" x14ac:dyDescent="0.15"/>
    <row r="76" ht="17.25" customHeight="1" x14ac:dyDescent="0.15"/>
    <row r="77" ht="17.25" customHeight="1" x14ac:dyDescent="0.15"/>
    <row r="78" ht="17.25" customHeight="1" x14ac:dyDescent="0.15"/>
    <row r="79" ht="17.25" customHeight="1" x14ac:dyDescent="0.15"/>
    <row r="80" ht="17.25" customHeight="1" x14ac:dyDescent="0.15"/>
    <row r="81" ht="17.25" customHeight="1" x14ac:dyDescent="0.15"/>
    <row r="82" ht="17.25" customHeight="1" x14ac:dyDescent="0.15"/>
    <row r="83" ht="17.25" customHeight="1" x14ac:dyDescent="0.15"/>
    <row r="84" ht="17.25" customHeight="1" x14ac:dyDescent="0.15"/>
    <row r="85" ht="17.25" customHeight="1" x14ac:dyDescent="0.15"/>
    <row r="86" ht="17.25" customHeight="1" x14ac:dyDescent="0.15"/>
    <row r="87" ht="17.25" customHeight="1" x14ac:dyDescent="0.15"/>
    <row r="88" ht="17.25" customHeight="1" x14ac:dyDescent="0.15"/>
    <row r="89" ht="17.25" customHeight="1" x14ac:dyDescent="0.15"/>
    <row r="90" ht="17.25" customHeight="1" x14ac:dyDescent="0.15"/>
    <row r="91" ht="17.25" customHeight="1" x14ac:dyDescent="0.15"/>
    <row r="92" ht="17.25" customHeight="1" x14ac:dyDescent="0.15"/>
    <row r="93" ht="17.25" customHeight="1" x14ac:dyDescent="0.15"/>
    <row r="94" ht="17.25" customHeight="1" x14ac:dyDescent="0.15"/>
    <row r="95" ht="17.25" customHeight="1" x14ac:dyDescent="0.15"/>
    <row r="96" ht="17.25" customHeight="1" x14ac:dyDescent="0.15"/>
    <row r="97" ht="17.25" customHeight="1" x14ac:dyDescent="0.15"/>
    <row r="98" ht="17.25" customHeight="1" x14ac:dyDescent="0.15"/>
    <row r="99" ht="17.25" customHeight="1" x14ac:dyDescent="0.15"/>
    <row r="100" ht="17.25" customHeight="1" x14ac:dyDescent="0.15"/>
    <row r="101" ht="17.25" customHeight="1" x14ac:dyDescent="0.15"/>
    <row r="102" ht="17.25" customHeight="1" x14ac:dyDescent="0.15"/>
    <row r="103" ht="17.25" customHeight="1" x14ac:dyDescent="0.15"/>
    <row r="104" ht="17.25" customHeight="1" x14ac:dyDescent="0.15"/>
    <row r="105" ht="17.25" customHeight="1" x14ac:dyDescent="0.15"/>
    <row r="106" ht="17.25" customHeight="1" x14ac:dyDescent="0.15"/>
    <row r="107" ht="17.25" customHeight="1" x14ac:dyDescent="0.15"/>
    <row r="108" ht="17.25" customHeight="1" x14ac:dyDescent="0.15"/>
    <row r="109" ht="17.25" customHeight="1" x14ac:dyDescent="0.15"/>
    <row r="110" ht="17.25" customHeight="1" x14ac:dyDescent="0.15"/>
    <row r="111" ht="17.25" customHeight="1" x14ac:dyDescent="0.15"/>
    <row r="112" ht="17.25" customHeight="1" x14ac:dyDescent="0.15"/>
    <row r="113" ht="17.25" customHeight="1" x14ac:dyDescent="0.15"/>
    <row r="114" ht="17.25" customHeight="1" x14ac:dyDescent="0.15"/>
    <row r="115" ht="17.25" customHeight="1" x14ac:dyDescent="0.15"/>
    <row r="116" ht="17.25" customHeight="1" x14ac:dyDescent="0.15"/>
    <row r="117" ht="17.25" customHeight="1" x14ac:dyDescent="0.15"/>
    <row r="118" ht="17.25" customHeight="1" x14ac:dyDescent="0.15"/>
    <row r="119" ht="17.25" customHeight="1" x14ac:dyDescent="0.15"/>
    <row r="120" ht="17.25" customHeight="1" x14ac:dyDescent="0.15"/>
    <row r="121" ht="17.25" customHeight="1" x14ac:dyDescent="0.15"/>
    <row r="122" ht="17.25" customHeight="1" x14ac:dyDescent="0.15"/>
    <row r="123" ht="17.25" customHeight="1" x14ac:dyDescent="0.15"/>
    <row r="124" ht="17.25" customHeight="1" x14ac:dyDescent="0.15"/>
    <row r="125" ht="17.25" customHeight="1" x14ac:dyDescent="0.15"/>
    <row r="126" ht="17.25" customHeight="1" x14ac:dyDescent="0.15"/>
    <row r="127" ht="17.25" customHeight="1" x14ac:dyDescent="0.15"/>
    <row r="128" ht="17.25" customHeight="1" x14ac:dyDescent="0.15"/>
    <row r="129" ht="17.25" customHeight="1" x14ac:dyDescent="0.15"/>
    <row r="130" ht="17.25" customHeight="1" x14ac:dyDescent="0.15"/>
    <row r="131" ht="17.25" customHeight="1" x14ac:dyDescent="0.15"/>
    <row r="132" ht="17.25" customHeight="1" x14ac:dyDescent="0.15"/>
    <row r="133" ht="17.25" customHeight="1" x14ac:dyDescent="0.15"/>
    <row r="134" ht="17.25" customHeight="1" x14ac:dyDescent="0.15"/>
    <row r="135" ht="17.25" customHeight="1" x14ac:dyDescent="0.15"/>
    <row r="136" ht="17.25" customHeight="1" x14ac:dyDescent="0.15"/>
    <row r="137" ht="17.25" customHeight="1" x14ac:dyDescent="0.15"/>
    <row r="138" ht="17.25" customHeight="1" x14ac:dyDescent="0.15"/>
    <row r="139" ht="17.25" customHeight="1" x14ac:dyDescent="0.15"/>
    <row r="140" ht="17.25" customHeight="1" x14ac:dyDescent="0.15"/>
    <row r="141" ht="17.25" customHeight="1" x14ac:dyDescent="0.15"/>
    <row r="142" ht="17.25" customHeight="1" x14ac:dyDescent="0.15"/>
    <row r="143" ht="17.25" customHeight="1" x14ac:dyDescent="0.15"/>
    <row r="144" ht="17.25" customHeight="1" x14ac:dyDescent="0.15"/>
    <row r="145" ht="17.25" customHeight="1" x14ac:dyDescent="0.15"/>
    <row r="146" ht="17.25" customHeight="1" x14ac:dyDescent="0.15"/>
    <row r="147" ht="17.25" customHeight="1" x14ac:dyDescent="0.15"/>
    <row r="148" ht="17.25" customHeight="1" x14ac:dyDescent="0.15"/>
    <row r="149" ht="17.25" customHeight="1" x14ac:dyDescent="0.15"/>
    <row r="150" ht="17.25" customHeight="1" x14ac:dyDescent="0.15"/>
    <row r="151" ht="17.25" customHeight="1" x14ac:dyDescent="0.15"/>
    <row r="152" ht="17.25" customHeight="1" x14ac:dyDescent="0.15"/>
    <row r="153" ht="17.25" customHeight="1" x14ac:dyDescent="0.15"/>
    <row r="154" ht="17.25" customHeight="1" x14ac:dyDescent="0.15"/>
    <row r="155" ht="17.25" customHeight="1" x14ac:dyDescent="0.15"/>
    <row r="156" ht="17.25" customHeight="1" x14ac:dyDescent="0.15"/>
    <row r="157" ht="17.25" customHeight="1" x14ac:dyDescent="0.15"/>
    <row r="158" ht="17.25" customHeight="1" x14ac:dyDescent="0.15"/>
    <row r="159" ht="17.25" customHeight="1" x14ac:dyDescent="0.15"/>
    <row r="160" ht="17.25" customHeight="1" x14ac:dyDescent="0.15"/>
    <row r="161" ht="17.25" customHeight="1" x14ac:dyDescent="0.15"/>
    <row r="162" ht="17.25" customHeight="1" x14ac:dyDescent="0.15"/>
    <row r="163" ht="17.25" customHeight="1" x14ac:dyDescent="0.15"/>
    <row r="164" ht="17.25" customHeight="1" x14ac:dyDescent="0.15"/>
    <row r="165" ht="17.25" customHeight="1" x14ac:dyDescent="0.15"/>
    <row r="166" ht="17.25" customHeight="1" x14ac:dyDescent="0.15"/>
    <row r="167" ht="17.25" customHeight="1" x14ac:dyDescent="0.15"/>
    <row r="168" ht="17.25" customHeight="1" x14ac:dyDescent="0.15"/>
    <row r="169" ht="17.25" customHeight="1" x14ac:dyDescent="0.15"/>
    <row r="170" ht="17.25" customHeight="1" x14ac:dyDescent="0.15"/>
    <row r="171" ht="17.25" customHeight="1" x14ac:dyDescent="0.15"/>
    <row r="172" ht="17.25" customHeight="1" x14ac:dyDescent="0.15"/>
    <row r="173" ht="17.25" customHeight="1" x14ac:dyDescent="0.15"/>
    <row r="174" ht="17.25" customHeight="1" x14ac:dyDescent="0.15"/>
    <row r="175" ht="17.25" customHeight="1" x14ac:dyDescent="0.15"/>
    <row r="176" ht="17.25" customHeight="1" x14ac:dyDescent="0.15"/>
    <row r="177" ht="17.25" customHeight="1" x14ac:dyDescent="0.15"/>
    <row r="178" ht="17.25" customHeight="1" x14ac:dyDescent="0.15"/>
    <row r="179" ht="17.25" customHeight="1" x14ac:dyDescent="0.15"/>
    <row r="180" ht="17.25" customHeight="1" x14ac:dyDescent="0.15"/>
    <row r="181" ht="17.25" customHeight="1" x14ac:dyDescent="0.15"/>
    <row r="182" ht="17.25" customHeight="1" x14ac:dyDescent="0.15"/>
    <row r="183" ht="17.25" customHeight="1" x14ac:dyDescent="0.15"/>
    <row r="184" ht="17.25" customHeight="1" x14ac:dyDescent="0.15"/>
    <row r="185" ht="17.25" customHeight="1" x14ac:dyDescent="0.15"/>
    <row r="186" ht="17.25" customHeight="1" x14ac:dyDescent="0.15"/>
    <row r="187" ht="17.25" customHeight="1" x14ac:dyDescent="0.15"/>
    <row r="188" ht="17.25" customHeight="1" x14ac:dyDescent="0.15"/>
    <row r="189" ht="17.25" customHeight="1" x14ac:dyDescent="0.15"/>
    <row r="190" ht="17.25" customHeight="1" x14ac:dyDescent="0.15"/>
    <row r="191" ht="17.25" customHeight="1" x14ac:dyDescent="0.15"/>
    <row r="192" ht="17.25" customHeight="1" x14ac:dyDescent="0.15"/>
    <row r="193" ht="17.25" customHeight="1" x14ac:dyDescent="0.15"/>
    <row r="194" ht="17.25" customHeight="1" x14ac:dyDescent="0.15"/>
    <row r="195" ht="17.25" customHeight="1" x14ac:dyDescent="0.15"/>
    <row r="196" ht="17.25" customHeight="1" x14ac:dyDescent="0.15"/>
    <row r="197" ht="17.25" customHeight="1" x14ac:dyDescent="0.15"/>
    <row r="198" ht="17.25" customHeight="1" x14ac:dyDescent="0.15"/>
    <row r="199" ht="17.25" customHeight="1" x14ac:dyDescent="0.15"/>
    <row r="200" ht="17.25" customHeight="1" x14ac:dyDescent="0.15"/>
    <row r="201" ht="17.25" customHeight="1" x14ac:dyDescent="0.15"/>
    <row r="202" ht="17.25" customHeight="1" x14ac:dyDescent="0.15"/>
    <row r="203" ht="17.25" customHeight="1" x14ac:dyDescent="0.15"/>
    <row r="204" ht="17.25" customHeight="1" x14ac:dyDescent="0.15"/>
    <row r="205" ht="17.25" customHeight="1" x14ac:dyDescent="0.15"/>
    <row r="206" ht="17.25" customHeight="1" x14ac:dyDescent="0.15"/>
    <row r="207" ht="17.25" customHeight="1" x14ac:dyDescent="0.15"/>
    <row r="208" ht="17.25" customHeight="1" x14ac:dyDescent="0.15"/>
    <row r="209" ht="17.25" customHeight="1" x14ac:dyDescent="0.15"/>
    <row r="210" ht="17.25" customHeight="1" x14ac:dyDescent="0.15"/>
    <row r="211" ht="17.25" customHeight="1" x14ac:dyDescent="0.15"/>
    <row r="212" ht="17.25" customHeight="1" x14ac:dyDescent="0.15"/>
    <row r="213" ht="17.25" customHeight="1" x14ac:dyDescent="0.15"/>
    <row r="214" ht="17.25" customHeight="1" x14ac:dyDescent="0.15"/>
    <row r="215" ht="17.25" customHeight="1" x14ac:dyDescent="0.15"/>
    <row r="216" ht="17.25" customHeight="1" x14ac:dyDescent="0.15"/>
    <row r="217" ht="17.25" customHeight="1" x14ac:dyDescent="0.15"/>
    <row r="218" ht="17.25" customHeight="1" x14ac:dyDescent="0.15"/>
    <row r="219" ht="17.25" customHeight="1" x14ac:dyDescent="0.15"/>
    <row r="220" ht="17.25" customHeight="1" x14ac:dyDescent="0.15"/>
    <row r="221" ht="17.25" customHeight="1" x14ac:dyDescent="0.15"/>
    <row r="222" ht="17.25" customHeight="1" x14ac:dyDescent="0.15"/>
    <row r="223" ht="17.25" customHeight="1" x14ac:dyDescent="0.15"/>
    <row r="224" ht="17.25" customHeight="1" x14ac:dyDescent="0.15"/>
    <row r="225" ht="17.25" customHeight="1" x14ac:dyDescent="0.15"/>
    <row r="226" ht="17.25" customHeight="1" x14ac:dyDescent="0.15"/>
    <row r="227" ht="17.25" customHeight="1" x14ac:dyDescent="0.15"/>
    <row r="228" ht="17.25" customHeight="1" x14ac:dyDescent="0.15"/>
    <row r="229" ht="17.25" customHeight="1" x14ac:dyDescent="0.15"/>
    <row r="230" ht="17.25" customHeight="1" x14ac:dyDescent="0.15"/>
    <row r="231" ht="17.25" customHeight="1" x14ac:dyDescent="0.15"/>
    <row r="232" ht="17.25" customHeight="1" x14ac:dyDescent="0.15"/>
    <row r="233" ht="17.25" customHeight="1" x14ac:dyDescent="0.15"/>
    <row r="234" ht="17.25" customHeight="1" x14ac:dyDescent="0.15"/>
    <row r="235" ht="17.25" customHeight="1" x14ac:dyDescent="0.15"/>
    <row r="236" ht="17.25" customHeight="1" x14ac:dyDescent="0.15"/>
    <row r="237" ht="17.25" customHeight="1" x14ac:dyDescent="0.15"/>
    <row r="238" ht="17.25" customHeight="1" x14ac:dyDescent="0.15"/>
    <row r="239" ht="17.25" customHeight="1" x14ac:dyDescent="0.15"/>
    <row r="240" ht="17.25" customHeight="1" x14ac:dyDescent="0.15"/>
    <row r="241" ht="17.25" customHeight="1" x14ac:dyDescent="0.15"/>
    <row r="242" ht="17.25" customHeight="1" x14ac:dyDescent="0.15"/>
    <row r="243" ht="17.25" customHeight="1" x14ac:dyDescent="0.15"/>
    <row r="244" ht="17.25" customHeight="1" x14ac:dyDescent="0.15"/>
    <row r="245" ht="17.25" customHeight="1" x14ac:dyDescent="0.15"/>
    <row r="246" ht="17.25" customHeight="1" x14ac:dyDescent="0.15"/>
    <row r="247" ht="17.25" customHeight="1" x14ac:dyDescent="0.15"/>
    <row r="248" ht="17.25" customHeight="1" x14ac:dyDescent="0.15"/>
    <row r="249" ht="17.25" customHeight="1" x14ac:dyDescent="0.15"/>
    <row r="250" ht="17.25" customHeight="1" x14ac:dyDescent="0.15"/>
    <row r="251" ht="17.25" customHeight="1" x14ac:dyDescent="0.15"/>
    <row r="252" ht="17.25" customHeight="1" x14ac:dyDescent="0.15"/>
    <row r="253" ht="17.25" customHeight="1" x14ac:dyDescent="0.15"/>
    <row r="254" ht="17.25" customHeight="1" x14ac:dyDescent="0.15"/>
    <row r="255" ht="17.25" customHeight="1" x14ac:dyDescent="0.15"/>
    <row r="256" ht="17.25" customHeight="1" x14ac:dyDescent="0.15"/>
    <row r="257" ht="17.25" customHeight="1" x14ac:dyDescent="0.15"/>
    <row r="258" ht="17.25" customHeight="1" x14ac:dyDescent="0.15"/>
    <row r="259" ht="17.25" customHeight="1" x14ac:dyDescent="0.15"/>
    <row r="260" ht="17.25" customHeight="1" x14ac:dyDescent="0.15"/>
    <row r="261" ht="17.25" customHeight="1" x14ac:dyDescent="0.15"/>
    <row r="262" ht="17.25" customHeight="1" x14ac:dyDescent="0.15"/>
    <row r="263" ht="17.25" customHeight="1" x14ac:dyDescent="0.15"/>
    <row r="264" ht="17.25" customHeight="1" x14ac:dyDescent="0.15"/>
    <row r="265" ht="17.25" customHeight="1" x14ac:dyDescent="0.15"/>
    <row r="266" ht="17.25" customHeight="1" x14ac:dyDescent="0.15"/>
    <row r="267" ht="17.25" customHeight="1" x14ac:dyDescent="0.15"/>
    <row r="268" ht="17.25" customHeight="1" x14ac:dyDescent="0.15"/>
    <row r="269" ht="17.25" customHeight="1" x14ac:dyDescent="0.15"/>
    <row r="270" ht="17.25" customHeight="1" x14ac:dyDescent="0.15"/>
    <row r="271" ht="17.25" customHeight="1" x14ac:dyDescent="0.15"/>
    <row r="272" ht="17.25" customHeight="1" x14ac:dyDescent="0.15"/>
    <row r="273" ht="17.25" customHeight="1" x14ac:dyDescent="0.15"/>
    <row r="274" ht="17.25" customHeight="1" x14ac:dyDescent="0.15"/>
    <row r="275" ht="17.25" customHeight="1" x14ac:dyDescent="0.15"/>
    <row r="276" ht="17.25" customHeight="1" x14ac:dyDescent="0.15"/>
    <row r="277" ht="17.25" customHeight="1" x14ac:dyDescent="0.15"/>
    <row r="278" ht="17.25" customHeight="1" x14ac:dyDescent="0.15"/>
    <row r="279" ht="17.25" customHeight="1" x14ac:dyDescent="0.15"/>
    <row r="280" ht="17.25" customHeight="1" x14ac:dyDescent="0.15"/>
    <row r="281" ht="17.25" customHeight="1" x14ac:dyDescent="0.15"/>
    <row r="282" ht="17.25" customHeight="1" x14ac:dyDescent="0.15"/>
    <row r="283" ht="17.25" customHeight="1" x14ac:dyDescent="0.15"/>
    <row r="284" ht="17.25" customHeight="1" x14ac:dyDescent="0.15"/>
    <row r="285" ht="17.25" customHeight="1" x14ac:dyDescent="0.15"/>
    <row r="286" ht="17.25" customHeight="1" x14ac:dyDescent="0.15"/>
    <row r="287" ht="17.25" customHeight="1" x14ac:dyDescent="0.15"/>
    <row r="288" ht="17.25" customHeight="1" x14ac:dyDescent="0.15"/>
    <row r="289" ht="17.25" customHeight="1" x14ac:dyDescent="0.15"/>
    <row r="290" ht="17.25" customHeight="1" x14ac:dyDescent="0.15"/>
    <row r="291" ht="17.25" customHeight="1" x14ac:dyDescent="0.15"/>
    <row r="292" ht="17.25" customHeight="1" x14ac:dyDescent="0.15"/>
    <row r="293" ht="17.25" customHeight="1" x14ac:dyDescent="0.15"/>
    <row r="294" ht="17.25" customHeight="1" x14ac:dyDescent="0.15"/>
    <row r="295" ht="17.25" customHeight="1" x14ac:dyDescent="0.15"/>
    <row r="296" ht="17.25" customHeight="1" x14ac:dyDescent="0.15"/>
    <row r="297" ht="17.25" customHeight="1" x14ac:dyDescent="0.15"/>
    <row r="298" ht="17.25" customHeight="1" x14ac:dyDescent="0.15"/>
    <row r="299" ht="17.25" customHeight="1" x14ac:dyDescent="0.15"/>
    <row r="300" ht="17.25" customHeight="1" x14ac:dyDescent="0.15"/>
    <row r="301" ht="17.25" customHeight="1" x14ac:dyDescent="0.15"/>
    <row r="302" ht="17.25" customHeight="1" x14ac:dyDescent="0.15"/>
    <row r="303" ht="17.25" customHeight="1" x14ac:dyDescent="0.15"/>
    <row r="304" ht="17.25" customHeight="1" x14ac:dyDescent="0.15"/>
    <row r="305" ht="17.25" customHeight="1" x14ac:dyDescent="0.15"/>
    <row r="306" ht="17.25" customHeight="1" x14ac:dyDescent="0.15"/>
    <row r="307" ht="17.25" customHeight="1" x14ac:dyDescent="0.15"/>
    <row r="308" ht="17.25" customHeight="1" x14ac:dyDescent="0.15"/>
    <row r="309" ht="17.25" customHeight="1" x14ac:dyDescent="0.15"/>
    <row r="310" ht="17.25" customHeight="1" x14ac:dyDescent="0.15"/>
    <row r="311" ht="17.25" customHeight="1" x14ac:dyDescent="0.15"/>
    <row r="312" ht="17.25" customHeight="1" x14ac:dyDescent="0.15"/>
    <row r="313" ht="17.25" customHeight="1" x14ac:dyDescent="0.15"/>
    <row r="314" ht="17.25" customHeight="1" x14ac:dyDescent="0.15"/>
    <row r="315" ht="17.25" customHeight="1" x14ac:dyDescent="0.15"/>
    <row r="316" ht="17.25" customHeight="1" x14ac:dyDescent="0.15"/>
    <row r="317" ht="17.25" customHeight="1" x14ac:dyDescent="0.15"/>
    <row r="318" ht="17.25" customHeight="1" x14ac:dyDescent="0.15"/>
    <row r="319" ht="17.25" customHeight="1" x14ac:dyDescent="0.15"/>
    <row r="320" ht="17.25" customHeight="1" x14ac:dyDescent="0.15"/>
    <row r="321" ht="17.25" customHeight="1" x14ac:dyDescent="0.15"/>
    <row r="322" ht="17.25" customHeight="1" x14ac:dyDescent="0.15"/>
    <row r="323" ht="17.25" customHeight="1" x14ac:dyDescent="0.15"/>
    <row r="324" ht="17.25" customHeight="1" x14ac:dyDescent="0.15"/>
    <row r="325" ht="17.25" customHeight="1" x14ac:dyDescent="0.15"/>
    <row r="326" ht="17.25" customHeight="1" x14ac:dyDescent="0.15"/>
    <row r="327" ht="17.25" customHeight="1" x14ac:dyDescent="0.15"/>
    <row r="328" ht="17.25" customHeight="1" x14ac:dyDescent="0.15"/>
    <row r="329" ht="17.25" customHeight="1" x14ac:dyDescent="0.15"/>
    <row r="330" ht="17.25" customHeight="1" x14ac:dyDescent="0.15"/>
    <row r="331" ht="17.25" customHeight="1" x14ac:dyDescent="0.15"/>
  </sheetData>
  <sheetProtection formatCells="0" selectLockedCells="1"/>
  <mergeCells count="195">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2:M42"/>
    <mergeCell ref="O42:AL42"/>
    <mergeCell ref="AN42:AV43"/>
    <mergeCell ref="AW42:BF43"/>
    <mergeCell ref="A41:M41"/>
    <mergeCell ref="O41:AL41"/>
    <mergeCell ref="AU41:BE41"/>
    <mergeCell ref="BR41:CM41"/>
    <mergeCell ref="A43:M43"/>
    <mergeCell ref="O43:AL43"/>
    <mergeCell ref="BG42:BP43"/>
    <mergeCell ref="BR42:CB43"/>
    <mergeCell ref="CC42:CM43"/>
    <mergeCell ref="A39:M39"/>
    <mergeCell ref="O39:AL39"/>
    <mergeCell ref="AN39:AV40"/>
    <mergeCell ref="AW39:BF40"/>
    <mergeCell ref="BG39:BP40"/>
    <mergeCell ref="BR39:BX40"/>
    <mergeCell ref="BY39:CG40"/>
    <mergeCell ref="CH39:CM40"/>
    <mergeCell ref="A40:M40"/>
    <mergeCell ref="O40:AL40"/>
    <mergeCell ref="A37:M37"/>
    <mergeCell ref="O37:AL37"/>
    <mergeCell ref="AN37:AV38"/>
    <mergeCell ref="AW37:BF38"/>
    <mergeCell ref="BG37:BP38"/>
    <mergeCell ref="BR37:BX38"/>
    <mergeCell ref="BY37:CG38"/>
    <mergeCell ref="CH37:CM38"/>
    <mergeCell ref="A38:M38"/>
    <mergeCell ref="O38:AL38"/>
    <mergeCell ref="AO27:CM27"/>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22:E24"/>
    <mergeCell ref="F22:M22"/>
    <mergeCell ref="O22:P23"/>
    <mergeCell ref="Q22:AL22"/>
    <mergeCell ref="AN22:CM22"/>
    <mergeCell ref="F23:M24"/>
    <mergeCell ref="Q23:AL23"/>
    <mergeCell ref="AO23:CM23"/>
    <mergeCell ref="O24:P25"/>
    <mergeCell ref="Q24:AL24"/>
    <mergeCell ref="AT18:CM19"/>
    <mergeCell ref="F19:M19"/>
    <mergeCell ref="Q19:T19"/>
    <mergeCell ref="U19:X19"/>
    <mergeCell ref="Y19:AL19"/>
    <mergeCell ref="A28:AL28"/>
    <mergeCell ref="AN28:BP28"/>
    <mergeCell ref="A29:AL33"/>
    <mergeCell ref="AO29:BP29"/>
    <mergeCell ref="AO30:BP30"/>
    <mergeCell ref="BY30:CI30"/>
    <mergeCell ref="AO31:BP31"/>
    <mergeCell ref="BR31:BX32"/>
    <mergeCell ref="BY31:CG32"/>
    <mergeCell ref="AO24:CM24"/>
    <mergeCell ref="A25:E27"/>
    <mergeCell ref="F25:M25"/>
    <mergeCell ref="Q25:AL25"/>
    <mergeCell ref="AO25:CM25"/>
    <mergeCell ref="F26:M27"/>
    <mergeCell ref="O26:P27"/>
    <mergeCell ref="Q26:AL26"/>
    <mergeCell ref="AO26:CM26"/>
    <mergeCell ref="Q27:AL27"/>
    <mergeCell ref="AN13:CM13"/>
    <mergeCell ref="AN14:AS15"/>
    <mergeCell ref="AT14:CM15"/>
    <mergeCell ref="F16:M16"/>
    <mergeCell ref="O12:P21"/>
    <mergeCell ref="Q12:T12"/>
    <mergeCell ref="U12:X12"/>
    <mergeCell ref="Q16:T16"/>
    <mergeCell ref="AN16:AS17"/>
    <mergeCell ref="AT16:CM17"/>
    <mergeCell ref="F17:M18"/>
    <mergeCell ref="Q17:T17"/>
    <mergeCell ref="U17:X17"/>
    <mergeCell ref="Y17:AL17"/>
    <mergeCell ref="Q18:T18"/>
    <mergeCell ref="F20:M21"/>
    <mergeCell ref="Q20:T20"/>
    <mergeCell ref="U20:X20"/>
    <mergeCell ref="Y20:AL20"/>
    <mergeCell ref="AN20:AS21"/>
    <mergeCell ref="AT20:CM21"/>
    <mergeCell ref="Q21:AL21"/>
    <mergeCell ref="U18:X18"/>
    <mergeCell ref="AN18:AS19"/>
    <mergeCell ref="A14:E14"/>
    <mergeCell ref="Q14:T14"/>
    <mergeCell ref="U14:X14"/>
    <mergeCell ref="Y14:AL14"/>
    <mergeCell ref="A15:E15"/>
    <mergeCell ref="F15:M15"/>
    <mergeCell ref="Q15:T15"/>
    <mergeCell ref="Y18:AL18"/>
    <mergeCell ref="A16:E21"/>
    <mergeCell ref="F13:M14"/>
    <mergeCell ref="Q13:T13"/>
    <mergeCell ref="U13:X13"/>
    <mergeCell ref="Y13:AL13"/>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 ref="A9:D10"/>
    <mergeCell ref="E9:AL10"/>
    <mergeCell ref="A11:D11"/>
    <mergeCell ref="E11:AL11"/>
    <mergeCell ref="A12:E13"/>
    <mergeCell ref="F12:M12"/>
    <mergeCell ref="N12:N27"/>
  </mergeCells>
  <phoneticPr fontId="3"/>
  <hyperlinks>
    <hyperlink ref="E11" r:id="rId1" display="http://www.city.chigasaki.kanagawa.jp/"/>
    <hyperlink ref="E11:AL11" r:id="rId2" display="http://www.city.chigasaki.kanagawa.jp/"/>
  </hyperlinks>
  <printOptions horizontalCentered="1" verticalCentered="1"/>
  <pageMargins left="0.19685039370078741" right="0.19685039370078741" top="0.59055118110236227" bottom="0.59055118110236227" header="0.51181102362204722" footer="0.19685039370078741"/>
  <pageSetup paperSize="9" scale="61" fitToWidth="2" orientation="landscape" useFirstPageNumber="1" r:id="rId3"/>
  <headerFooter alignWithMargins="0">
    <oddFooter>&amp;C&amp;"ＭＳ 明朝,標準"―9―</oddFooter>
  </headerFooter>
  <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3</vt:i4>
      </vt:variant>
      <vt:variant>
        <vt:lpstr>名前付き一覧</vt:lpstr>
      </vt:variant>
      <vt:variant>
        <vt:i4>20</vt:i4>
      </vt:variant>
    </vt:vector>
  </HeadingPairs>
  <TitlesOfParts>
    <vt:vector size="53" baseType="lpstr">
      <vt:lpstr>01横浜</vt:lpstr>
      <vt:lpstr>02川崎</vt:lpstr>
      <vt:lpstr>03相模原</vt:lpstr>
      <vt:lpstr>04横須賀</vt:lpstr>
      <vt:lpstr>05平塚</vt:lpstr>
      <vt:lpstr>06鎌倉</vt:lpstr>
      <vt:lpstr>07藤沢</vt:lpstr>
      <vt:lpstr>08小田原</vt:lpstr>
      <vt:lpstr>09茅ヶ崎</vt:lpstr>
      <vt:lpstr>10逗子</vt:lpstr>
      <vt:lpstr>11三浦</vt:lpstr>
      <vt:lpstr>12秦野</vt:lpstr>
      <vt:lpstr>13厚木</vt:lpstr>
      <vt:lpstr>14大和</vt:lpstr>
      <vt:lpstr>15伊勢原</vt:lpstr>
      <vt:lpstr>16海老名</vt:lpstr>
      <vt:lpstr>17座間</vt:lpstr>
      <vt:lpstr>18南足柄</vt:lpstr>
      <vt:lpstr>19綾瀬</vt:lpstr>
      <vt:lpstr>20葉山</vt:lpstr>
      <vt:lpstr>21寒川</vt:lpstr>
      <vt:lpstr>22大磯</vt:lpstr>
      <vt:lpstr>23二宮</vt:lpstr>
      <vt:lpstr>24中井</vt:lpstr>
      <vt:lpstr>25大井</vt:lpstr>
      <vt:lpstr>26松田</vt:lpstr>
      <vt:lpstr>27山北</vt:lpstr>
      <vt:lpstr>28開成</vt:lpstr>
      <vt:lpstr>29箱根</vt:lpstr>
      <vt:lpstr>30真鶴</vt:lpstr>
      <vt:lpstr>31湯河原</vt:lpstr>
      <vt:lpstr>32愛川</vt:lpstr>
      <vt:lpstr>33清川</vt:lpstr>
      <vt:lpstr>'01横浜'!Print_Area</vt:lpstr>
      <vt:lpstr>'02川崎'!Print_Area</vt:lpstr>
      <vt:lpstr>'03相模原'!Print_Area</vt:lpstr>
      <vt:lpstr>'04横須賀'!Print_Area</vt:lpstr>
      <vt:lpstr>'06鎌倉'!Print_Area</vt:lpstr>
      <vt:lpstr>'12秦野'!Print_Area</vt:lpstr>
      <vt:lpstr>'14大和'!Print_Area</vt:lpstr>
      <vt:lpstr>'17座間'!Print_Area</vt:lpstr>
      <vt:lpstr>'19綾瀬'!Print_Area</vt:lpstr>
      <vt:lpstr>'23二宮'!Print_Area</vt:lpstr>
      <vt:lpstr>'24中井'!Print_Area</vt:lpstr>
      <vt:lpstr>'25大井'!Print_Area</vt:lpstr>
      <vt:lpstr>'26松田'!Print_Area</vt:lpstr>
      <vt:lpstr>'27山北'!Print_Area</vt:lpstr>
      <vt:lpstr>'28開成'!Print_Area</vt:lpstr>
      <vt:lpstr>'29箱根'!Print_Area</vt:lpstr>
      <vt:lpstr>'30真鶴'!Print_Area</vt:lpstr>
      <vt:lpstr>'31湯河原'!Print_Area</vt:lpstr>
      <vt:lpstr>'32愛川'!Print_Area</vt:lpstr>
      <vt:lpstr>'33清川'!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澤 ゆう</dc:creator>
  <cp:lastModifiedBy>user</cp:lastModifiedBy>
  <cp:lastPrinted>2025-09-08T06:51:10Z</cp:lastPrinted>
  <dcterms:created xsi:type="dcterms:W3CDTF">2012-08-15T02:00:37Z</dcterms:created>
  <dcterms:modified xsi:type="dcterms:W3CDTF">2025-09-08T06:58:19Z</dcterms:modified>
</cp:coreProperties>
</file>